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09_HP掲載(起案）\２回目\HP掲載用（ローマ字表記）\"/>
    </mc:Choice>
  </mc:AlternateContent>
  <bookViews>
    <workbookView xWindow="14910" yWindow="1470" windowWidth="10250" windowHeight="1092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8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BG34" i="10" l="1"/>
  <c r="AO34" i="10"/>
  <c r="W38"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C38" i="10"/>
  <c r="CO37" i="10"/>
  <c r="BE37" i="10"/>
  <c r="AM37" i="10"/>
  <c r="C37" i="10"/>
  <c r="CO36" i="10"/>
  <c r="BE36" i="10"/>
  <c r="AM36" i="10"/>
  <c r="C36" i="10"/>
  <c r="CO35" i="10"/>
  <c r="BE35" i="10"/>
  <c r="AM35" i="10"/>
  <c r="CO34" i="10"/>
  <c r="BW34" i="10"/>
  <c r="BW35" i="10" s="1"/>
  <c r="BW36" i="10" s="1"/>
  <c r="BW37" i="10" s="1"/>
  <c r="BW38" i="10" s="1"/>
  <c r="C34" i="10"/>
  <c r="C35" i="10" l="1"/>
  <c r="U34" i="10"/>
  <c r="U35" i="10" s="1"/>
  <c r="U36" i="10" s="1"/>
  <c r="U37" i="10" s="1"/>
  <c r="U38"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BE34" i="10" s="1"/>
</calcChain>
</file>

<file path=xl/sharedStrings.xml><?xml version="1.0" encoding="utf-8"?>
<sst xmlns="http://schemas.openxmlformats.org/spreadsheetml/2006/main" count="1148" uniqueCount="62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Ⅱ－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真鶴町</t>
    <phoneticPr fontId="5"/>
  </si>
  <si>
    <t>地方交付税種地</t>
    <rPh sb="0" eb="2">
      <t>チホウ</t>
    </rPh>
    <rPh sb="2" eb="5">
      <t>コウフゼイ</t>
    </rPh>
    <rPh sb="5" eb="6">
      <t>シュ</t>
    </rPh>
    <rPh sb="6" eb="7">
      <t>チ</t>
    </rPh>
    <phoneticPr fontId="5"/>
  </si>
  <si>
    <t>2-3</t>
    <phoneticPr fontId="5"/>
  </si>
  <si>
    <t>財源超過</t>
    <rPh sb="0" eb="2">
      <t>ザイゲン</t>
    </rPh>
    <rPh sb="2" eb="4">
      <t>チョウカ</t>
    </rPh>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8.3</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5</t>
    <phoneticPr fontId="5"/>
  </si>
  <si>
    <t>基準財政需要額</t>
    <phoneticPr fontId="25"/>
  </si>
  <si>
    <t>うち日本人(％)</t>
    <phoneticPr fontId="5"/>
  </si>
  <si>
    <t>-1.6</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t>
    <phoneticPr fontId="5"/>
  </si>
  <si>
    <t>*</t>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真鶴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6"/>
  </si>
  <si>
    <t>介護サービス</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真鶴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真鶴魚座・ケープ真鶴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事業勘定）</t>
    <phoneticPr fontId="5"/>
  </si>
  <si>
    <t>国民健康保険事業特別会計（施設勘定）</t>
    <phoneticPr fontId="5"/>
  </si>
  <si>
    <t>介護保険事業特別会計（保険事業勘定）</t>
    <phoneticPr fontId="5"/>
  </si>
  <si>
    <t>介護保険事業特別会計（介護サービス事業勘定）</t>
    <phoneticPr fontId="5"/>
  </si>
  <si>
    <t>後期高齢者医療特別会計</t>
    <phoneticPr fontId="5"/>
  </si>
  <si>
    <t>水道事業会計</t>
    <phoneticPr fontId="5"/>
  </si>
  <si>
    <t>法適用企業</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t>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t>
    <phoneticPr fontId="5"/>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国民健康保険事業特別会計（施設勘定）</t>
    <phoneticPr fontId="5"/>
  </si>
  <si>
    <t xml:space="preserve">基準財政需要額算入見込額 </t>
    <rPh sb="0" eb="2">
      <t>キジュン</t>
    </rPh>
    <rPh sb="2" eb="4">
      <t>ザイセイ</t>
    </rPh>
    <rPh sb="4" eb="7">
      <t>ジュヨウガク</t>
    </rPh>
    <rPh sb="7" eb="9">
      <t>サンニュウ</t>
    </rPh>
    <rPh sb="9" eb="12">
      <t>ミコミガク</t>
    </rPh>
    <phoneticPr fontId="31"/>
  </si>
  <si>
    <t>水道事業会計</t>
    <phoneticPr fontId="5"/>
  </si>
  <si>
    <t>(Ｆ)</t>
    <phoneticPr fontId="5"/>
  </si>
  <si>
    <t>介護保険事業特別会計（介護サービス事業勘定）</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t>
    <phoneticPr fontId="5"/>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1.65</t>
  </si>
  <si>
    <t>▲ 4.80</t>
  </si>
  <si>
    <t>▲ 2.13</t>
  </si>
  <si>
    <t>▲ 1.94</t>
  </si>
  <si>
    <t>一般会計</t>
  </si>
  <si>
    <t>水道事業会計</t>
  </si>
  <si>
    <t>介護保険事業特別会計（保険事業勘定）</t>
  </si>
  <si>
    <t>国民健康保険事業特別会計（事業勘定）</t>
  </si>
  <si>
    <t>真鶴魚座・ケープ真鶴特別会計</t>
  </si>
  <si>
    <t>後期高齢者医療特別会計</t>
  </si>
  <si>
    <t>介護保険事業特別会計（介護サービス事業勘定）</t>
  </si>
  <si>
    <t>下水道事業特別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湯河原町真鶴町衛生組合</t>
    <rPh sb="0" eb="4">
      <t>ユガワラマチ</t>
    </rPh>
    <rPh sb="4" eb="7">
      <t>マナヅルマチ</t>
    </rPh>
    <rPh sb="7" eb="11">
      <t>エイセイ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9">
      <t>コウキコウレイシャ</t>
    </rPh>
    <rPh sb="9" eb="11">
      <t>イリョウ</t>
    </rPh>
    <rPh sb="11" eb="13">
      <t>コウイキ</t>
    </rPh>
    <rPh sb="13" eb="15">
      <t>レンゴウ</t>
    </rPh>
    <rPh sb="16" eb="20">
      <t>イッパンカイケイ</t>
    </rPh>
    <phoneticPr fontId="2"/>
  </si>
  <si>
    <t>神奈川県後期高齢者医療広域連合（事業会計）</t>
    <rPh sb="0" eb="4">
      <t>カナガワケン</t>
    </rPh>
    <rPh sb="4" eb="6">
      <t>コウキ</t>
    </rPh>
    <rPh sb="6" eb="9">
      <t>コウレイシャ</t>
    </rPh>
    <rPh sb="9" eb="11">
      <t>イリョウ</t>
    </rPh>
    <rPh sb="11" eb="13">
      <t>コウイキ</t>
    </rPh>
    <rPh sb="13" eb="15">
      <t>レンゴウ</t>
    </rPh>
    <rPh sb="16" eb="18">
      <t>ジギョウ</t>
    </rPh>
    <rPh sb="18" eb="20">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公益財団法人かながわ海岸美化財団</t>
    <rPh sb="0" eb="2">
      <t>コウエキ</t>
    </rPh>
    <rPh sb="2" eb="4">
      <t>ザイダン</t>
    </rPh>
    <rPh sb="4" eb="6">
      <t>ホウジン</t>
    </rPh>
    <rPh sb="10" eb="12">
      <t>カイガン</t>
    </rPh>
    <rPh sb="12" eb="14">
      <t>ビカ</t>
    </rPh>
    <rPh sb="14" eb="16">
      <t>ザイダン</t>
    </rPh>
    <phoneticPr fontId="2"/>
  </si>
  <si>
    <t>公益財団法人かながわ健康財団</t>
    <rPh sb="0" eb="2">
      <t>コウエキ</t>
    </rPh>
    <rPh sb="2" eb="4">
      <t>ザイダン</t>
    </rPh>
    <rPh sb="4" eb="6">
      <t>ホウジン</t>
    </rPh>
    <rPh sb="10" eb="12">
      <t>ケンコウ</t>
    </rPh>
    <rPh sb="12" eb="14">
      <t>ザイダン</t>
    </rPh>
    <phoneticPr fontId="2"/>
  </si>
  <si>
    <t>-</t>
    <phoneticPr fontId="2"/>
  </si>
  <si>
    <t>教育施設整備基金</t>
    <rPh sb="0" eb="4">
      <t>キョウイクシセツ</t>
    </rPh>
    <rPh sb="4" eb="8">
      <t>セイビキキン</t>
    </rPh>
    <phoneticPr fontId="5"/>
  </si>
  <si>
    <t>ふるさと応援基金</t>
    <rPh sb="4" eb="6">
      <t>オウエン</t>
    </rPh>
    <rPh sb="6" eb="8">
      <t>キキン</t>
    </rPh>
    <phoneticPr fontId="2"/>
  </si>
  <si>
    <t>真鶴町感染症対策基金</t>
    <rPh sb="0" eb="3">
      <t>マナヅルマチ</t>
    </rPh>
    <rPh sb="3" eb="6">
      <t>カンセンショウ</t>
    </rPh>
    <rPh sb="6" eb="10">
      <t>タイサクキキン</t>
    </rPh>
    <phoneticPr fontId="2"/>
  </si>
  <si>
    <t>まちづくり推進事業基金</t>
    <rPh sb="5" eb="9">
      <t>スイシンジギョウ</t>
    </rPh>
    <rPh sb="9" eb="11">
      <t>キキン</t>
    </rPh>
    <phoneticPr fontId="2"/>
  </si>
  <si>
    <t>過疎地域持続的発展特別事業基金</t>
    <rPh sb="0" eb="2">
      <t>カソ</t>
    </rPh>
    <rPh sb="2" eb="4">
      <t>チイキ</t>
    </rPh>
    <rPh sb="4" eb="6">
      <t>ジゾク</t>
    </rPh>
    <rPh sb="6" eb="7">
      <t>テキ</t>
    </rPh>
    <rPh sb="7" eb="9">
      <t>ハッテン</t>
    </rPh>
    <rPh sb="9" eb="11">
      <t>トクベツ</t>
    </rPh>
    <rPh sb="11" eb="13">
      <t>ジギョウ</t>
    </rPh>
    <rPh sb="13" eb="15">
      <t>キキン</t>
    </rPh>
    <phoneticPr fontId="2"/>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将来負担比率は年々減少傾向にあり、令和４年度は令和３年度に比して22.6％減少しているが、類似団体平均と比較するといまだ高い水準にある。
施設の老朽化も進んでおり、今後、公共施設等の維持管理に要する経費も増大していることが予想されることから、公共施設等総合管理計画に基づき、今後は公共施設の更新、維持又は集約化等を積極的に進め、将来負担の抑制を目指す。</t>
    <rPh sb="0" eb="6">
      <t>ショウライフタンヒリツ</t>
    </rPh>
    <rPh sb="7" eb="9">
      <t>ネンネン</t>
    </rPh>
    <rPh sb="9" eb="13">
      <t>ゲンショウケイコウ</t>
    </rPh>
    <rPh sb="17" eb="19">
      <t>レイワ</t>
    </rPh>
    <rPh sb="20" eb="22">
      <t>ネンド</t>
    </rPh>
    <rPh sb="23" eb="25">
      <t>レイワ</t>
    </rPh>
    <rPh sb="26" eb="28">
      <t>ネンド</t>
    </rPh>
    <rPh sb="29" eb="30">
      <t>ヒ</t>
    </rPh>
    <rPh sb="37" eb="39">
      <t>ゲンショウ</t>
    </rPh>
    <rPh sb="45" eb="49">
      <t>ルイジダンタイ</t>
    </rPh>
    <rPh sb="49" eb="51">
      <t>ヘイキン</t>
    </rPh>
    <rPh sb="52" eb="54">
      <t>ヒカク</t>
    </rPh>
    <rPh sb="60" eb="61">
      <t>タカ</t>
    </rPh>
    <rPh sb="62" eb="64">
      <t>スイジュン</t>
    </rPh>
    <rPh sb="69" eb="71">
      <t>シセツ</t>
    </rPh>
    <rPh sb="72" eb="75">
      <t>ロウキュウカ</t>
    </rPh>
    <rPh sb="76" eb="77">
      <t>スス</t>
    </rPh>
    <rPh sb="82" eb="84">
      <t>コンゴ</t>
    </rPh>
    <rPh sb="85" eb="89">
      <t>コウキョウシセツ</t>
    </rPh>
    <rPh sb="89" eb="90">
      <t>トウ</t>
    </rPh>
    <rPh sb="91" eb="95">
      <t>イジカンリ</t>
    </rPh>
    <rPh sb="96" eb="97">
      <t>ヨウ</t>
    </rPh>
    <rPh sb="99" eb="101">
      <t>ケイヒ</t>
    </rPh>
    <rPh sb="102" eb="104">
      <t>ゾウダイ</t>
    </rPh>
    <rPh sb="111" eb="113">
      <t>ヨソウ</t>
    </rPh>
    <rPh sb="121" eb="125">
      <t>コウキョウシセツ</t>
    </rPh>
    <rPh sb="125" eb="126">
      <t>トウ</t>
    </rPh>
    <rPh sb="126" eb="132">
      <t>ソウゴウカンリケイカク</t>
    </rPh>
    <rPh sb="133" eb="134">
      <t>モト</t>
    </rPh>
    <rPh sb="137" eb="139">
      <t>コンゴ</t>
    </rPh>
    <rPh sb="140" eb="144">
      <t>コウキョウシセツ</t>
    </rPh>
    <rPh sb="145" eb="147">
      <t>コウシン</t>
    </rPh>
    <rPh sb="148" eb="150">
      <t>イジ</t>
    </rPh>
    <rPh sb="150" eb="151">
      <t>マタ</t>
    </rPh>
    <rPh sb="152" eb="155">
      <t>シュウヤクカ</t>
    </rPh>
    <rPh sb="155" eb="156">
      <t>トウ</t>
    </rPh>
    <rPh sb="157" eb="160">
      <t>セッキョクテキ</t>
    </rPh>
    <rPh sb="161" eb="162">
      <t>スス</t>
    </rPh>
    <rPh sb="164" eb="168">
      <t>ショウライフタン</t>
    </rPh>
    <rPh sb="169" eb="171">
      <t>ヨクセイ</t>
    </rPh>
    <rPh sb="172" eb="174">
      <t>メザ</t>
    </rPh>
    <phoneticPr fontId="2"/>
  </si>
  <si>
    <t>将来負担比率は年々減少傾向にあり、令和４年度は令和３年度に比して22.6％減少しているが、類似団体平均と比較するといまだ高い水準にある。町の基金残高は増加傾向にあるが、潤沢とはいえない。
実質公債費比率については、平成29年度に過疎地域指定を受けて過疎対策事業債を活用するようになり、毎年度継続して発行していることから上昇傾向にある。また、下水道事業、湯河原町真鶴町衛生組合への事業費に対する負担等も継続している。
今後も地方債の発行・償還により実質公債費率の上昇は避けられないと思われるため、公債費の適正化に取り組んでいく必要がある。</t>
    <rPh sb="68" eb="69">
      <t>マチ</t>
    </rPh>
    <rPh sb="70" eb="72">
      <t>キキン</t>
    </rPh>
    <rPh sb="72" eb="74">
      <t>ザンダカ</t>
    </rPh>
    <rPh sb="75" eb="79">
      <t>ゾウカケイコウ</t>
    </rPh>
    <rPh sb="84" eb="86">
      <t>ジュンタク</t>
    </rPh>
    <rPh sb="94" eb="99">
      <t>ジッシツコウサイヒ</t>
    </rPh>
    <rPh sb="99" eb="101">
      <t>ヒリツ</t>
    </rPh>
    <rPh sb="107" eb="109">
      <t>ヘイセイ</t>
    </rPh>
    <rPh sb="111" eb="113">
      <t>ネンド</t>
    </rPh>
    <rPh sb="114" eb="120">
      <t>カソチイキシテイ</t>
    </rPh>
    <rPh sb="121" eb="122">
      <t>ウ</t>
    </rPh>
    <rPh sb="124" eb="131">
      <t>カソタイサクジギョウサイ</t>
    </rPh>
    <rPh sb="132" eb="134">
      <t>カツヨウ</t>
    </rPh>
    <rPh sb="142" eb="145">
      <t>マイネンド</t>
    </rPh>
    <rPh sb="145" eb="147">
      <t>ケイゾク</t>
    </rPh>
    <rPh sb="149" eb="151">
      <t>ハッコウ</t>
    </rPh>
    <rPh sb="159" eb="163">
      <t>ジョウショウケイコウ</t>
    </rPh>
    <rPh sb="208" eb="210">
      <t>コンゴ</t>
    </rPh>
    <rPh sb="211" eb="214">
      <t>チホウサイ</t>
    </rPh>
    <rPh sb="215" eb="217">
      <t>ハッコウ</t>
    </rPh>
    <rPh sb="218" eb="220">
      <t>ショウカン</t>
    </rPh>
    <rPh sb="223" eb="228">
      <t>ジッシツコウサイヒ</t>
    </rPh>
    <rPh sb="228" eb="229">
      <t>リツ</t>
    </rPh>
    <rPh sb="230" eb="232">
      <t>ジョウショウ</t>
    </rPh>
    <rPh sb="233" eb="234">
      <t>サ</t>
    </rPh>
    <rPh sb="240" eb="241">
      <t>オモ</t>
    </rPh>
    <rPh sb="247" eb="250">
      <t>コウサイヒ</t>
    </rPh>
    <rPh sb="251" eb="254">
      <t>テキセイカ</t>
    </rPh>
    <rPh sb="255" eb="256">
      <t>ト</t>
    </rPh>
    <rPh sb="257" eb="258">
      <t>ク</t>
    </rPh>
    <rPh sb="262" eb="264">
      <t>ヒツヨ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left/>
      <right style="hair">
        <color indexed="64"/>
      </right>
      <top style="thin">
        <color indexed="64"/>
      </top>
      <bottom style="hair">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75">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0" fontId="13" fillId="0" borderId="52" xfId="1" applyFont="1" applyFill="1" applyBorder="1" applyAlignment="1">
      <alignment horizontal="center" vertical="center"/>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3"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5"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6"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5"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5"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5"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5"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5"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177" fontId="13" fillId="0" borderId="34" xfId="5" applyNumberFormat="1" applyFont="1" applyBorder="1" applyAlignment="1" applyProtection="1">
      <alignment horizontal="right" vertical="center" shrinkToFit="1"/>
      <protection locked="0"/>
    </xf>
    <xf numFmtId="177" fontId="13" fillId="0" borderId="35" xfId="5" applyNumberFormat="1" applyFont="1" applyBorder="1" applyAlignment="1" applyProtection="1">
      <alignment horizontal="right" vertical="center" shrinkToFit="1"/>
      <protection locked="0"/>
    </xf>
    <xf numFmtId="177" fontId="13" fillId="0" borderId="21" xfId="5" applyNumberFormat="1" applyFont="1" applyBorder="1" applyAlignment="1" applyProtection="1">
      <alignment horizontal="right" vertical="center" shrinkToFit="1"/>
      <protection locked="0"/>
    </xf>
    <xf numFmtId="177" fontId="13" fillId="0" borderId="22" xfId="5" applyNumberFormat="1" applyFont="1" applyBorder="1" applyAlignment="1" applyProtection="1">
      <alignment horizontal="right" vertical="center" shrinkToFit="1"/>
      <protection locked="0"/>
    </xf>
    <xf numFmtId="0" fontId="1" fillId="0" borderId="0" xfId="16" applyFont="1">
      <alignment vertical="center"/>
    </xf>
    <xf numFmtId="0" fontId="1" fillId="0" borderId="65" xfId="16" applyFont="1" applyBorder="1">
      <alignment vertical="center"/>
    </xf>
    <xf numFmtId="0" fontId="1" fillId="0" borderId="38" xfId="16" applyFont="1" applyBorder="1">
      <alignment vertical="center"/>
    </xf>
    <xf numFmtId="0" fontId="1" fillId="0" borderId="40" xfId="16" applyFont="1" applyBorder="1">
      <alignment vertical="center"/>
    </xf>
    <xf numFmtId="0" fontId="1" fillId="0" borderId="56" xfId="16" applyFont="1" applyBorder="1">
      <alignment vertical="center"/>
    </xf>
    <xf numFmtId="0" fontId="1" fillId="0" borderId="37" xfId="16" applyFont="1" applyBorder="1">
      <alignment vertical="center"/>
    </xf>
    <xf numFmtId="0" fontId="39"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6" fillId="0" borderId="0" xfId="19" applyNumberFormat="1" applyAlignment="1">
      <alignment horizontal="right" vertical="center"/>
    </xf>
    <xf numFmtId="177" fontId="16" fillId="0" borderId="0" xfId="19" applyNumberFormat="1" applyAlignment="1">
      <alignment horizontal="right" vertical="center"/>
    </xf>
    <xf numFmtId="178" fontId="16" fillId="0" borderId="0" xfId="18" applyNumberFormat="1" applyAlignment="1">
      <alignment horizontal="center" vertical="center"/>
    </xf>
    <xf numFmtId="178" fontId="16" fillId="0" borderId="0" xfId="18" applyNumberFormat="1" applyAlignment="1">
      <alignment vertical="center"/>
    </xf>
    <xf numFmtId="178" fontId="1" fillId="0" borderId="0" xfId="16" applyNumberFormat="1" applyFont="1">
      <alignment vertical="center"/>
    </xf>
    <xf numFmtId="178" fontId="38"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4" fillId="0" borderId="65" xfId="16" applyFont="1" applyBorder="1">
      <alignment vertical="center"/>
    </xf>
    <xf numFmtId="0" fontId="1" fillId="0" borderId="31" xfId="16" applyFont="1" applyBorder="1">
      <alignment vertical="center"/>
    </xf>
    <xf numFmtId="178" fontId="1" fillId="0" borderId="65" xfId="16" applyNumberFormat="1" applyFont="1" applyBorder="1">
      <alignment vertical="center"/>
    </xf>
    <xf numFmtId="178" fontId="1" fillId="0" borderId="40" xfId="16" applyNumberFormat="1" applyFont="1" applyBorder="1">
      <alignment vertical="center"/>
    </xf>
    <xf numFmtId="189" fontId="1" fillId="0" borderId="56" xfId="16" applyNumberFormat="1" applyFont="1" applyBorder="1">
      <alignment vertical="center"/>
    </xf>
    <xf numFmtId="178" fontId="1" fillId="0" borderId="56"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51" xfId="16" applyFont="1" applyBorder="1">
      <alignment vertical="center"/>
    </xf>
    <xf numFmtId="0" fontId="1" fillId="0" borderId="12" xfId="16" applyFont="1" applyBorder="1">
      <alignment vertical="center"/>
    </xf>
    <xf numFmtId="0" fontId="34" fillId="0" borderId="41" xfId="16" applyFont="1" applyBorder="1">
      <alignment vertical="center"/>
    </xf>
    <xf numFmtId="189" fontId="1" fillId="0" borderId="12" xfId="16" applyNumberFormat="1" applyFont="1" applyBorder="1">
      <alignment vertical="center"/>
    </xf>
    <xf numFmtId="0" fontId="1" fillId="0" borderId="41" xfId="16" applyFont="1" applyBorder="1">
      <alignment vertical="center"/>
    </xf>
    <xf numFmtId="0" fontId="16" fillId="6" borderId="0" xfId="6" applyFill="1" applyAlignment="1">
      <alignment vertical="center"/>
    </xf>
    <xf numFmtId="0" fontId="16" fillId="6" borderId="0" xfId="6" applyFill="1" applyAlignment="1" applyProtection="1">
      <alignment vertical="center"/>
      <protection hidden="1"/>
    </xf>
    <xf numFmtId="0" fontId="0" fillId="6" borderId="0" xfId="6" applyFont="1" applyFill="1" applyAlignme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6" fillId="0" borderId="0" xfId="6" applyAlignment="1">
      <alignment vertical="center"/>
    </xf>
    <xf numFmtId="0" fontId="16" fillId="0" borderId="38" xfId="6" applyBorder="1" applyAlignment="1">
      <alignment vertical="center"/>
    </xf>
    <xf numFmtId="178" fontId="20" fillId="0" borderId="87" xfId="11" applyNumberFormat="1" applyFont="1" applyBorder="1" applyAlignment="1">
      <alignment horizontal="right" vertical="center" shrinkToFit="1"/>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3" xfId="14" applyNumberFormat="1" applyFont="1" applyFill="1" applyBorder="1" applyAlignment="1">
      <alignment horizontal="right" vertical="center" shrinkToFit="1"/>
    </xf>
    <xf numFmtId="187" fontId="34" fillId="6" borderId="165"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1" xfId="14" applyNumberFormat="1" applyFont="1" applyFill="1" applyBorder="1" applyAlignment="1">
      <alignment horizontal="right" vertical="center" shrinkToFit="1"/>
    </xf>
    <xf numFmtId="177" fontId="34" fillId="6" borderId="172" xfId="14" applyNumberFormat="1" applyFont="1" applyFill="1" applyBorder="1" applyAlignment="1">
      <alignment horizontal="right" vertical="center" shrinkToFit="1"/>
    </xf>
    <xf numFmtId="187" fontId="34" fillId="6" borderId="172"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3"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3"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87" fontId="34" fillId="6" borderId="161"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0"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1"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0"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5"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7" xfId="12" applyNumberFormat="1" applyFont="1" applyFill="1" applyBorder="1" applyAlignment="1" applyProtection="1">
      <alignment horizontal="righ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1"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4" xfId="12" applyFont="1" applyFill="1" applyBorder="1" applyAlignment="1" applyProtection="1">
      <alignment horizontal="lef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87"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Border="1" applyAlignment="1" applyProtection="1">
      <alignment horizontal="left" vertical="center" wrapText="1"/>
      <protection locked="0"/>
    </xf>
    <xf numFmtId="0" fontId="13" fillId="0" borderId="31" xfId="1" applyFont="1" applyBorder="1" applyAlignment="1" applyProtection="1">
      <alignment horizontal="left" vertical="center" wrapText="1"/>
      <protection locked="0"/>
    </xf>
    <xf numFmtId="0" fontId="13" fillId="0" borderId="32" xfId="1" applyFont="1" applyBorder="1" applyAlignment="1" applyProtection="1">
      <alignment horizontal="left" vertical="center" wrapText="1"/>
      <protection locked="0"/>
    </xf>
    <xf numFmtId="0" fontId="13" fillId="0" borderId="44" xfId="1" applyFont="1" applyBorder="1" applyAlignment="1" applyProtection="1">
      <alignment horizontal="left" vertical="center" wrapText="1"/>
      <protection locked="0"/>
    </xf>
    <xf numFmtId="0" fontId="13" fillId="0" borderId="18" xfId="1" applyFont="1" applyBorder="1" applyAlignment="1" applyProtection="1">
      <alignment horizontal="left" vertical="center" wrapText="1"/>
      <protection locked="0"/>
    </xf>
    <xf numFmtId="0" fontId="13" fillId="0" borderId="19" xfId="1" applyFont="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79" fontId="1" fillId="6" borderId="34" xfId="17" applyNumberFormat="1" applyFont="1" applyFill="1" applyBorder="1" applyAlignment="1">
      <alignment horizontal="center" vertical="center" wrapText="1"/>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0" fontId="1" fillId="0" borderId="34" xfId="16" applyFont="1" applyBorder="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121449</c:v>
                </c:pt>
                <c:pt idx="1">
                  <c:v>145139</c:v>
                </c:pt>
                <c:pt idx="2">
                  <c:v>125391</c:v>
                </c:pt>
                <c:pt idx="3">
                  <c:v>138402</c:v>
                </c:pt>
                <c:pt idx="4">
                  <c:v>146367</c:v>
                </c:pt>
              </c:numCache>
            </c:numRef>
          </c:val>
          <c:smooth val="0"/>
          <c:extLst>
            <c:ext xmlns:c16="http://schemas.microsoft.com/office/drawing/2014/chart" uri="{C3380CC4-5D6E-409C-BE32-E72D297353CC}">
              <c16:uniqueId val="{00000000-F1B9-4F27-AD3C-995F6776C358}"/>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21043</c:v>
                </c:pt>
                <c:pt idx="1">
                  <c:v>97977</c:v>
                </c:pt>
                <c:pt idx="2">
                  <c:v>59693</c:v>
                </c:pt>
                <c:pt idx="3">
                  <c:v>22515</c:v>
                </c:pt>
                <c:pt idx="4">
                  <c:v>27508</c:v>
                </c:pt>
              </c:numCache>
            </c:numRef>
          </c:val>
          <c:smooth val="0"/>
          <c:extLst>
            <c:ext xmlns:c16="http://schemas.microsoft.com/office/drawing/2014/chart" uri="{C3380CC4-5D6E-409C-BE32-E72D297353CC}">
              <c16:uniqueId val="{00000001-F1B9-4F27-AD3C-995F6776C358}"/>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1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10.24</c:v>
                </c:pt>
                <c:pt idx="1">
                  <c:v>8.06</c:v>
                </c:pt>
                <c:pt idx="2">
                  <c:v>6.75</c:v>
                </c:pt>
                <c:pt idx="3">
                  <c:v>13.59</c:v>
                </c:pt>
                <c:pt idx="4">
                  <c:v>7.37</c:v>
                </c:pt>
              </c:numCache>
            </c:numRef>
          </c:val>
          <c:extLst>
            <c:ext xmlns:c16="http://schemas.microsoft.com/office/drawing/2014/chart" uri="{C3380CC4-5D6E-409C-BE32-E72D297353CC}">
              <c16:uniqueId val="{00000000-DEC5-4D10-9684-80AE8573ADCE}"/>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6.57</c:v>
                </c:pt>
                <c:pt idx="1">
                  <c:v>13.51</c:v>
                </c:pt>
                <c:pt idx="2">
                  <c:v>11.36</c:v>
                </c:pt>
                <c:pt idx="3">
                  <c:v>13.39</c:v>
                </c:pt>
                <c:pt idx="4">
                  <c:v>18.03</c:v>
                </c:pt>
              </c:numCache>
            </c:numRef>
          </c:val>
          <c:extLst>
            <c:ext xmlns:c16="http://schemas.microsoft.com/office/drawing/2014/chart" uri="{C3380CC4-5D6E-409C-BE32-E72D297353CC}">
              <c16:uniqueId val="{00000001-DEC5-4D10-9684-80AE8573ADCE}"/>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1.65</c:v>
                </c:pt>
                <c:pt idx="1">
                  <c:v>-4.8</c:v>
                </c:pt>
                <c:pt idx="2">
                  <c:v>-2.13</c:v>
                </c:pt>
                <c:pt idx="3">
                  <c:v>10.41</c:v>
                </c:pt>
                <c:pt idx="4">
                  <c:v>-1.94</c:v>
                </c:pt>
              </c:numCache>
            </c:numRef>
          </c:val>
          <c:smooth val="0"/>
          <c:extLst>
            <c:ext xmlns:c16="http://schemas.microsoft.com/office/drawing/2014/chart" uri="{C3380CC4-5D6E-409C-BE32-E72D297353CC}">
              <c16:uniqueId val="{00000002-DEC5-4D10-9684-80AE8573ADCE}"/>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06</c:v>
                </c:pt>
                <c:pt idx="2">
                  <c:v>#N/A</c:v>
                </c:pt>
                <c:pt idx="3">
                  <c:v>0.09</c:v>
                </c:pt>
                <c:pt idx="4">
                  <c:v>#N/A</c:v>
                </c:pt>
                <c:pt idx="5">
                  <c:v>0.05</c:v>
                </c:pt>
                <c:pt idx="6">
                  <c:v>#N/A</c:v>
                </c:pt>
                <c:pt idx="7">
                  <c:v>0.02</c:v>
                </c:pt>
                <c:pt idx="8">
                  <c:v>#N/A</c:v>
                </c:pt>
                <c:pt idx="9">
                  <c:v>0.04</c:v>
                </c:pt>
              </c:numCache>
            </c:numRef>
          </c:val>
          <c:extLst>
            <c:ext xmlns:c16="http://schemas.microsoft.com/office/drawing/2014/chart" uri="{C3380CC4-5D6E-409C-BE32-E72D297353CC}">
              <c16:uniqueId val="{00000000-0A1A-49E0-BA96-CDE38B30D8C4}"/>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0A1A-49E0-BA96-CDE38B30D8C4}"/>
            </c:ext>
          </c:extLst>
        </c:ser>
        <c:ser>
          <c:idx val="2"/>
          <c:order val="2"/>
          <c:tx>
            <c:strRef>
              <c:f>データシート!$A$29</c:f>
              <c:strCache>
                <c:ptCount val="1"/>
                <c:pt idx="0">
                  <c:v>下水道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N/A</c:v>
                </c:pt>
                <c:pt idx="1">
                  <c:v>0.08</c:v>
                </c:pt>
                <c:pt idx="2">
                  <c:v>#N/A</c:v>
                </c:pt>
                <c:pt idx="3">
                  <c:v>0.16</c:v>
                </c:pt>
                <c:pt idx="4">
                  <c:v>#N/A</c:v>
                </c:pt>
                <c:pt idx="5">
                  <c:v>0.12</c:v>
                </c:pt>
                <c:pt idx="6">
                  <c:v>#N/A</c:v>
                </c:pt>
                <c:pt idx="7">
                  <c:v>0.09</c:v>
                </c:pt>
                <c:pt idx="8">
                  <c:v>#N/A</c:v>
                </c:pt>
                <c:pt idx="9">
                  <c:v>0.11</c:v>
                </c:pt>
              </c:numCache>
            </c:numRef>
          </c:val>
          <c:extLst>
            <c:ext xmlns:c16="http://schemas.microsoft.com/office/drawing/2014/chart" uri="{C3380CC4-5D6E-409C-BE32-E72D297353CC}">
              <c16:uniqueId val="{00000002-0A1A-49E0-BA96-CDE38B30D8C4}"/>
            </c:ext>
          </c:extLst>
        </c:ser>
        <c:ser>
          <c:idx val="3"/>
          <c:order val="3"/>
          <c:tx>
            <c:strRef>
              <c:f>データシート!$A$30</c:f>
              <c:strCache>
                <c:ptCount val="1"/>
                <c:pt idx="0">
                  <c:v>介護保険事業特別会計（介護サービス事業勘定）</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06</c:v>
                </c:pt>
                <c:pt idx="2">
                  <c:v>#N/A</c:v>
                </c:pt>
                <c:pt idx="3">
                  <c:v>0.05</c:v>
                </c:pt>
                <c:pt idx="4">
                  <c:v>#N/A</c:v>
                </c:pt>
                <c:pt idx="5">
                  <c:v>0.02</c:v>
                </c:pt>
                <c:pt idx="6">
                  <c:v>#N/A</c:v>
                </c:pt>
                <c:pt idx="7">
                  <c:v>7.0000000000000007E-2</c:v>
                </c:pt>
                <c:pt idx="8">
                  <c:v>#N/A</c:v>
                </c:pt>
                <c:pt idx="9">
                  <c:v>0.11</c:v>
                </c:pt>
              </c:numCache>
            </c:numRef>
          </c:val>
          <c:extLst>
            <c:ext xmlns:c16="http://schemas.microsoft.com/office/drawing/2014/chart" uri="{C3380CC4-5D6E-409C-BE32-E72D297353CC}">
              <c16:uniqueId val="{00000003-0A1A-49E0-BA96-CDE38B30D8C4}"/>
            </c:ext>
          </c:extLst>
        </c:ser>
        <c:ser>
          <c:idx val="4"/>
          <c:order val="4"/>
          <c:tx>
            <c:strRef>
              <c:f>データシート!$A$31</c:f>
              <c:strCache>
                <c:ptCount val="1"/>
                <c:pt idx="0">
                  <c:v>後期高齢者医療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05</c:v>
                </c:pt>
                <c:pt idx="2">
                  <c:v>#N/A</c:v>
                </c:pt>
                <c:pt idx="3">
                  <c:v>0.28999999999999998</c:v>
                </c:pt>
                <c:pt idx="4">
                  <c:v>#N/A</c:v>
                </c:pt>
                <c:pt idx="5">
                  <c:v>7.0000000000000007E-2</c:v>
                </c:pt>
                <c:pt idx="6">
                  <c:v>#N/A</c:v>
                </c:pt>
                <c:pt idx="7">
                  <c:v>0.13</c:v>
                </c:pt>
                <c:pt idx="8">
                  <c:v>#N/A</c:v>
                </c:pt>
                <c:pt idx="9">
                  <c:v>0.16</c:v>
                </c:pt>
              </c:numCache>
            </c:numRef>
          </c:val>
          <c:extLst>
            <c:ext xmlns:c16="http://schemas.microsoft.com/office/drawing/2014/chart" uri="{C3380CC4-5D6E-409C-BE32-E72D297353CC}">
              <c16:uniqueId val="{00000004-0A1A-49E0-BA96-CDE38B30D8C4}"/>
            </c:ext>
          </c:extLst>
        </c:ser>
        <c:ser>
          <c:idx val="5"/>
          <c:order val="5"/>
          <c:tx>
            <c:strRef>
              <c:f>データシート!$A$32</c:f>
              <c:strCache>
                <c:ptCount val="1"/>
                <c:pt idx="0">
                  <c:v>真鶴魚座・ケープ真鶴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26</c:v>
                </c:pt>
                <c:pt idx="2">
                  <c:v>#N/A</c:v>
                </c:pt>
                <c:pt idx="3">
                  <c:v>0.02</c:v>
                </c:pt>
                <c:pt idx="4">
                  <c:v>#N/A</c:v>
                </c:pt>
                <c:pt idx="5">
                  <c:v>0.12</c:v>
                </c:pt>
                <c:pt idx="6">
                  <c:v>#N/A</c:v>
                </c:pt>
                <c:pt idx="7">
                  <c:v>0.22</c:v>
                </c:pt>
                <c:pt idx="8">
                  <c:v>#N/A</c:v>
                </c:pt>
                <c:pt idx="9">
                  <c:v>0.24</c:v>
                </c:pt>
              </c:numCache>
            </c:numRef>
          </c:val>
          <c:extLst>
            <c:ext xmlns:c16="http://schemas.microsoft.com/office/drawing/2014/chart" uri="{C3380CC4-5D6E-409C-BE32-E72D297353CC}">
              <c16:uniqueId val="{00000005-0A1A-49E0-BA96-CDE38B30D8C4}"/>
            </c:ext>
          </c:extLst>
        </c:ser>
        <c:ser>
          <c:idx val="6"/>
          <c:order val="6"/>
          <c:tx>
            <c:strRef>
              <c:f>データシート!$A$33</c:f>
              <c:strCache>
                <c:ptCount val="1"/>
                <c:pt idx="0">
                  <c:v>国民健康保険事業特別会計（事業勘定）</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3.66</c:v>
                </c:pt>
                <c:pt idx="2">
                  <c:v>#N/A</c:v>
                </c:pt>
                <c:pt idx="3">
                  <c:v>2.2000000000000002</c:v>
                </c:pt>
                <c:pt idx="4">
                  <c:v>#N/A</c:v>
                </c:pt>
                <c:pt idx="5">
                  <c:v>2.96</c:v>
                </c:pt>
                <c:pt idx="6">
                  <c:v>#N/A</c:v>
                </c:pt>
                <c:pt idx="7">
                  <c:v>2.38</c:v>
                </c:pt>
                <c:pt idx="8">
                  <c:v>#N/A</c:v>
                </c:pt>
                <c:pt idx="9">
                  <c:v>0.82</c:v>
                </c:pt>
              </c:numCache>
            </c:numRef>
          </c:val>
          <c:extLst>
            <c:ext xmlns:c16="http://schemas.microsoft.com/office/drawing/2014/chart" uri="{C3380CC4-5D6E-409C-BE32-E72D297353CC}">
              <c16:uniqueId val="{00000006-0A1A-49E0-BA96-CDE38B30D8C4}"/>
            </c:ext>
          </c:extLst>
        </c:ser>
        <c:ser>
          <c:idx val="7"/>
          <c:order val="7"/>
          <c:tx>
            <c:strRef>
              <c:f>データシート!$A$34</c:f>
              <c:strCache>
                <c:ptCount val="1"/>
                <c:pt idx="0">
                  <c:v>介護保険事業特別会計（保険事業勘定）</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3.08</c:v>
                </c:pt>
                <c:pt idx="2">
                  <c:v>#N/A</c:v>
                </c:pt>
                <c:pt idx="3">
                  <c:v>1.94</c:v>
                </c:pt>
                <c:pt idx="4">
                  <c:v>#N/A</c:v>
                </c:pt>
                <c:pt idx="5">
                  <c:v>2.56</c:v>
                </c:pt>
                <c:pt idx="6">
                  <c:v>#N/A</c:v>
                </c:pt>
                <c:pt idx="7">
                  <c:v>1.96</c:v>
                </c:pt>
                <c:pt idx="8">
                  <c:v>#N/A</c:v>
                </c:pt>
                <c:pt idx="9">
                  <c:v>1.28</c:v>
                </c:pt>
              </c:numCache>
            </c:numRef>
          </c:val>
          <c:extLst>
            <c:ext xmlns:c16="http://schemas.microsoft.com/office/drawing/2014/chart" uri="{C3380CC4-5D6E-409C-BE32-E72D297353CC}">
              <c16:uniqueId val="{00000007-0A1A-49E0-BA96-CDE38B30D8C4}"/>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1.18</c:v>
                </c:pt>
                <c:pt idx="2">
                  <c:v>#N/A</c:v>
                </c:pt>
                <c:pt idx="3">
                  <c:v>0.85</c:v>
                </c:pt>
                <c:pt idx="4">
                  <c:v>#N/A</c:v>
                </c:pt>
                <c:pt idx="5">
                  <c:v>0.66</c:v>
                </c:pt>
                <c:pt idx="6">
                  <c:v>#N/A</c:v>
                </c:pt>
                <c:pt idx="7">
                  <c:v>1.31</c:v>
                </c:pt>
                <c:pt idx="8">
                  <c:v>#N/A</c:v>
                </c:pt>
                <c:pt idx="9">
                  <c:v>2.98</c:v>
                </c:pt>
              </c:numCache>
            </c:numRef>
          </c:val>
          <c:extLst>
            <c:ext xmlns:c16="http://schemas.microsoft.com/office/drawing/2014/chart" uri="{C3380CC4-5D6E-409C-BE32-E72D297353CC}">
              <c16:uniqueId val="{00000008-0A1A-49E0-BA96-CDE38B30D8C4}"/>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9.9700000000000006</c:v>
                </c:pt>
                <c:pt idx="2">
                  <c:v>#N/A</c:v>
                </c:pt>
                <c:pt idx="3">
                  <c:v>8.0399999999999991</c:v>
                </c:pt>
                <c:pt idx="4">
                  <c:v>#N/A</c:v>
                </c:pt>
                <c:pt idx="5">
                  <c:v>6.61</c:v>
                </c:pt>
                <c:pt idx="6">
                  <c:v>#N/A</c:v>
                </c:pt>
                <c:pt idx="7">
                  <c:v>13.36</c:v>
                </c:pt>
                <c:pt idx="8">
                  <c:v>#N/A</c:v>
                </c:pt>
                <c:pt idx="9">
                  <c:v>7.13</c:v>
                </c:pt>
              </c:numCache>
            </c:numRef>
          </c:val>
          <c:extLst>
            <c:ext xmlns:c16="http://schemas.microsoft.com/office/drawing/2014/chart" uri="{C3380CC4-5D6E-409C-BE32-E72D297353CC}">
              <c16:uniqueId val="{00000009-0A1A-49E0-BA96-CDE38B30D8C4}"/>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253</c:v>
                </c:pt>
                <c:pt idx="5">
                  <c:v>284</c:v>
                </c:pt>
                <c:pt idx="8">
                  <c:v>311</c:v>
                </c:pt>
                <c:pt idx="11">
                  <c:v>324</c:v>
                </c:pt>
                <c:pt idx="14">
                  <c:v>327</c:v>
                </c:pt>
              </c:numCache>
            </c:numRef>
          </c:val>
          <c:extLst>
            <c:ext xmlns:c16="http://schemas.microsoft.com/office/drawing/2014/chart" uri="{C3380CC4-5D6E-409C-BE32-E72D297353CC}">
              <c16:uniqueId val="{00000000-F928-404A-B1CE-ED8917272CDB}"/>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F928-404A-B1CE-ED8917272CDB}"/>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F928-404A-B1CE-ED8917272CDB}"/>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77</c:v>
                </c:pt>
                <c:pt idx="3">
                  <c:v>83</c:v>
                </c:pt>
                <c:pt idx="6">
                  <c:v>105</c:v>
                </c:pt>
                <c:pt idx="9">
                  <c:v>105</c:v>
                </c:pt>
                <c:pt idx="12">
                  <c:v>95</c:v>
                </c:pt>
              </c:numCache>
            </c:numRef>
          </c:val>
          <c:extLst>
            <c:ext xmlns:c16="http://schemas.microsoft.com/office/drawing/2014/chart" uri="{C3380CC4-5D6E-409C-BE32-E72D297353CC}">
              <c16:uniqueId val="{00000003-F928-404A-B1CE-ED8917272CDB}"/>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90</c:v>
                </c:pt>
                <c:pt idx="3">
                  <c:v>91</c:v>
                </c:pt>
                <c:pt idx="6">
                  <c:v>95</c:v>
                </c:pt>
                <c:pt idx="9">
                  <c:v>98</c:v>
                </c:pt>
                <c:pt idx="12">
                  <c:v>98</c:v>
                </c:pt>
              </c:numCache>
            </c:numRef>
          </c:val>
          <c:extLst>
            <c:ext xmlns:c16="http://schemas.microsoft.com/office/drawing/2014/chart" uri="{C3380CC4-5D6E-409C-BE32-E72D297353CC}">
              <c16:uniqueId val="{00000004-F928-404A-B1CE-ED8917272CDB}"/>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F928-404A-B1CE-ED8917272CDB}"/>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F928-404A-B1CE-ED8917272CDB}"/>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303</c:v>
                </c:pt>
                <c:pt idx="3">
                  <c:v>326</c:v>
                </c:pt>
                <c:pt idx="6">
                  <c:v>361</c:v>
                </c:pt>
                <c:pt idx="9">
                  <c:v>385</c:v>
                </c:pt>
                <c:pt idx="12">
                  <c:v>406</c:v>
                </c:pt>
              </c:numCache>
            </c:numRef>
          </c:val>
          <c:extLst>
            <c:ext xmlns:c16="http://schemas.microsoft.com/office/drawing/2014/chart" uri="{C3380CC4-5D6E-409C-BE32-E72D297353CC}">
              <c16:uniqueId val="{00000007-F928-404A-B1CE-ED8917272CDB}"/>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217</c:v>
                </c:pt>
                <c:pt idx="2">
                  <c:v>#N/A</c:v>
                </c:pt>
                <c:pt idx="3">
                  <c:v>#N/A</c:v>
                </c:pt>
                <c:pt idx="4">
                  <c:v>216</c:v>
                </c:pt>
                <c:pt idx="5">
                  <c:v>#N/A</c:v>
                </c:pt>
                <c:pt idx="6">
                  <c:v>#N/A</c:v>
                </c:pt>
                <c:pt idx="7">
                  <c:v>250</c:v>
                </c:pt>
                <c:pt idx="8">
                  <c:v>#N/A</c:v>
                </c:pt>
                <c:pt idx="9">
                  <c:v>#N/A</c:v>
                </c:pt>
                <c:pt idx="10">
                  <c:v>264</c:v>
                </c:pt>
                <c:pt idx="11">
                  <c:v>#N/A</c:v>
                </c:pt>
                <c:pt idx="12">
                  <c:v>#N/A</c:v>
                </c:pt>
                <c:pt idx="13">
                  <c:v>272</c:v>
                </c:pt>
                <c:pt idx="14">
                  <c:v>#N/A</c:v>
                </c:pt>
              </c:numCache>
            </c:numRef>
          </c:val>
          <c:smooth val="0"/>
          <c:extLst>
            <c:ext xmlns:c16="http://schemas.microsoft.com/office/drawing/2014/chart" uri="{C3380CC4-5D6E-409C-BE32-E72D297353CC}">
              <c16:uniqueId val="{00000008-F928-404A-B1CE-ED8917272CDB}"/>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3344</c:v>
                </c:pt>
                <c:pt idx="5">
                  <c:v>3592</c:v>
                </c:pt>
                <c:pt idx="8">
                  <c:v>3574</c:v>
                </c:pt>
                <c:pt idx="11">
                  <c:v>3533</c:v>
                </c:pt>
                <c:pt idx="14">
                  <c:v>3343</c:v>
                </c:pt>
              </c:numCache>
            </c:numRef>
          </c:val>
          <c:extLst>
            <c:ext xmlns:c16="http://schemas.microsoft.com/office/drawing/2014/chart" uri="{C3380CC4-5D6E-409C-BE32-E72D297353CC}">
              <c16:uniqueId val="{00000000-3D44-475E-AB38-B2EEE0AC05E2}"/>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55</c:v>
                </c:pt>
                <c:pt idx="5">
                  <c:v>47</c:v>
                </c:pt>
                <c:pt idx="8">
                  <c:v>40</c:v>
                </c:pt>
                <c:pt idx="11">
                  <c:v>35</c:v>
                </c:pt>
                <c:pt idx="14">
                  <c:v>31</c:v>
                </c:pt>
              </c:numCache>
            </c:numRef>
          </c:val>
          <c:extLst>
            <c:ext xmlns:c16="http://schemas.microsoft.com/office/drawing/2014/chart" uri="{C3380CC4-5D6E-409C-BE32-E72D297353CC}">
              <c16:uniqueId val="{00000001-3D44-475E-AB38-B2EEE0AC05E2}"/>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595</c:v>
                </c:pt>
                <c:pt idx="5">
                  <c:v>556</c:v>
                </c:pt>
                <c:pt idx="8">
                  <c:v>512</c:v>
                </c:pt>
                <c:pt idx="11">
                  <c:v>751</c:v>
                </c:pt>
                <c:pt idx="14">
                  <c:v>1006</c:v>
                </c:pt>
              </c:numCache>
            </c:numRef>
          </c:val>
          <c:extLst>
            <c:ext xmlns:c16="http://schemas.microsoft.com/office/drawing/2014/chart" uri="{C3380CC4-5D6E-409C-BE32-E72D297353CC}">
              <c16:uniqueId val="{00000002-3D44-475E-AB38-B2EEE0AC05E2}"/>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3D44-475E-AB38-B2EEE0AC05E2}"/>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3D44-475E-AB38-B2EEE0AC05E2}"/>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3D44-475E-AB38-B2EEE0AC05E2}"/>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816</c:v>
                </c:pt>
                <c:pt idx="3">
                  <c:v>827</c:v>
                </c:pt>
                <c:pt idx="6">
                  <c:v>861</c:v>
                </c:pt>
                <c:pt idx="9">
                  <c:v>731</c:v>
                </c:pt>
                <c:pt idx="12">
                  <c:v>720</c:v>
                </c:pt>
              </c:numCache>
            </c:numRef>
          </c:val>
          <c:extLst>
            <c:ext xmlns:c16="http://schemas.microsoft.com/office/drawing/2014/chart" uri="{C3380CC4-5D6E-409C-BE32-E72D297353CC}">
              <c16:uniqueId val="{00000006-3D44-475E-AB38-B2EEE0AC05E2}"/>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1067</c:v>
                </c:pt>
                <c:pt idx="3">
                  <c:v>990</c:v>
                </c:pt>
                <c:pt idx="6">
                  <c:v>890</c:v>
                </c:pt>
                <c:pt idx="9">
                  <c:v>790</c:v>
                </c:pt>
                <c:pt idx="12">
                  <c:v>690</c:v>
                </c:pt>
              </c:numCache>
            </c:numRef>
          </c:val>
          <c:extLst>
            <c:ext xmlns:c16="http://schemas.microsoft.com/office/drawing/2014/chart" uri="{C3380CC4-5D6E-409C-BE32-E72D297353CC}">
              <c16:uniqueId val="{00000007-3D44-475E-AB38-B2EEE0AC05E2}"/>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730</c:v>
                </c:pt>
                <c:pt idx="3">
                  <c:v>1743</c:v>
                </c:pt>
                <c:pt idx="6">
                  <c:v>1654</c:v>
                </c:pt>
                <c:pt idx="9">
                  <c:v>1648</c:v>
                </c:pt>
                <c:pt idx="12">
                  <c:v>1498</c:v>
                </c:pt>
              </c:numCache>
            </c:numRef>
          </c:val>
          <c:extLst>
            <c:ext xmlns:c16="http://schemas.microsoft.com/office/drawing/2014/chart" uri="{C3380CC4-5D6E-409C-BE32-E72D297353CC}">
              <c16:uniqueId val="{00000008-3D44-475E-AB38-B2EEE0AC05E2}"/>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3D44-475E-AB38-B2EEE0AC05E2}"/>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3235</c:v>
                </c:pt>
                <c:pt idx="3">
                  <c:v>3481</c:v>
                </c:pt>
                <c:pt idx="6">
                  <c:v>3500</c:v>
                </c:pt>
                <c:pt idx="9">
                  <c:v>3464</c:v>
                </c:pt>
                <c:pt idx="12">
                  <c:v>3263</c:v>
                </c:pt>
              </c:numCache>
            </c:numRef>
          </c:val>
          <c:extLst>
            <c:ext xmlns:c16="http://schemas.microsoft.com/office/drawing/2014/chart" uri="{C3380CC4-5D6E-409C-BE32-E72D297353CC}">
              <c16:uniqueId val="{0000000A-3D44-475E-AB38-B2EEE0AC05E2}"/>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2854</c:v>
                </c:pt>
                <c:pt idx="2">
                  <c:v>#N/A</c:v>
                </c:pt>
                <c:pt idx="3">
                  <c:v>#N/A</c:v>
                </c:pt>
                <c:pt idx="4">
                  <c:v>2846</c:v>
                </c:pt>
                <c:pt idx="5">
                  <c:v>#N/A</c:v>
                </c:pt>
                <c:pt idx="6">
                  <c:v>#N/A</c:v>
                </c:pt>
                <c:pt idx="7">
                  <c:v>2779</c:v>
                </c:pt>
                <c:pt idx="8">
                  <c:v>#N/A</c:v>
                </c:pt>
                <c:pt idx="9">
                  <c:v>#N/A</c:v>
                </c:pt>
                <c:pt idx="10">
                  <c:v>2314</c:v>
                </c:pt>
                <c:pt idx="11">
                  <c:v>#N/A</c:v>
                </c:pt>
                <c:pt idx="12">
                  <c:v>#N/A</c:v>
                </c:pt>
                <c:pt idx="13">
                  <c:v>1791</c:v>
                </c:pt>
                <c:pt idx="14">
                  <c:v>#N/A</c:v>
                </c:pt>
              </c:numCache>
            </c:numRef>
          </c:val>
          <c:smooth val="0"/>
          <c:extLst>
            <c:ext xmlns:c16="http://schemas.microsoft.com/office/drawing/2014/chart" uri="{C3380CC4-5D6E-409C-BE32-E72D297353CC}">
              <c16:uniqueId val="{0000000B-3D44-475E-AB38-B2EEE0AC05E2}"/>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260</c:v>
                </c:pt>
                <c:pt idx="1">
                  <c:v>335</c:v>
                </c:pt>
                <c:pt idx="2">
                  <c:v>445</c:v>
                </c:pt>
              </c:numCache>
            </c:numRef>
          </c:val>
          <c:extLst>
            <c:ext xmlns:c16="http://schemas.microsoft.com/office/drawing/2014/chart" uri="{C3380CC4-5D6E-409C-BE32-E72D297353CC}">
              <c16:uniqueId val="{00000000-3699-4472-93FC-7A118EC823C7}"/>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3699-4472-93FC-7A118EC823C7}"/>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78</c:v>
                </c:pt>
                <c:pt idx="1">
                  <c:v>215</c:v>
                </c:pt>
                <c:pt idx="2">
                  <c:v>315</c:v>
                </c:pt>
              </c:numCache>
            </c:numRef>
          </c:val>
          <c:extLst>
            <c:ext xmlns:c16="http://schemas.microsoft.com/office/drawing/2014/chart" uri="{C3380CC4-5D6E-409C-BE32-E72D297353CC}">
              <c16:uniqueId val="{00000002-3699-4472-93FC-7A118EC823C7}"/>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08A3CCE-6E4D-4999-8BBC-AD1248542A8B}</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071D-4C42-91FE-2486D27A4B97}"/>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756D1A2-9880-4A48-B20E-C66E2AB8B03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071D-4C42-91FE-2486D27A4B97}"/>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AFF8E46-7573-4D15-82AE-60B5EACB7EA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071D-4C42-91FE-2486D27A4B97}"/>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C234A66-237F-4221-9019-92B01140863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071D-4C42-91FE-2486D27A4B97}"/>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1CF75CF-0F5F-4AFC-88C3-28E50BB2F13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071D-4C42-91FE-2486D27A4B97}"/>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594E8B4-A114-469B-91E5-4014A5431A9E}</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071D-4C42-91FE-2486D27A4B97}"/>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9EA77A0-3B94-4B89-B3EE-FEB9FD49BFCB}</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071D-4C42-91FE-2486D27A4B97}"/>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AC6C20E-BC7F-48A1-85DB-223F1E40CBFC}</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071D-4C42-91FE-2486D27A4B97}"/>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54A6DE5-4750-4248-9DA0-2CC9FD536BBE}</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071D-4C42-91FE-2486D27A4B97}"/>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3.2</c:v>
                </c:pt>
                <c:pt idx="8">
                  <c:v>62.4</c:v>
                </c:pt>
                <c:pt idx="16">
                  <c:v>64.7</c:v>
                </c:pt>
                <c:pt idx="24">
                  <c:v>66.8</c:v>
                </c:pt>
                <c:pt idx="32">
                  <c:v>70.5</c:v>
                </c:pt>
              </c:numCache>
            </c:numRef>
          </c:xVal>
          <c:yVal>
            <c:numRef>
              <c:f>公会計指標分析・財政指標組合せ分析表!$BP$51:$DC$51</c:f>
              <c:numCache>
                <c:formatCode>#,##0.0;"▲ "#,##0.0</c:formatCode>
                <c:ptCount val="40"/>
                <c:pt idx="0">
                  <c:v>153</c:v>
                </c:pt>
                <c:pt idx="8">
                  <c:v>152.19999999999999</c:v>
                </c:pt>
                <c:pt idx="16">
                  <c:v>140.1</c:v>
                </c:pt>
                <c:pt idx="24">
                  <c:v>106</c:v>
                </c:pt>
                <c:pt idx="32">
                  <c:v>83.4</c:v>
                </c:pt>
              </c:numCache>
            </c:numRef>
          </c:yVal>
          <c:smooth val="0"/>
          <c:extLst>
            <c:ext xmlns:c16="http://schemas.microsoft.com/office/drawing/2014/chart" uri="{C3380CC4-5D6E-409C-BE32-E72D297353CC}">
              <c16:uniqueId val="{00000009-071D-4C42-91FE-2486D27A4B97}"/>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layout>
                <c:manualLayout>
                  <c:x val="-4.1444036760836571E-2"/>
                  <c:y val="-6.4739042105865174E-2"/>
                </c:manualLayout>
              </c:layout>
              <c:tx>
                <c:strRef>
                  <c:f>公会計指標分析・財政指標組合せ分析表!$BP$50</c:f>
                  <c:strCache>
                    <c:ptCount val="1"/>
                    <c:pt idx="0">
                      <c:v>H30</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EB250265-8EFB-473A-9E9C-F066B5AA7AE8}</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071D-4C42-91FE-2486D27A4B97}"/>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1B0E047-B224-4691-9BED-744CF251C5C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071D-4C42-91FE-2486D27A4B97}"/>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6AB7834-090B-4619-B3A6-41A1316BC4E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071D-4C42-91FE-2486D27A4B97}"/>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5AA7A7B-0B29-45BA-90C4-DD1E16043D1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071D-4C42-91FE-2486D27A4B97}"/>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65C468D-4637-4D13-A39E-24C7A6EAD7B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071D-4C42-91FE-2486D27A4B97}"/>
                </c:ext>
              </c:extLst>
            </c:dLbl>
            <c:dLbl>
              <c:idx val="8"/>
              <c:layout>
                <c:manualLayout>
                  <c:x val="-2.2716914358970164E-2"/>
                  <c:y val="-5.0429633923975627E-2"/>
                </c:manualLayout>
              </c:layout>
              <c:tx>
                <c:strRef>
                  <c:f>公会計指標分析・財政指標組合せ分析表!$BX$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35DE855-C15A-4ACF-A311-E6746C4ED97C}</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071D-4C42-91FE-2486D27A4B97}"/>
                </c:ext>
              </c:extLst>
            </c:dLbl>
            <c:dLbl>
              <c:idx val="16"/>
              <c:layout>
                <c:manualLayout>
                  <c:x val="-3.6961054097210552E-2"/>
                  <c:y val="-4.7915310128945239E-2"/>
                </c:manualLayout>
              </c:layout>
              <c:tx>
                <c:strRef>
                  <c:f>公会計指標分析・財政指標組合せ分析表!$CF$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CE6D60F-3D77-486F-A7C0-F7A9754AD52F}</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071D-4C42-91FE-2486D27A4B97}"/>
                </c:ext>
              </c:extLst>
            </c:dLbl>
            <c:dLbl>
              <c:idx val="24"/>
              <c:layout>
                <c:manualLayout>
                  <c:x val="-2.7070447203257766E-2"/>
                  <c:y val="-7.5116755492135007E-2"/>
                </c:manualLayout>
              </c:layout>
              <c:tx>
                <c:strRef>
                  <c:f>公会計指標分析・財政指標組合せ分析表!$CN$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8B2FE60B-EFA4-4578-8EE2-940E611DE9CA}</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071D-4C42-91FE-2486D27A4B97}"/>
                </c:ext>
              </c:extLst>
            </c:dLbl>
            <c:dLbl>
              <c:idx val="32"/>
              <c:layout>
                <c:manualLayout>
                  <c:x val="-3.2015750650234161E-2"/>
                  <c:y val="-8.5494468878404839E-2"/>
                </c:manualLayout>
              </c:layout>
              <c:tx>
                <c:strRef>
                  <c:f>公会計指標分析・財政指標組合せ分析表!$CV$50</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8181AF3-973B-4AF1-A34C-F161F1FE2CAB}</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071D-4C42-91FE-2486D27A4B97}"/>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3.4</c:v>
                </c:pt>
                <c:pt idx="8">
                  <c:v>63.3</c:v>
                </c:pt>
                <c:pt idx="16">
                  <c:v>62.8</c:v>
                </c:pt>
                <c:pt idx="24">
                  <c:v>62.6</c:v>
                </c:pt>
                <c:pt idx="32">
                  <c:v>63</c:v>
                </c:pt>
              </c:numCache>
            </c:numRef>
          </c:xVal>
          <c:yVal>
            <c:numRef>
              <c:f>公会計指標分析・財政指標組合せ分析表!$BP$55:$DC$55</c:f>
              <c:numCache>
                <c:formatCode>#,##0.0;"▲ "#,##0.0</c:formatCode>
                <c:ptCount val="40"/>
                <c:pt idx="0">
                  <c:v>7.6</c:v>
                </c:pt>
                <c:pt idx="8">
                  <c:v>3</c:v>
                </c:pt>
                <c:pt idx="16">
                  <c:v>3.4</c:v>
                </c:pt>
                <c:pt idx="24">
                  <c:v>0</c:v>
                </c:pt>
                <c:pt idx="32">
                  <c:v>0</c:v>
                </c:pt>
              </c:numCache>
            </c:numRef>
          </c:yVal>
          <c:smooth val="0"/>
          <c:extLst>
            <c:ext xmlns:c16="http://schemas.microsoft.com/office/drawing/2014/chart" uri="{C3380CC4-5D6E-409C-BE32-E72D297353CC}">
              <c16:uniqueId val="{00000013-071D-4C42-91FE-2486D27A4B97}"/>
            </c:ext>
          </c:extLst>
        </c:ser>
        <c:dLbls>
          <c:showLegendKey val="0"/>
          <c:showVal val="1"/>
          <c:showCatName val="0"/>
          <c:showSerName val="0"/>
          <c:showPercent val="0"/>
          <c:showBubbleSize val="0"/>
        </c:dLbls>
        <c:axId val="46179840"/>
        <c:axId val="46181760"/>
      </c:scatterChart>
      <c:valAx>
        <c:axId val="46179840"/>
        <c:scaling>
          <c:orientation val="maxMin"/>
          <c:max val="71"/>
          <c:min val="61"/>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80"/>
          <c:min val="-4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4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C713806-0723-47B5-AE56-2C6856E72817}</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C570-4319-B5DD-885A5D0A81FB}"/>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5647235-CE1E-40E6-84CF-9FBCFBEF71F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C570-4319-B5DD-885A5D0A81FB}"/>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A2EA637-3942-41A1-A65B-8AA7875060D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C570-4319-B5DD-885A5D0A81FB}"/>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16B8D81-326F-47A5-B3F5-56CE5F3A1FB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C570-4319-B5DD-885A5D0A81FB}"/>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8FDDA78-EA52-4153-A7B5-583DEDAE396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C570-4319-B5DD-885A5D0A81FB}"/>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FBA25D8-3979-48BF-8C57-85683444E04C}</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C570-4319-B5DD-885A5D0A81FB}"/>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8D1EA79-5E05-40EF-B13D-18B4459DF8CE}</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C570-4319-B5DD-885A5D0A81FB}"/>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321D2EB-8CEB-47E7-922D-C933E9BA8BE6}</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C570-4319-B5DD-885A5D0A81FB}"/>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6D93220-9EC1-414A-8173-E2A4A90C11F7}</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C570-4319-B5DD-885A5D0A81FB}"/>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9.6999999999999993</c:v>
                </c:pt>
                <c:pt idx="8">
                  <c:v>11.1</c:v>
                </c:pt>
                <c:pt idx="16">
                  <c:v>11.9</c:v>
                </c:pt>
                <c:pt idx="24">
                  <c:v>12</c:v>
                </c:pt>
                <c:pt idx="32">
                  <c:v>12.4</c:v>
                </c:pt>
              </c:numCache>
            </c:numRef>
          </c:xVal>
          <c:yVal>
            <c:numRef>
              <c:f>公会計指標分析・財政指標組合せ分析表!$BP$73:$DC$73</c:f>
              <c:numCache>
                <c:formatCode>#,##0.0;"▲ "#,##0.0</c:formatCode>
                <c:ptCount val="40"/>
                <c:pt idx="0">
                  <c:v>153</c:v>
                </c:pt>
                <c:pt idx="8">
                  <c:v>152.19999999999999</c:v>
                </c:pt>
                <c:pt idx="16">
                  <c:v>140.1</c:v>
                </c:pt>
                <c:pt idx="24">
                  <c:v>106</c:v>
                </c:pt>
                <c:pt idx="32">
                  <c:v>83.4</c:v>
                </c:pt>
              </c:numCache>
            </c:numRef>
          </c:yVal>
          <c:smooth val="0"/>
          <c:extLst>
            <c:ext xmlns:c16="http://schemas.microsoft.com/office/drawing/2014/chart" uri="{C3380CC4-5D6E-409C-BE32-E72D297353CC}">
              <c16:uniqueId val="{00000009-C570-4319-B5DD-885A5D0A81FB}"/>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3.1697991619110633E-2"/>
                  <c:y val="-5.0933038885353679E-2"/>
                </c:manualLayout>
              </c:layout>
              <c:tx>
                <c:strRef>
                  <c:f>公会計指標分析・財政指標組合せ分析表!$BP$72</c:f>
                  <c:strCache>
                    <c:ptCount val="1"/>
                    <c:pt idx="0">
                      <c:v>H30</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2E2CA2AD-8F45-4F63-924C-F63C8D30678C}</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C570-4319-B5DD-885A5D0A81FB}"/>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F6B667F1-5D35-453E-81D8-C58591A0638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C570-4319-B5DD-885A5D0A81FB}"/>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2013364-8D98-42A2-89D2-030BA7D8FDF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C570-4319-B5DD-885A5D0A81FB}"/>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4188DC8-BA5C-41B4-BC46-D25B5717542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C570-4319-B5DD-885A5D0A81FB}"/>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D3FF0CC-FD9B-4638-890F-D6B8CC3D7EB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C570-4319-B5DD-885A5D0A81FB}"/>
                </c:ext>
              </c:extLst>
            </c:dLbl>
            <c:dLbl>
              <c:idx val="8"/>
              <c:layout>
                <c:manualLayout>
                  <c:x val="-4.4905057365901176E-2"/>
                  <c:y val="-4.8529289879423829E-2"/>
                </c:manualLayout>
              </c:layout>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BDC87A1-B1B2-4F50-9A34-E3A5A7AC966E}</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C570-4319-B5DD-885A5D0A81FB}"/>
                </c:ext>
              </c:extLst>
            </c:dLbl>
            <c:dLbl>
              <c:idx val="16"/>
              <c:layout>
                <c:manualLayout>
                  <c:x val="-1.8235628084250128E-2"/>
                  <c:y val="-8.7787612498604367E-2"/>
                </c:manualLayout>
              </c:layout>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6DB54E4-9257-4E48-BF3F-2DEF6C60B47A}</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C570-4319-B5DD-885A5D0A81FB}"/>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E9EED7F-8474-468B-8C6A-049AED51DF5C}</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C570-4319-B5DD-885A5D0A81FB}"/>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75BADA5-728F-4492-937F-2A87367C39FC}</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C570-4319-B5DD-885A5D0A81FB}"/>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8.6</c:v>
                </c:pt>
                <c:pt idx="8">
                  <c:v>8.8000000000000007</c:v>
                </c:pt>
                <c:pt idx="16">
                  <c:v>8.8000000000000007</c:v>
                </c:pt>
                <c:pt idx="24">
                  <c:v>8.3000000000000007</c:v>
                </c:pt>
                <c:pt idx="32">
                  <c:v>8.1</c:v>
                </c:pt>
              </c:numCache>
            </c:numRef>
          </c:xVal>
          <c:yVal>
            <c:numRef>
              <c:f>公会計指標分析・財政指標組合せ分析表!$BP$77:$DC$77</c:f>
              <c:numCache>
                <c:formatCode>#,##0.0;"▲ "#,##0.0</c:formatCode>
                <c:ptCount val="40"/>
                <c:pt idx="0">
                  <c:v>7.6</c:v>
                </c:pt>
                <c:pt idx="8">
                  <c:v>3</c:v>
                </c:pt>
                <c:pt idx="16">
                  <c:v>3.4</c:v>
                </c:pt>
                <c:pt idx="24">
                  <c:v>0</c:v>
                </c:pt>
                <c:pt idx="32">
                  <c:v>0</c:v>
                </c:pt>
              </c:numCache>
            </c:numRef>
          </c:yVal>
          <c:smooth val="0"/>
          <c:extLst>
            <c:ext xmlns:c16="http://schemas.microsoft.com/office/drawing/2014/chart" uri="{C3380CC4-5D6E-409C-BE32-E72D297353CC}">
              <c16:uniqueId val="{00000013-C570-4319-B5DD-885A5D0A81FB}"/>
            </c:ext>
          </c:extLst>
        </c:ser>
        <c:dLbls>
          <c:showLegendKey val="0"/>
          <c:showVal val="1"/>
          <c:showCatName val="0"/>
          <c:showSerName val="0"/>
          <c:showPercent val="0"/>
          <c:showBubbleSize val="0"/>
        </c:dLbls>
        <c:axId val="84219776"/>
        <c:axId val="84234240"/>
      </c:scatterChart>
      <c:valAx>
        <c:axId val="84219776"/>
        <c:scaling>
          <c:orientation val="maxMin"/>
          <c:max val="13"/>
          <c:min val="7"/>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80"/>
          <c:min val="-4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4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真鶴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元利償還金は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から増加傾向となっている。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に過疎指定されたことによる過疎債の活用に伴い償還額が増加し</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たものの</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臨時財政対策債は令和４年度より発行額が抑えられ</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ると予想されることから</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全体的に今後は、公債費率は横ばい傾向になっていくのではと予想され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事業の実施にあたっては、国県補助金を活用を行い、公債費率の増加を抑制していく。</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真鶴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一般会計においては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が償還のピークを迎え、減少傾向であったが、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からの過疎指定に伴う新たな起債メニューとなる過疎債の発行</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なども追加されたが、令和３年度、令和４年度と減少傾向</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になってい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地方債残高は、湯河原町真鶴町衛生組合によるごみ処理施設の改修工事、教育施設の建替計画なども進んでおり、新たなピークが見込まれ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今後は、将来を見据えた効率的、効果的な事業の実施に努め、施設の統廃合などを検討し、財政の健全化に努めていく。</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真鶴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税収、地方交付税、財産収入等の一般財源の増減に伴い変動している。</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財政調整基金の残高は、年度予算の補填的な財源、災害等への備えとして、計画的に積立を行い、減債基金は今後の償還に備え、まちづくり推進事業基金、ふるさと応援基金は有効に活用していく。教育施設整備基金は今後見込まれる教育施設の建替えのため計画的に積立を行い、そのほかの特目基金についても適切な運用をおこなっていく。</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真鶴町ふるさと応援基金：真鶴町のまちづくりを応援する個人又は団体からの寄附金を財源として、元気で住みよいふるさとまちづくりを推進す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真鶴町過疎地域</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持続的発展</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特別事業基金：過疎地域の持続的発展の支援に関する特別措置法（令和３年法律第</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号）第</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条第２項に規定する過疎地域</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における</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持続的</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な</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発展</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を促すために必要な</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事業</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を実施することに</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要する経費の財源</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とする</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教育施設整備基金：真鶴町教育施設整備事業費に充てるため。</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真鶴町感染症対策基金：感染症に対する経費に充てるため。</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まちづくり推進事業基金：自ら考え、自ら行う地域づくり事業の趣旨に沿い、地域における多様な歴史、文化、産業等を活用し、独創的、個性的な地域づくり事業を、町が自主的、主体的に推進する際に、必要な経費として積み立てるため</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教育施設整備基金：教育施設の建替えを実施予定であり計画的に積立していくため増加</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過疎地域</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持続的発展</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特別事業基金：過疎事業費の減少及び地方交付税の増加によ</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る積立額の増加</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ふるさと応援基金：基金繰入金の</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加</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により</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減少</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感染症対策基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に寄附金による</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積立</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により微増</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まちづくり推進事業基金：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まで積立は行っていない。</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教育施設整備基金は、事業実施に向かって進んでいることから、今以上に、計画的に積み立てていく。ふるさと応援基金は寄付金による積立と事業への繰入額のバランスを調整していく。過疎地域自立促進特別事業基金は過疎対象事業への繰入れを計画して取崩し、まちづくり推進事業基金も目的に合わせて取崩し計画していく。感染症対策基金は、今後の感染症の流行等を見据えて活用していく。</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税収、地方交付税、財産収入等の一般財源の増減に伴い変動している。</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財政調整基金の残高は、年度予算の補填的な財源、災害等への備えとして、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の範囲内になるように努めていく。</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まで積立は行っていない。</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地方債の償還額の増加が見込まれることから、今後は計画的な積立を検討していく。</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ADDA8990-92E2-4BF5-AC00-C9EFB384D6E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7A7EF51C-DCE9-431C-9B99-38B1076D3AA1}"/>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14858B18-290E-4A66-96DE-73FEDB6DE842}"/>
            </a:ext>
          </a:extLst>
        </xdr:cNvPr>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D2FE1CA9-89A9-45F7-BB18-99F8C69FD461}"/>
            </a:ext>
          </a:extLst>
        </xdr:cNvPr>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AB4941E9-24B4-450F-932D-3905B25514D7}"/>
            </a:ext>
          </a:extLst>
        </xdr:cNvPr>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28F53357-349F-4F11-A34C-53BC6763C8A9}"/>
            </a:ext>
          </a:extLst>
        </xdr:cNvPr>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FE0F9B9A-B7AD-4E29-A46C-B257FB7C2599}"/>
            </a:ext>
          </a:extLst>
        </xdr:cNvPr>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A33555D1-AE34-45EC-AB8C-11F84D81B733}"/>
            </a:ext>
          </a:extLst>
        </xdr:cNvPr>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BD2D0A08-D04D-4D2B-B829-F8B0270DD696}"/>
            </a:ext>
          </a:extLst>
        </xdr:cNvPr>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25ABB3DC-48D7-4678-BB61-B806F7A4F90D}"/>
            </a:ext>
          </a:extLst>
        </xdr:cNvPr>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CAC38FF2-8ABE-4223-80DD-7E1580197BB9}"/>
            </a:ext>
          </a:extLst>
        </xdr:cNvPr>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26A2094E-9B5C-451B-BDD9-A68DFAF3F92B}"/>
            </a:ext>
          </a:extLst>
        </xdr:cNvPr>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880
6,805
7.05
4,303,093
4,120,947
181,921
2,467,769
3,262,6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8F7EA51E-7DA0-4222-9E91-F3831DAF1DB7}"/>
            </a:ext>
          </a:extLst>
        </xdr:cNvPr>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B88F60C6-0FB7-4FC8-A254-BF2BAED64000}"/>
            </a:ext>
          </a:extLst>
        </xdr:cNvPr>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5470FD61-268B-4696-BB2D-BF6FA4B459C4}"/>
            </a:ext>
          </a:extLst>
        </xdr:cNvPr>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4
8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40D9AE36-CA0E-4E67-B515-70EA7F88C39F}"/>
            </a:ext>
          </a:extLst>
        </xdr:cNvPr>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ABA081EB-2359-4613-81D4-C9FAD3703783}"/>
            </a:ext>
          </a:extLst>
        </xdr:cNvPr>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13F2A480-0BB8-4654-BF4A-026F3B2290D0}"/>
            </a:ext>
          </a:extLst>
        </xdr:cNvPr>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2D52BFF6-C03E-4EC9-AEF0-B7BF61AA819D}"/>
            </a:ext>
          </a:extLst>
        </xdr:cNvPr>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DD5A28C0-125D-4D37-9EA8-A3119C345F37}"/>
            </a:ext>
          </a:extLst>
        </xdr:cNvPr>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CA7E99CB-6BED-4087-AE60-777CA1024CF4}"/>
            </a:ext>
          </a:extLst>
        </xdr:cNvPr>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940D9BBA-D6C0-4535-9950-A03F6D28468C}"/>
            </a:ext>
          </a:extLst>
        </xdr:cNvPr>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E41C8B5D-0F89-43C3-9E7D-B2EEC335009F}"/>
            </a:ext>
          </a:extLst>
        </xdr:cNvPr>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C1E75F63-609E-4971-B9DF-A14C7A47A4BB}"/>
            </a:ext>
          </a:extLst>
        </xdr:cNvPr>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6D224011-D723-4315-B586-70686D1B2DB4}"/>
            </a:ext>
          </a:extLst>
        </xdr:cNvPr>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AF961A5B-E4FA-485F-8347-780EEAA03F26}"/>
            </a:ext>
          </a:extLst>
        </xdr:cNvPr>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3EFA257B-5A94-48B8-A3E2-EFC5A29F6694}"/>
            </a:ext>
          </a:extLst>
        </xdr:cNvPr>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DFFA0529-11F5-4686-A3F0-959D341E65F8}"/>
            </a:ext>
          </a:extLst>
        </xdr:cNvPr>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5EF0C570-05D5-426A-B264-AF82CA2E3A28}"/>
            </a:ext>
          </a:extLst>
        </xdr:cNvPr>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855CEAA9-717A-4504-8645-C6FBD3C0DAC1}"/>
            </a:ext>
          </a:extLst>
        </xdr:cNvPr>
        <xdr:cNvSpPr txBox="1"/>
      </xdr:nvSpPr>
      <xdr:spPr>
        <a:xfrm>
          <a:off x="419100" y="20923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46057015-95D2-4BAD-ADBD-EEC6B02AEE53}"/>
            </a:ext>
          </a:extLst>
        </xdr:cNvPr>
        <xdr:cNvSpPr txBox="1"/>
      </xdr:nvSpPr>
      <xdr:spPr>
        <a:xfrm>
          <a:off x="419100" y="23336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B3398297-D11E-4C52-A5C7-FABAE42844B3}"/>
            </a:ext>
          </a:extLst>
        </xdr:cNvPr>
        <xdr:cNvSpPr txBox="1"/>
      </xdr:nvSpPr>
      <xdr:spPr>
        <a:xfrm>
          <a:off x="419100" y="25749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4" name="テキスト ボックス 33">
          <a:extLst>
            <a:ext uri="{FF2B5EF4-FFF2-40B4-BE49-F238E27FC236}">
              <a16:creationId xmlns:a16="http://schemas.microsoft.com/office/drawing/2014/main" id="{4AB8EBBC-03E4-4335-AF50-85F466BDC249}"/>
            </a:ext>
          </a:extLst>
        </xdr:cNvPr>
        <xdr:cNvSpPr txBox="1"/>
      </xdr:nvSpPr>
      <xdr:spPr>
        <a:xfrm>
          <a:off x="419100" y="2816225"/>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411B884E-7A80-4964-BB83-291955D8D114}"/>
            </a:ext>
          </a:extLst>
        </xdr:cNvPr>
        <xdr:cNvSpPr txBox="1"/>
      </xdr:nvSpPr>
      <xdr:spPr>
        <a:xfrm>
          <a:off x="419100" y="30575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6DF9426C-9D4B-472C-8ED4-4E565339B9C3}"/>
            </a:ext>
          </a:extLst>
        </xdr:cNvPr>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67A03407-F8B3-4D10-960B-6BF157A94B13}"/>
            </a:ext>
          </a:extLst>
        </xdr:cNvPr>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1ADBA1B6-791F-43CE-B30C-E6D1D7397C77}"/>
            </a:ext>
          </a:extLst>
        </xdr:cNvPr>
        <xdr:cNvSpPr/>
      </xdr:nvSpPr>
      <xdr:spPr>
        <a:xfrm>
          <a:off x="3827139" y="3836446"/>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0.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DB16E731-8702-4318-8E12-5A04099D1F98}"/>
            </a:ext>
          </a:extLst>
        </xdr:cNvPr>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FE259AC2-CDBD-447E-965C-661DFA0C6DC4}"/>
            </a:ext>
          </a:extLst>
        </xdr:cNvPr>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24A0887D-E196-446D-B321-121FE45E62F2}"/>
            </a:ext>
          </a:extLst>
        </xdr:cNvPr>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59EC51C9-270B-49DC-BFC5-A3724570A1C6}"/>
            </a:ext>
          </a:extLst>
        </xdr:cNvPr>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09F4C03F-601D-417F-A32D-FE134459EA01}"/>
            </a:ext>
          </a:extLst>
        </xdr:cNvPr>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2F380749-243A-45D8-9BBD-87C26676197C}"/>
            </a:ext>
          </a:extLst>
        </xdr:cNvPr>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2FF2DCB6-5374-4E4C-A442-65FA30903153}"/>
            </a:ext>
          </a:extLst>
        </xdr:cNvPr>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F58B6416-AF38-4BF9-AA39-2ECD19ACAA2E}"/>
            </a:ext>
          </a:extLst>
        </xdr:cNvPr>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B6A4D191-B5B0-4AA6-9247-434A0CA1152B}"/>
            </a:ext>
          </a:extLst>
        </xdr:cNvPr>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C9F8FF16-08E2-400F-94FC-17BB04DC544F}"/>
            </a:ext>
          </a:extLst>
        </xdr:cNvPr>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有形固定資産減価償却率は、類似団体平均より高い水準にあ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公共施設等については、令和２年度に個別施設計画を策定済みであるが、具体的な集約化・複合化・廃止は進んでおらず、老朽化が進んでいる。今後、計画的な更新に努めていかなければならない。</a:t>
          </a: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628E8E5E-E1AE-4FF6-BA5F-6DB8D555414D}"/>
            </a:ext>
          </a:extLst>
        </xdr:cNvPr>
        <xdr:cNvSpPr txBox="1"/>
      </xdr:nvSpPr>
      <xdr:spPr>
        <a:xfrm>
          <a:off x="1231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1262AE6C-2C59-407C-B184-AB6F139CCC7A}"/>
            </a:ext>
          </a:extLst>
        </xdr:cNvPr>
        <xdr:cNvCxnSpPr/>
      </xdr:nvCxnSpPr>
      <xdr:spPr>
        <a:xfrm>
          <a:off x="1270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a:extLst>
            <a:ext uri="{FF2B5EF4-FFF2-40B4-BE49-F238E27FC236}">
              <a16:creationId xmlns:a16="http://schemas.microsoft.com/office/drawing/2014/main" id="{AC0A6A28-8D3E-4EDD-A6F9-96896E8BBEEC}"/>
            </a:ext>
          </a:extLst>
        </xdr:cNvPr>
        <xdr:cNvSpPr txBox="1"/>
      </xdr:nvSpPr>
      <xdr:spPr>
        <a:xfrm>
          <a:off x="847106" y="6246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a:extLst>
            <a:ext uri="{FF2B5EF4-FFF2-40B4-BE49-F238E27FC236}">
              <a16:creationId xmlns:a16="http://schemas.microsoft.com/office/drawing/2014/main" id="{0A251AFD-61AE-4541-8B26-36AFBEE8375D}"/>
            </a:ext>
          </a:extLst>
        </xdr:cNvPr>
        <xdr:cNvCxnSpPr/>
      </xdr:nvCxnSpPr>
      <xdr:spPr>
        <a:xfrm>
          <a:off x="1270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a:extLst>
            <a:ext uri="{FF2B5EF4-FFF2-40B4-BE49-F238E27FC236}">
              <a16:creationId xmlns:a16="http://schemas.microsoft.com/office/drawing/2014/main" id="{26F6DB1B-6608-4385-93FB-70B1D0DF8F26}"/>
            </a:ext>
          </a:extLst>
        </xdr:cNvPr>
        <xdr:cNvSpPr txBox="1"/>
      </xdr:nvSpPr>
      <xdr:spPr>
        <a:xfrm>
          <a:off x="847106" y="58868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a:extLst>
            <a:ext uri="{FF2B5EF4-FFF2-40B4-BE49-F238E27FC236}">
              <a16:creationId xmlns:a16="http://schemas.microsoft.com/office/drawing/2014/main" id="{EE0EB789-78DB-491C-A16B-9A5E9D47F4B4}"/>
            </a:ext>
          </a:extLst>
        </xdr:cNvPr>
        <xdr:cNvCxnSpPr/>
      </xdr:nvCxnSpPr>
      <xdr:spPr>
        <a:xfrm>
          <a:off x="1270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a:extLst>
            <a:ext uri="{FF2B5EF4-FFF2-40B4-BE49-F238E27FC236}">
              <a16:creationId xmlns:a16="http://schemas.microsoft.com/office/drawing/2014/main" id="{817E73DE-C615-44CB-A282-493A6F57A919}"/>
            </a:ext>
          </a:extLst>
        </xdr:cNvPr>
        <xdr:cNvSpPr txBox="1"/>
      </xdr:nvSpPr>
      <xdr:spPr>
        <a:xfrm>
          <a:off x="847106" y="55270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a:extLst>
            <a:ext uri="{FF2B5EF4-FFF2-40B4-BE49-F238E27FC236}">
              <a16:creationId xmlns:a16="http://schemas.microsoft.com/office/drawing/2014/main" id="{E0075778-03EE-4FB0-8130-96F99301D76E}"/>
            </a:ext>
          </a:extLst>
        </xdr:cNvPr>
        <xdr:cNvCxnSpPr/>
      </xdr:nvCxnSpPr>
      <xdr:spPr>
        <a:xfrm>
          <a:off x="1270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a:extLst>
            <a:ext uri="{FF2B5EF4-FFF2-40B4-BE49-F238E27FC236}">
              <a16:creationId xmlns:a16="http://schemas.microsoft.com/office/drawing/2014/main" id="{CC709F7A-4698-4002-9B46-F9FB8E794174}"/>
            </a:ext>
          </a:extLst>
        </xdr:cNvPr>
        <xdr:cNvSpPr txBox="1"/>
      </xdr:nvSpPr>
      <xdr:spPr>
        <a:xfrm>
          <a:off x="847106" y="51671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a:extLst>
            <a:ext uri="{FF2B5EF4-FFF2-40B4-BE49-F238E27FC236}">
              <a16:creationId xmlns:a16="http://schemas.microsoft.com/office/drawing/2014/main" id="{F5548AF4-9431-4E9C-A743-FF244A67BD61}"/>
            </a:ext>
          </a:extLst>
        </xdr:cNvPr>
        <xdr:cNvCxnSpPr/>
      </xdr:nvCxnSpPr>
      <xdr:spPr>
        <a:xfrm>
          <a:off x="1270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a:extLst>
            <a:ext uri="{FF2B5EF4-FFF2-40B4-BE49-F238E27FC236}">
              <a16:creationId xmlns:a16="http://schemas.microsoft.com/office/drawing/2014/main" id="{A2F5F399-5008-4C7B-8A28-8E014D99E1BD}"/>
            </a:ext>
          </a:extLst>
        </xdr:cNvPr>
        <xdr:cNvSpPr txBox="1"/>
      </xdr:nvSpPr>
      <xdr:spPr>
        <a:xfrm>
          <a:off x="847106" y="48073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a:extLst>
            <a:ext uri="{FF2B5EF4-FFF2-40B4-BE49-F238E27FC236}">
              <a16:creationId xmlns:a16="http://schemas.microsoft.com/office/drawing/2014/main" id="{2156C4E3-AA38-469F-A10B-FA42B2A6D7A1}"/>
            </a:ext>
          </a:extLst>
        </xdr:cNvPr>
        <xdr:cNvCxnSpPr/>
      </xdr:nvCxnSpPr>
      <xdr:spPr>
        <a:xfrm>
          <a:off x="1270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a:extLst>
            <a:ext uri="{FF2B5EF4-FFF2-40B4-BE49-F238E27FC236}">
              <a16:creationId xmlns:a16="http://schemas.microsoft.com/office/drawing/2014/main" id="{B82756D0-73C5-4F35-94E2-3C957F681B6E}"/>
            </a:ext>
          </a:extLst>
        </xdr:cNvPr>
        <xdr:cNvSpPr txBox="1"/>
      </xdr:nvSpPr>
      <xdr:spPr>
        <a:xfrm>
          <a:off x="847106" y="44475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a:extLst>
            <a:ext uri="{FF2B5EF4-FFF2-40B4-BE49-F238E27FC236}">
              <a16:creationId xmlns:a16="http://schemas.microsoft.com/office/drawing/2014/main" id="{F4114338-F5DB-4FAF-9FB5-981EB5CB3DEC}"/>
            </a:ext>
          </a:extLst>
        </xdr:cNvPr>
        <xdr:cNvCxnSpPr/>
      </xdr:nvCxnSpPr>
      <xdr:spPr>
        <a:xfrm>
          <a:off x="1270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a:extLst>
            <a:ext uri="{FF2B5EF4-FFF2-40B4-BE49-F238E27FC236}">
              <a16:creationId xmlns:a16="http://schemas.microsoft.com/office/drawing/2014/main" id="{7486644E-9D0B-4AB8-855B-220BC33FF54E}"/>
            </a:ext>
          </a:extLst>
        </xdr:cNvPr>
        <xdr:cNvSpPr txBox="1"/>
      </xdr:nvSpPr>
      <xdr:spPr>
        <a:xfrm>
          <a:off x="847106" y="4087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a:extLst>
            <a:ext uri="{FF2B5EF4-FFF2-40B4-BE49-F238E27FC236}">
              <a16:creationId xmlns:a16="http://schemas.microsoft.com/office/drawing/2014/main" id="{5599EC0B-625F-45D0-9EFF-AA375EDD4E02}"/>
            </a:ext>
          </a:extLst>
        </xdr:cNvPr>
        <xdr:cNvSpPr/>
      </xdr:nvSpPr>
      <xdr:spPr>
        <a:xfrm>
          <a:off x="1270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5</xdr:row>
      <xdr:rowOff>147108</xdr:rowOff>
    </xdr:from>
    <xdr:to>
      <xdr:col>23</xdr:col>
      <xdr:colOff>85090</xdr:colOff>
      <xdr:row>35</xdr:row>
      <xdr:rowOff>41063</xdr:rowOff>
    </xdr:to>
    <xdr:cxnSp macro="">
      <xdr:nvCxnSpPr>
        <xdr:cNvPr id="65" name="直線コネクタ 64">
          <a:extLst>
            <a:ext uri="{FF2B5EF4-FFF2-40B4-BE49-F238E27FC236}">
              <a16:creationId xmlns:a16="http://schemas.microsoft.com/office/drawing/2014/main" id="{D3E5EECD-B905-4723-AB5E-A424F5B2DF3E}"/>
            </a:ext>
          </a:extLst>
        </xdr:cNvPr>
        <xdr:cNvCxnSpPr/>
      </xdr:nvCxnSpPr>
      <xdr:spPr>
        <a:xfrm flipV="1">
          <a:off x="4760595" y="4433358"/>
          <a:ext cx="1270" cy="16084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44890</xdr:rowOff>
    </xdr:from>
    <xdr:ext cx="405111" cy="259045"/>
    <xdr:sp macro="" textlink="">
      <xdr:nvSpPr>
        <xdr:cNvPr id="66" name="有形固定資産減価償却率最小値テキスト">
          <a:extLst>
            <a:ext uri="{FF2B5EF4-FFF2-40B4-BE49-F238E27FC236}">
              <a16:creationId xmlns:a16="http://schemas.microsoft.com/office/drawing/2014/main" id="{7B175F79-3D42-4A95-AE99-508D4526B6BC}"/>
            </a:ext>
          </a:extLst>
        </xdr:cNvPr>
        <xdr:cNvSpPr txBox="1"/>
      </xdr:nvSpPr>
      <xdr:spPr>
        <a:xfrm>
          <a:off x="4813300" y="60456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41063</xdr:rowOff>
    </xdr:from>
    <xdr:to>
      <xdr:col>23</xdr:col>
      <xdr:colOff>174625</xdr:colOff>
      <xdr:row>35</xdr:row>
      <xdr:rowOff>41063</xdr:rowOff>
    </xdr:to>
    <xdr:cxnSp macro="">
      <xdr:nvCxnSpPr>
        <xdr:cNvPr id="67" name="直線コネクタ 66">
          <a:extLst>
            <a:ext uri="{FF2B5EF4-FFF2-40B4-BE49-F238E27FC236}">
              <a16:creationId xmlns:a16="http://schemas.microsoft.com/office/drawing/2014/main" id="{9543B7C8-F294-4A18-BDEF-0F2B0A5B374F}"/>
            </a:ext>
          </a:extLst>
        </xdr:cNvPr>
        <xdr:cNvCxnSpPr/>
      </xdr:nvCxnSpPr>
      <xdr:spPr>
        <a:xfrm>
          <a:off x="4673600" y="60418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93785</xdr:rowOff>
    </xdr:from>
    <xdr:ext cx="405111" cy="259045"/>
    <xdr:sp macro="" textlink="">
      <xdr:nvSpPr>
        <xdr:cNvPr id="68" name="有形固定資産減価償却率最大値テキスト">
          <a:extLst>
            <a:ext uri="{FF2B5EF4-FFF2-40B4-BE49-F238E27FC236}">
              <a16:creationId xmlns:a16="http://schemas.microsoft.com/office/drawing/2014/main" id="{FEEA044B-9874-4811-BD4C-4ABC6475E603}"/>
            </a:ext>
          </a:extLst>
        </xdr:cNvPr>
        <xdr:cNvSpPr txBox="1"/>
      </xdr:nvSpPr>
      <xdr:spPr>
        <a:xfrm>
          <a:off x="4813300" y="42085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5</xdr:row>
      <xdr:rowOff>147108</xdr:rowOff>
    </xdr:from>
    <xdr:to>
      <xdr:col>23</xdr:col>
      <xdr:colOff>174625</xdr:colOff>
      <xdr:row>25</xdr:row>
      <xdr:rowOff>147108</xdr:rowOff>
    </xdr:to>
    <xdr:cxnSp macro="">
      <xdr:nvCxnSpPr>
        <xdr:cNvPr id="69" name="直線コネクタ 68">
          <a:extLst>
            <a:ext uri="{FF2B5EF4-FFF2-40B4-BE49-F238E27FC236}">
              <a16:creationId xmlns:a16="http://schemas.microsoft.com/office/drawing/2014/main" id="{C3845F58-3BA0-4B8A-9247-DBE640E402E0}"/>
            </a:ext>
          </a:extLst>
        </xdr:cNvPr>
        <xdr:cNvCxnSpPr/>
      </xdr:nvCxnSpPr>
      <xdr:spPr>
        <a:xfrm>
          <a:off x="4673600" y="44333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26052</xdr:rowOff>
    </xdr:from>
    <xdr:ext cx="405111" cy="259045"/>
    <xdr:sp macro="" textlink="">
      <xdr:nvSpPr>
        <xdr:cNvPr id="70" name="有形固定資産減価償却率平均値テキスト">
          <a:extLst>
            <a:ext uri="{FF2B5EF4-FFF2-40B4-BE49-F238E27FC236}">
              <a16:creationId xmlns:a16="http://schemas.microsoft.com/office/drawing/2014/main" id="{EDF08388-EDF8-4B8D-8D19-0B1447B41604}"/>
            </a:ext>
          </a:extLst>
        </xdr:cNvPr>
        <xdr:cNvSpPr txBox="1"/>
      </xdr:nvSpPr>
      <xdr:spPr>
        <a:xfrm>
          <a:off x="4813300" y="516955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3175</xdr:rowOff>
    </xdr:from>
    <xdr:to>
      <xdr:col>23</xdr:col>
      <xdr:colOff>136525</xdr:colOff>
      <xdr:row>31</xdr:row>
      <xdr:rowOff>104775</xdr:rowOff>
    </xdr:to>
    <xdr:sp macro="" textlink="">
      <xdr:nvSpPr>
        <xdr:cNvPr id="71" name="フローチャート: 判断 70">
          <a:extLst>
            <a:ext uri="{FF2B5EF4-FFF2-40B4-BE49-F238E27FC236}">
              <a16:creationId xmlns:a16="http://schemas.microsoft.com/office/drawing/2014/main" id="{1A0BB748-E667-4541-9417-CB2567145CB4}"/>
            </a:ext>
          </a:extLst>
        </xdr:cNvPr>
        <xdr:cNvSpPr/>
      </xdr:nvSpPr>
      <xdr:spPr>
        <a:xfrm>
          <a:off x="4711700" y="5318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60232</xdr:rowOff>
    </xdr:from>
    <xdr:to>
      <xdr:col>19</xdr:col>
      <xdr:colOff>187325</xdr:colOff>
      <xdr:row>31</xdr:row>
      <xdr:rowOff>90382</xdr:rowOff>
    </xdr:to>
    <xdr:sp macro="" textlink="">
      <xdr:nvSpPr>
        <xdr:cNvPr id="72" name="フローチャート: 判断 71">
          <a:extLst>
            <a:ext uri="{FF2B5EF4-FFF2-40B4-BE49-F238E27FC236}">
              <a16:creationId xmlns:a16="http://schemas.microsoft.com/office/drawing/2014/main" id="{35848D15-66F6-4E9B-BF9B-4CED3B49BC76}"/>
            </a:ext>
          </a:extLst>
        </xdr:cNvPr>
        <xdr:cNvSpPr/>
      </xdr:nvSpPr>
      <xdr:spPr>
        <a:xfrm>
          <a:off x="4000500" y="53037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67428</xdr:rowOff>
    </xdr:from>
    <xdr:to>
      <xdr:col>15</xdr:col>
      <xdr:colOff>187325</xdr:colOff>
      <xdr:row>31</xdr:row>
      <xdr:rowOff>97578</xdr:rowOff>
    </xdr:to>
    <xdr:sp macro="" textlink="">
      <xdr:nvSpPr>
        <xdr:cNvPr id="73" name="フローチャート: 判断 72">
          <a:extLst>
            <a:ext uri="{FF2B5EF4-FFF2-40B4-BE49-F238E27FC236}">
              <a16:creationId xmlns:a16="http://schemas.microsoft.com/office/drawing/2014/main" id="{5952D839-1E4D-4BF3-9171-611C81CF5606}"/>
            </a:ext>
          </a:extLst>
        </xdr:cNvPr>
        <xdr:cNvSpPr/>
      </xdr:nvSpPr>
      <xdr:spPr>
        <a:xfrm>
          <a:off x="3238500" y="5310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13970</xdr:rowOff>
    </xdr:from>
    <xdr:to>
      <xdr:col>11</xdr:col>
      <xdr:colOff>187325</xdr:colOff>
      <xdr:row>31</xdr:row>
      <xdr:rowOff>115570</xdr:rowOff>
    </xdr:to>
    <xdr:sp macro="" textlink="">
      <xdr:nvSpPr>
        <xdr:cNvPr id="74" name="フローチャート: 判断 73">
          <a:extLst>
            <a:ext uri="{FF2B5EF4-FFF2-40B4-BE49-F238E27FC236}">
              <a16:creationId xmlns:a16="http://schemas.microsoft.com/office/drawing/2014/main" id="{295E3F1E-BD27-425D-BD20-46D6A13C1EF0}"/>
            </a:ext>
          </a:extLst>
        </xdr:cNvPr>
        <xdr:cNvSpPr/>
      </xdr:nvSpPr>
      <xdr:spPr>
        <a:xfrm>
          <a:off x="2476500" y="5328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1</xdr:row>
      <xdr:rowOff>17568</xdr:rowOff>
    </xdr:from>
    <xdr:to>
      <xdr:col>7</xdr:col>
      <xdr:colOff>187325</xdr:colOff>
      <xdr:row>31</xdr:row>
      <xdr:rowOff>119168</xdr:rowOff>
    </xdr:to>
    <xdr:sp macro="" textlink="">
      <xdr:nvSpPr>
        <xdr:cNvPr id="75" name="フローチャート: 判断 74">
          <a:extLst>
            <a:ext uri="{FF2B5EF4-FFF2-40B4-BE49-F238E27FC236}">
              <a16:creationId xmlns:a16="http://schemas.microsoft.com/office/drawing/2014/main" id="{3E08A733-8EC5-461B-B1EE-3A796491B414}"/>
            </a:ext>
          </a:extLst>
        </xdr:cNvPr>
        <xdr:cNvSpPr/>
      </xdr:nvSpPr>
      <xdr:spPr>
        <a:xfrm>
          <a:off x="1714500" y="5332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a16="http://schemas.microsoft.com/office/drawing/2014/main" id="{5E4E55FF-3022-474A-BE02-19C4F2C654CF}"/>
            </a:ext>
          </a:extLst>
        </xdr:cNvPr>
        <xdr:cNvSpPr txBox="1"/>
      </xdr:nvSpPr>
      <xdr:spPr>
        <a:xfrm>
          <a:off x="4584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id="{FEEB01E4-C50F-4C01-AF0E-11E990A678AA}"/>
            </a:ext>
          </a:extLst>
        </xdr:cNvPr>
        <xdr:cNvSpPr txBox="1"/>
      </xdr:nvSpPr>
      <xdr:spPr>
        <a:xfrm>
          <a:off x="3873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FC66CC7F-815C-4766-929C-B5EC0B62F189}"/>
            </a:ext>
          </a:extLst>
        </xdr:cNvPr>
        <xdr:cNvSpPr txBox="1"/>
      </xdr:nvSpPr>
      <xdr:spPr>
        <a:xfrm>
          <a:off x="3111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8BC3D0DE-60A3-4A0A-922D-5CCA55B1FCA6}"/>
            </a:ext>
          </a:extLst>
        </xdr:cNvPr>
        <xdr:cNvSpPr txBox="1"/>
      </xdr:nvSpPr>
      <xdr:spPr>
        <a:xfrm>
          <a:off x="2349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CAE97EA1-AA9C-4A94-A34B-3A20C62E39F2}"/>
            </a:ext>
          </a:extLst>
        </xdr:cNvPr>
        <xdr:cNvSpPr txBox="1"/>
      </xdr:nvSpPr>
      <xdr:spPr>
        <a:xfrm>
          <a:off x="1587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2</xdr:row>
      <xdr:rowOff>101600</xdr:rowOff>
    </xdr:from>
    <xdr:to>
      <xdr:col>23</xdr:col>
      <xdr:colOff>136525</xdr:colOff>
      <xdr:row>33</xdr:row>
      <xdr:rowOff>31750</xdr:rowOff>
    </xdr:to>
    <xdr:sp macro="" textlink="">
      <xdr:nvSpPr>
        <xdr:cNvPr id="81" name="楕円 80">
          <a:extLst>
            <a:ext uri="{FF2B5EF4-FFF2-40B4-BE49-F238E27FC236}">
              <a16:creationId xmlns:a16="http://schemas.microsoft.com/office/drawing/2014/main" id="{D591A3F1-3011-4EC4-A12E-FC64BB48057B}"/>
            </a:ext>
          </a:extLst>
        </xdr:cNvPr>
        <xdr:cNvSpPr/>
      </xdr:nvSpPr>
      <xdr:spPr>
        <a:xfrm>
          <a:off x="4711700" y="5588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2</xdr:row>
      <xdr:rowOff>80027</xdr:rowOff>
    </xdr:from>
    <xdr:ext cx="405111" cy="259045"/>
    <xdr:sp macro="" textlink="">
      <xdr:nvSpPr>
        <xdr:cNvPr id="82" name="有形固定資産減価償却率該当値テキスト">
          <a:extLst>
            <a:ext uri="{FF2B5EF4-FFF2-40B4-BE49-F238E27FC236}">
              <a16:creationId xmlns:a16="http://schemas.microsoft.com/office/drawing/2014/main" id="{55835891-3C2F-49E3-BDFF-56764C92C7EC}"/>
            </a:ext>
          </a:extLst>
        </xdr:cNvPr>
        <xdr:cNvSpPr txBox="1"/>
      </xdr:nvSpPr>
      <xdr:spPr>
        <a:xfrm>
          <a:off x="4813300" y="5566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139912</xdr:rowOff>
    </xdr:from>
    <xdr:to>
      <xdr:col>19</xdr:col>
      <xdr:colOff>187325</xdr:colOff>
      <xdr:row>32</xdr:row>
      <xdr:rowOff>70062</xdr:rowOff>
    </xdr:to>
    <xdr:sp macro="" textlink="">
      <xdr:nvSpPr>
        <xdr:cNvPr id="83" name="楕円 82">
          <a:extLst>
            <a:ext uri="{FF2B5EF4-FFF2-40B4-BE49-F238E27FC236}">
              <a16:creationId xmlns:a16="http://schemas.microsoft.com/office/drawing/2014/main" id="{F06980CA-68F1-43CE-B792-412717808BD2}"/>
            </a:ext>
          </a:extLst>
        </xdr:cNvPr>
        <xdr:cNvSpPr/>
      </xdr:nvSpPr>
      <xdr:spPr>
        <a:xfrm>
          <a:off x="4000500" y="5454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2</xdr:row>
      <xdr:rowOff>19262</xdr:rowOff>
    </xdr:from>
    <xdr:to>
      <xdr:col>23</xdr:col>
      <xdr:colOff>85725</xdr:colOff>
      <xdr:row>32</xdr:row>
      <xdr:rowOff>152400</xdr:rowOff>
    </xdr:to>
    <xdr:cxnSp macro="">
      <xdr:nvCxnSpPr>
        <xdr:cNvPr id="84" name="直線コネクタ 83">
          <a:extLst>
            <a:ext uri="{FF2B5EF4-FFF2-40B4-BE49-F238E27FC236}">
              <a16:creationId xmlns:a16="http://schemas.microsoft.com/office/drawing/2014/main" id="{EC2FB6DE-8F9A-4CF2-AE24-9C89861CABF6}"/>
            </a:ext>
          </a:extLst>
        </xdr:cNvPr>
        <xdr:cNvCxnSpPr/>
      </xdr:nvCxnSpPr>
      <xdr:spPr>
        <a:xfrm>
          <a:off x="4051300" y="5505662"/>
          <a:ext cx="711200" cy="1331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64347</xdr:rowOff>
    </xdr:from>
    <xdr:to>
      <xdr:col>15</xdr:col>
      <xdr:colOff>187325</xdr:colOff>
      <xdr:row>31</xdr:row>
      <xdr:rowOff>165947</xdr:rowOff>
    </xdr:to>
    <xdr:sp macro="" textlink="">
      <xdr:nvSpPr>
        <xdr:cNvPr id="85" name="楕円 84">
          <a:extLst>
            <a:ext uri="{FF2B5EF4-FFF2-40B4-BE49-F238E27FC236}">
              <a16:creationId xmlns:a16="http://schemas.microsoft.com/office/drawing/2014/main" id="{03CEFE13-36FE-40B4-8747-32B9AE57CD26}"/>
            </a:ext>
          </a:extLst>
        </xdr:cNvPr>
        <xdr:cNvSpPr/>
      </xdr:nvSpPr>
      <xdr:spPr>
        <a:xfrm>
          <a:off x="3238500" y="5379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115147</xdr:rowOff>
    </xdr:from>
    <xdr:to>
      <xdr:col>19</xdr:col>
      <xdr:colOff>136525</xdr:colOff>
      <xdr:row>32</xdr:row>
      <xdr:rowOff>19262</xdr:rowOff>
    </xdr:to>
    <xdr:cxnSp macro="">
      <xdr:nvCxnSpPr>
        <xdr:cNvPr id="86" name="直線コネクタ 85">
          <a:extLst>
            <a:ext uri="{FF2B5EF4-FFF2-40B4-BE49-F238E27FC236}">
              <a16:creationId xmlns:a16="http://schemas.microsoft.com/office/drawing/2014/main" id="{6DD9D7DF-FB56-4F09-97A2-751800A92D25}"/>
            </a:ext>
          </a:extLst>
        </xdr:cNvPr>
        <xdr:cNvCxnSpPr/>
      </xdr:nvCxnSpPr>
      <xdr:spPr>
        <a:xfrm>
          <a:off x="3289300" y="5430097"/>
          <a:ext cx="762000" cy="755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153035</xdr:rowOff>
    </xdr:from>
    <xdr:to>
      <xdr:col>11</xdr:col>
      <xdr:colOff>187325</xdr:colOff>
      <xdr:row>31</xdr:row>
      <xdr:rowOff>83185</xdr:rowOff>
    </xdr:to>
    <xdr:sp macro="" textlink="">
      <xdr:nvSpPr>
        <xdr:cNvPr id="87" name="楕円 86">
          <a:extLst>
            <a:ext uri="{FF2B5EF4-FFF2-40B4-BE49-F238E27FC236}">
              <a16:creationId xmlns:a16="http://schemas.microsoft.com/office/drawing/2014/main" id="{343276C4-54FE-455A-AFF3-B27BDE386846}"/>
            </a:ext>
          </a:extLst>
        </xdr:cNvPr>
        <xdr:cNvSpPr/>
      </xdr:nvSpPr>
      <xdr:spPr>
        <a:xfrm>
          <a:off x="2476500" y="5296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32385</xdr:rowOff>
    </xdr:from>
    <xdr:to>
      <xdr:col>15</xdr:col>
      <xdr:colOff>136525</xdr:colOff>
      <xdr:row>31</xdr:row>
      <xdr:rowOff>115147</xdr:rowOff>
    </xdr:to>
    <xdr:cxnSp macro="">
      <xdr:nvCxnSpPr>
        <xdr:cNvPr id="88" name="直線コネクタ 87">
          <a:extLst>
            <a:ext uri="{FF2B5EF4-FFF2-40B4-BE49-F238E27FC236}">
              <a16:creationId xmlns:a16="http://schemas.microsoft.com/office/drawing/2014/main" id="{FDF9536F-0F2B-4394-846E-3E50B768E0EE}"/>
            </a:ext>
          </a:extLst>
        </xdr:cNvPr>
        <xdr:cNvCxnSpPr/>
      </xdr:nvCxnSpPr>
      <xdr:spPr>
        <a:xfrm>
          <a:off x="2527300" y="5347335"/>
          <a:ext cx="762000" cy="82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1</xdr:row>
      <xdr:rowOff>10372</xdr:rowOff>
    </xdr:from>
    <xdr:to>
      <xdr:col>7</xdr:col>
      <xdr:colOff>187325</xdr:colOff>
      <xdr:row>31</xdr:row>
      <xdr:rowOff>111972</xdr:rowOff>
    </xdr:to>
    <xdr:sp macro="" textlink="">
      <xdr:nvSpPr>
        <xdr:cNvPr id="89" name="楕円 88">
          <a:extLst>
            <a:ext uri="{FF2B5EF4-FFF2-40B4-BE49-F238E27FC236}">
              <a16:creationId xmlns:a16="http://schemas.microsoft.com/office/drawing/2014/main" id="{9712A45D-6DED-48E4-BA8D-844EB5C95D99}"/>
            </a:ext>
          </a:extLst>
        </xdr:cNvPr>
        <xdr:cNvSpPr/>
      </xdr:nvSpPr>
      <xdr:spPr>
        <a:xfrm>
          <a:off x="1714500" y="5325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32385</xdr:rowOff>
    </xdr:from>
    <xdr:to>
      <xdr:col>11</xdr:col>
      <xdr:colOff>136525</xdr:colOff>
      <xdr:row>31</xdr:row>
      <xdr:rowOff>61172</xdr:rowOff>
    </xdr:to>
    <xdr:cxnSp macro="">
      <xdr:nvCxnSpPr>
        <xdr:cNvPr id="90" name="直線コネクタ 89">
          <a:extLst>
            <a:ext uri="{FF2B5EF4-FFF2-40B4-BE49-F238E27FC236}">
              <a16:creationId xmlns:a16="http://schemas.microsoft.com/office/drawing/2014/main" id="{166BD1B9-2158-4B33-ABCC-2E1E61881CC8}"/>
            </a:ext>
          </a:extLst>
        </xdr:cNvPr>
        <xdr:cNvCxnSpPr/>
      </xdr:nvCxnSpPr>
      <xdr:spPr>
        <a:xfrm flipV="1">
          <a:off x="1765300" y="5347335"/>
          <a:ext cx="762000" cy="28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106909</xdr:rowOff>
    </xdr:from>
    <xdr:ext cx="405111" cy="259045"/>
    <xdr:sp macro="" textlink="">
      <xdr:nvSpPr>
        <xdr:cNvPr id="91" name="n_1aveValue有形固定資産減価償却率">
          <a:extLst>
            <a:ext uri="{FF2B5EF4-FFF2-40B4-BE49-F238E27FC236}">
              <a16:creationId xmlns:a16="http://schemas.microsoft.com/office/drawing/2014/main" id="{BC2CCE76-437C-43CC-831B-1B8F58B203A4}"/>
            </a:ext>
          </a:extLst>
        </xdr:cNvPr>
        <xdr:cNvSpPr txBox="1"/>
      </xdr:nvSpPr>
      <xdr:spPr>
        <a:xfrm>
          <a:off x="3836044" y="50789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14105</xdr:rowOff>
    </xdr:from>
    <xdr:ext cx="405111" cy="259045"/>
    <xdr:sp macro="" textlink="">
      <xdr:nvSpPr>
        <xdr:cNvPr id="92" name="n_2aveValue有形固定資産減価償却率">
          <a:extLst>
            <a:ext uri="{FF2B5EF4-FFF2-40B4-BE49-F238E27FC236}">
              <a16:creationId xmlns:a16="http://schemas.microsoft.com/office/drawing/2014/main" id="{AE1EF258-F23B-4992-8D3F-A90054C1F661}"/>
            </a:ext>
          </a:extLst>
        </xdr:cNvPr>
        <xdr:cNvSpPr txBox="1"/>
      </xdr:nvSpPr>
      <xdr:spPr>
        <a:xfrm>
          <a:off x="3086744" y="50861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106697</xdr:rowOff>
    </xdr:from>
    <xdr:ext cx="405111" cy="259045"/>
    <xdr:sp macro="" textlink="">
      <xdr:nvSpPr>
        <xdr:cNvPr id="93" name="n_3aveValue有形固定資産減価償却率">
          <a:extLst>
            <a:ext uri="{FF2B5EF4-FFF2-40B4-BE49-F238E27FC236}">
              <a16:creationId xmlns:a16="http://schemas.microsoft.com/office/drawing/2014/main" id="{084CCFEC-A4DF-4ADC-B3F5-A132FA1C4F5A}"/>
            </a:ext>
          </a:extLst>
        </xdr:cNvPr>
        <xdr:cNvSpPr txBox="1"/>
      </xdr:nvSpPr>
      <xdr:spPr>
        <a:xfrm>
          <a:off x="2324744" y="5421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110295</xdr:rowOff>
    </xdr:from>
    <xdr:ext cx="405111" cy="259045"/>
    <xdr:sp macro="" textlink="">
      <xdr:nvSpPr>
        <xdr:cNvPr id="94" name="n_4aveValue有形固定資産減価償却率">
          <a:extLst>
            <a:ext uri="{FF2B5EF4-FFF2-40B4-BE49-F238E27FC236}">
              <a16:creationId xmlns:a16="http://schemas.microsoft.com/office/drawing/2014/main" id="{27B01C6F-8EC7-42D4-9020-08FAAAFA97FC}"/>
            </a:ext>
          </a:extLst>
        </xdr:cNvPr>
        <xdr:cNvSpPr txBox="1"/>
      </xdr:nvSpPr>
      <xdr:spPr>
        <a:xfrm>
          <a:off x="1562744" y="54252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61189</xdr:rowOff>
    </xdr:from>
    <xdr:ext cx="405111" cy="259045"/>
    <xdr:sp macro="" textlink="">
      <xdr:nvSpPr>
        <xdr:cNvPr id="95" name="n_1mainValue有形固定資産減価償却率">
          <a:extLst>
            <a:ext uri="{FF2B5EF4-FFF2-40B4-BE49-F238E27FC236}">
              <a16:creationId xmlns:a16="http://schemas.microsoft.com/office/drawing/2014/main" id="{F0CD5CB0-FCFF-4B6C-A248-3803CFF6F6D7}"/>
            </a:ext>
          </a:extLst>
        </xdr:cNvPr>
        <xdr:cNvSpPr txBox="1"/>
      </xdr:nvSpPr>
      <xdr:spPr>
        <a:xfrm>
          <a:off x="3836044" y="55475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157074</xdr:rowOff>
    </xdr:from>
    <xdr:ext cx="405111" cy="259045"/>
    <xdr:sp macro="" textlink="">
      <xdr:nvSpPr>
        <xdr:cNvPr id="96" name="n_2mainValue有形固定資産減価償却率">
          <a:extLst>
            <a:ext uri="{FF2B5EF4-FFF2-40B4-BE49-F238E27FC236}">
              <a16:creationId xmlns:a16="http://schemas.microsoft.com/office/drawing/2014/main" id="{3020D16F-0B89-4005-8A7F-F114733F9E74}"/>
            </a:ext>
          </a:extLst>
        </xdr:cNvPr>
        <xdr:cNvSpPr txBox="1"/>
      </xdr:nvSpPr>
      <xdr:spPr>
        <a:xfrm>
          <a:off x="3086744" y="54720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99712</xdr:rowOff>
    </xdr:from>
    <xdr:ext cx="405111" cy="259045"/>
    <xdr:sp macro="" textlink="">
      <xdr:nvSpPr>
        <xdr:cNvPr id="97" name="n_3mainValue有形固定資産減価償却率">
          <a:extLst>
            <a:ext uri="{FF2B5EF4-FFF2-40B4-BE49-F238E27FC236}">
              <a16:creationId xmlns:a16="http://schemas.microsoft.com/office/drawing/2014/main" id="{3B2AA89C-7D14-437F-8181-E7D81B3B8C39}"/>
            </a:ext>
          </a:extLst>
        </xdr:cNvPr>
        <xdr:cNvSpPr txBox="1"/>
      </xdr:nvSpPr>
      <xdr:spPr>
        <a:xfrm>
          <a:off x="2324744" y="5071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28499</xdr:rowOff>
    </xdr:from>
    <xdr:ext cx="405111" cy="259045"/>
    <xdr:sp macro="" textlink="">
      <xdr:nvSpPr>
        <xdr:cNvPr id="98" name="n_4mainValue有形固定資産減価償却率">
          <a:extLst>
            <a:ext uri="{FF2B5EF4-FFF2-40B4-BE49-F238E27FC236}">
              <a16:creationId xmlns:a16="http://schemas.microsoft.com/office/drawing/2014/main" id="{405CBDD7-4F14-4387-A8BB-A695BCA113A3}"/>
            </a:ext>
          </a:extLst>
        </xdr:cNvPr>
        <xdr:cNvSpPr txBox="1"/>
      </xdr:nvSpPr>
      <xdr:spPr>
        <a:xfrm>
          <a:off x="1562744" y="51005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a:extLst>
            <a:ext uri="{FF2B5EF4-FFF2-40B4-BE49-F238E27FC236}">
              <a16:creationId xmlns:a16="http://schemas.microsoft.com/office/drawing/2014/main" id="{FB9B8D6E-CCBE-4BDD-AF9F-897DB3553E69}"/>
            </a:ext>
          </a:extLst>
        </xdr:cNvPr>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a:extLst>
            <a:ext uri="{FF2B5EF4-FFF2-40B4-BE49-F238E27FC236}">
              <a16:creationId xmlns:a16="http://schemas.microsoft.com/office/drawing/2014/main" id="{16DBBF3D-B1CE-486B-8196-BB2259F91351}"/>
            </a:ext>
          </a:extLst>
        </xdr:cNvPr>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a:extLst>
            <a:ext uri="{FF2B5EF4-FFF2-40B4-BE49-F238E27FC236}">
              <a16:creationId xmlns:a16="http://schemas.microsoft.com/office/drawing/2014/main" id="{71E34CAD-0E2F-4E1E-9E3C-D7ACC1BA47B4}"/>
            </a:ext>
          </a:extLst>
        </xdr:cNvPr>
        <xdr:cNvSpPr/>
      </xdr:nvSpPr>
      <xdr:spPr>
        <a:xfrm>
          <a:off x="13818140" y="3836446"/>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17.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a:extLst>
            <a:ext uri="{FF2B5EF4-FFF2-40B4-BE49-F238E27FC236}">
              <a16:creationId xmlns:a16="http://schemas.microsoft.com/office/drawing/2014/main" id="{A5CEBE86-B534-4B13-B8FC-11B4D1167383}"/>
            </a:ext>
          </a:extLst>
        </xdr:cNvPr>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a:extLst>
            <a:ext uri="{FF2B5EF4-FFF2-40B4-BE49-F238E27FC236}">
              <a16:creationId xmlns:a16="http://schemas.microsoft.com/office/drawing/2014/main" id="{252FF6EE-F51F-4CB8-9ABF-D3F204AD89B4}"/>
            </a:ext>
          </a:extLst>
        </xdr:cNvPr>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a:extLst>
            <a:ext uri="{FF2B5EF4-FFF2-40B4-BE49-F238E27FC236}">
              <a16:creationId xmlns:a16="http://schemas.microsoft.com/office/drawing/2014/main" id="{D0D5C3A7-DA57-44BE-B483-FE2CFB7843CC}"/>
            </a:ext>
          </a:extLst>
        </xdr:cNvPr>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a:extLst>
            <a:ext uri="{FF2B5EF4-FFF2-40B4-BE49-F238E27FC236}">
              <a16:creationId xmlns:a16="http://schemas.microsoft.com/office/drawing/2014/main" id="{D8EB6849-34BF-4763-80EF-0B0B87F0CAC2}"/>
            </a:ext>
          </a:extLst>
        </xdr:cNvPr>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a:extLst>
            <a:ext uri="{FF2B5EF4-FFF2-40B4-BE49-F238E27FC236}">
              <a16:creationId xmlns:a16="http://schemas.microsoft.com/office/drawing/2014/main" id="{E3F07A3C-9F72-4430-9BC5-6CA409DCB380}"/>
            </a:ext>
          </a:extLst>
        </xdr:cNvPr>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a:extLst>
            <a:ext uri="{FF2B5EF4-FFF2-40B4-BE49-F238E27FC236}">
              <a16:creationId xmlns:a16="http://schemas.microsoft.com/office/drawing/2014/main" id="{14EC3CC2-C0A9-4176-B64E-426A3520569B}"/>
            </a:ext>
          </a:extLst>
        </xdr:cNvPr>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a:extLst>
            <a:ext uri="{FF2B5EF4-FFF2-40B4-BE49-F238E27FC236}">
              <a16:creationId xmlns:a16="http://schemas.microsoft.com/office/drawing/2014/main" id="{01D37A5F-8317-44FE-AD96-81897D495CAC}"/>
            </a:ext>
          </a:extLst>
        </xdr:cNvPr>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a:extLst>
            <a:ext uri="{FF2B5EF4-FFF2-40B4-BE49-F238E27FC236}">
              <a16:creationId xmlns:a16="http://schemas.microsoft.com/office/drawing/2014/main" id="{1869A07D-6554-4C6D-B8BC-EAF99F4A0245}"/>
            </a:ext>
          </a:extLst>
        </xdr:cNvPr>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a:extLst>
            <a:ext uri="{FF2B5EF4-FFF2-40B4-BE49-F238E27FC236}">
              <a16:creationId xmlns:a16="http://schemas.microsoft.com/office/drawing/2014/main" id="{7475F1E3-554D-4282-8D2D-166B3E29FB43}"/>
            </a:ext>
          </a:extLst>
        </xdr:cNvPr>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a:extLst>
            <a:ext uri="{FF2B5EF4-FFF2-40B4-BE49-F238E27FC236}">
              <a16:creationId xmlns:a16="http://schemas.microsoft.com/office/drawing/2014/main" id="{5DD79A0E-37BD-456D-981E-88B36F26DC4D}"/>
            </a:ext>
          </a:extLst>
        </xdr:cNvPr>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令和４年度の債務償還比率は</a:t>
          </a:r>
          <a:r>
            <a:rPr kumimoji="1" lang="en-US" altLang="ja-JP" sz="1100">
              <a:latin typeface="ＭＳ Ｐゴシック" panose="020B0600070205080204" pitchFamily="50" charset="-128"/>
              <a:ea typeface="ＭＳ Ｐゴシック" panose="020B0600070205080204" pitchFamily="50" charset="-128"/>
            </a:rPr>
            <a:t>717.7</a:t>
          </a:r>
          <a:r>
            <a:rPr kumimoji="1" lang="ja-JP" altLang="en-US" sz="1100">
              <a:latin typeface="ＭＳ Ｐゴシック" panose="020B0600070205080204" pitchFamily="50" charset="-128"/>
              <a:ea typeface="ＭＳ Ｐゴシック" panose="020B0600070205080204" pitchFamily="50" charset="-128"/>
            </a:rPr>
            <a:t>％で、令和３年度に比べ若干増加した。引き続き、類似団体と比べると高い水準で推移し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平成</a:t>
          </a:r>
          <a:r>
            <a:rPr kumimoji="1" lang="en-US" altLang="ja-JP" sz="1100">
              <a:latin typeface="ＭＳ Ｐゴシック" panose="020B0600070205080204" pitchFamily="50" charset="-128"/>
              <a:ea typeface="ＭＳ Ｐゴシック" panose="020B0600070205080204" pitchFamily="50" charset="-128"/>
            </a:rPr>
            <a:t>29</a:t>
          </a:r>
          <a:r>
            <a:rPr kumimoji="1" lang="ja-JP" altLang="en-US" sz="1100">
              <a:latin typeface="ＭＳ Ｐゴシック" panose="020B0600070205080204" pitchFamily="50" charset="-128"/>
              <a:ea typeface="ＭＳ Ｐゴシック" panose="020B0600070205080204" pitchFamily="50" charset="-128"/>
            </a:rPr>
            <a:t>年度に過疎地域指定を受けたことから、過疎対策事業債の活用が始まり、地方債残高が高いことが主な要因となっ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地方債の発行と償還のバランスに注意しながら、町財政の健全性を維持しなければならない。</a:t>
          </a:r>
        </a:p>
      </xdr:txBody>
    </xdr:sp>
    <xdr:clientData/>
  </xdr:twoCellAnchor>
  <xdr:oneCellAnchor>
    <xdr:from>
      <xdr:col>57</xdr:col>
      <xdr:colOff>111125</xdr:colOff>
      <xdr:row>23</xdr:row>
      <xdr:rowOff>47625</xdr:rowOff>
    </xdr:from>
    <xdr:ext cx="349839" cy="225703"/>
    <xdr:sp macro="" textlink="">
      <xdr:nvSpPr>
        <xdr:cNvPr id="112" name="テキスト ボックス 111">
          <a:extLst>
            <a:ext uri="{FF2B5EF4-FFF2-40B4-BE49-F238E27FC236}">
              <a16:creationId xmlns:a16="http://schemas.microsoft.com/office/drawing/2014/main" id="{41A206CF-5851-46E4-8801-9B1A920C6BAC}"/>
            </a:ext>
          </a:extLst>
        </xdr:cNvPr>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a:extLst>
            <a:ext uri="{FF2B5EF4-FFF2-40B4-BE49-F238E27FC236}">
              <a16:creationId xmlns:a16="http://schemas.microsoft.com/office/drawing/2014/main" id="{D8B64F54-F44B-4E6C-8218-B17C352BB602}"/>
            </a:ext>
          </a:extLst>
        </xdr:cNvPr>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a:extLst>
            <a:ext uri="{FF2B5EF4-FFF2-40B4-BE49-F238E27FC236}">
              <a16:creationId xmlns:a16="http://schemas.microsoft.com/office/drawing/2014/main" id="{41F38EAB-4191-4E13-B5CC-3FCD2397554D}"/>
            </a:ext>
          </a:extLst>
        </xdr:cNvPr>
        <xdr:cNvSpPr txBox="1"/>
      </xdr:nvSpPr>
      <xdr:spPr>
        <a:xfrm>
          <a:off x="10756676" y="6246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5" name="直線コネクタ 114">
          <a:extLst>
            <a:ext uri="{FF2B5EF4-FFF2-40B4-BE49-F238E27FC236}">
              <a16:creationId xmlns:a16="http://schemas.microsoft.com/office/drawing/2014/main" id="{E24C2ADE-890C-4045-A2F2-0566C2A370EB}"/>
            </a:ext>
          </a:extLst>
        </xdr:cNvPr>
        <xdr:cNvCxnSpPr/>
      </xdr:nvCxnSpPr>
      <xdr:spPr>
        <a:xfrm>
          <a:off x="11303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6" name="テキスト ボックス 115">
          <a:extLst>
            <a:ext uri="{FF2B5EF4-FFF2-40B4-BE49-F238E27FC236}">
              <a16:creationId xmlns:a16="http://schemas.microsoft.com/office/drawing/2014/main" id="{8ADB164D-F5E5-4604-9016-0117F5EAA5BA}"/>
            </a:ext>
          </a:extLst>
        </xdr:cNvPr>
        <xdr:cNvSpPr txBox="1"/>
      </xdr:nvSpPr>
      <xdr:spPr>
        <a:xfrm>
          <a:off x="10756676" y="588684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7" name="直線コネクタ 116">
          <a:extLst>
            <a:ext uri="{FF2B5EF4-FFF2-40B4-BE49-F238E27FC236}">
              <a16:creationId xmlns:a16="http://schemas.microsoft.com/office/drawing/2014/main" id="{9B1803DB-077A-4482-A1CF-1D3332D2E0A6}"/>
            </a:ext>
          </a:extLst>
        </xdr:cNvPr>
        <xdr:cNvCxnSpPr/>
      </xdr:nvCxnSpPr>
      <xdr:spPr>
        <a:xfrm>
          <a:off x="11303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8" name="テキスト ボックス 117">
          <a:extLst>
            <a:ext uri="{FF2B5EF4-FFF2-40B4-BE49-F238E27FC236}">
              <a16:creationId xmlns:a16="http://schemas.microsoft.com/office/drawing/2014/main" id="{7BA65836-921E-4A0F-810C-3C9F05D9652B}"/>
            </a:ext>
          </a:extLst>
        </xdr:cNvPr>
        <xdr:cNvSpPr txBox="1"/>
      </xdr:nvSpPr>
      <xdr:spPr>
        <a:xfrm>
          <a:off x="10828811" y="552700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9" name="直線コネクタ 118">
          <a:extLst>
            <a:ext uri="{FF2B5EF4-FFF2-40B4-BE49-F238E27FC236}">
              <a16:creationId xmlns:a16="http://schemas.microsoft.com/office/drawing/2014/main" id="{C27E1A74-05B8-40B0-8CC6-F14BBD037360}"/>
            </a:ext>
          </a:extLst>
        </xdr:cNvPr>
        <xdr:cNvCxnSpPr/>
      </xdr:nvCxnSpPr>
      <xdr:spPr>
        <a:xfrm>
          <a:off x="11303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0" name="テキスト ボックス 119">
          <a:extLst>
            <a:ext uri="{FF2B5EF4-FFF2-40B4-BE49-F238E27FC236}">
              <a16:creationId xmlns:a16="http://schemas.microsoft.com/office/drawing/2014/main" id="{C4FEBFC1-5A7B-46A4-AB32-DCC73CB98ACE}"/>
            </a:ext>
          </a:extLst>
        </xdr:cNvPr>
        <xdr:cNvSpPr txBox="1"/>
      </xdr:nvSpPr>
      <xdr:spPr>
        <a:xfrm>
          <a:off x="10828811" y="51671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1" name="直線コネクタ 120">
          <a:extLst>
            <a:ext uri="{FF2B5EF4-FFF2-40B4-BE49-F238E27FC236}">
              <a16:creationId xmlns:a16="http://schemas.microsoft.com/office/drawing/2014/main" id="{1B192BE6-1ADE-4B88-AFD1-C7D59B7231B7}"/>
            </a:ext>
          </a:extLst>
        </xdr:cNvPr>
        <xdr:cNvCxnSpPr/>
      </xdr:nvCxnSpPr>
      <xdr:spPr>
        <a:xfrm>
          <a:off x="11303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2" name="テキスト ボックス 121">
          <a:extLst>
            <a:ext uri="{FF2B5EF4-FFF2-40B4-BE49-F238E27FC236}">
              <a16:creationId xmlns:a16="http://schemas.microsoft.com/office/drawing/2014/main" id="{BF0029DD-95BC-456C-BD17-AD532A17981C}"/>
            </a:ext>
          </a:extLst>
        </xdr:cNvPr>
        <xdr:cNvSpPr txBox="1"/>
      </xdr:nvSpPr>
      <xdr:spPr>
        <a:xfrm>
          <a:off x="10828811" y="480734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3" name="直線コネクタ 122">
          <a:extLst>
            <a:ext uri="{FF2B5EF4-FFF2-40B4-BE49-F238E27FC236}">
              <a16:creationId xmlns:a16="http://schemas.microsoft.com/office/drawing/2014/main" id="{87D67B90-F9E6-420A-A9CE-7E8E65BDE5F2}"/>
            </a:ext>
          </a:extLst>
        </xdr:cNvPr>
        <xdr:cNvCxnSpPr/>
      </xdr:nvCxnSpPr>
      <xdr:spPr>
        <a:xfrm>
          <a:off x="11303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4" name="テキスト ボックス 123">
          <a:extLst>
            <a:ext uri="{FF2B5EF4-FFF2-40B4-BE49-F238E27FC236}">
              <a16:creationId xmlns:a16="http://schemas.microsoft.com/office/drawing/2014/main" id="{F04FBA0C-7022-46E7-BE2E-6128DD595D36}"/>
            </a:ext>
          </a:extLst>
        </xdr:cNvPr>
        <xdr:cNvSpPr txBox="1"/>
      </xdr:nvSpPr>
      <xdr:spPr>
        <a:xfrm>
          <a:off x="10931403" y="444750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a:extLst>
            <a:ext uri="{FF2B5EF4-FFF2-40B4-BE49-F238E27FC236}">
              <a16:creationId xmlns:a16="http://schemas.microsoft.com/office/drawing/2014/main" id="{14CE7500-D64C-4620-8DF4-558F35C970CA}"/>
            </a:ext>
          </a:extLst>
        </xdr:cNvPr>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6" name="債務償還比率グラフ枠">
          <a:extLst>
            <a:ext uri="{FF2B5EF4-FFF2-40B4-BE49-F238E27FC236}">
              <a16:creationId xmlns:a16="http://schemas.microsoft.com/office/drawing/2014/main" id="{1C84AF1A-11D3-4802-811B-6E02B9A27BBB}"/>
            </a:ext>
          </a:extLst>
        </xdr:cNvPr>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34205</xdr:rowOff>
    </xdr:to>
    <xdr:cxnSp macro="">
      <xdr:nvCxnSpPr>
        <xdr:cNvPr id="127" name="直線コネクタ 126">
          <a:extLst>
            <a:ext uri="{FF2B5EF4-FFF2-40B4-BE49-F238E27FC236}">
              <a16:creationId xmlns:a16="http://schemas.microsoft.com/office/drawing/2014/main" id="{4E5B10A5-9D6C-4ED4-A34D-DAFCC018C6E3}"/>
            </a:ext>
          </a:extLst>
        </xdr:cNvPr>
        <xdr:cNvCxnSpPr/>
      </xdr:nvCxnSpPr>
      <xdr:spPr>
        <a:xfrm flipV="1">
          <a:off x="14793595" y="4541308"/>
          <a:ext cx="1269" cy="11507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38032</xdr:rowOff>
    </xdr:from>
    <xdr:ext cx="469744" cy="259045"/>
    <xdr:sp macro="" textlink="">
      <xdr:nvSpPr>
        <xdr:cNvPr id="128" name="債務償還比率最小値テキスト">
          <a:extLst>
            <a:ext uri="{FF2B5EF4-FFF2-40B4-BE49-F238E27FC236}">
              <a16:creationId xmlns:a16="http://schemas.microsoft.com/office/drawing/2014/main" id="{5B4916E4-7EB5-4CB7-A36B-1A24E26275C4}"/>
            </a:ext>
          </a:extLst>
        </xdr:cNvPr>
        <xdr:cNvSpPr txBox="1"/>
      </xdr:nvSpPr>
      <xdr:spPr>
        <a:xfrm>
          <a:off x="14846300" y="5695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34205</xdr:rowOff>
    </xdr:from>
    <xdr:to>
      <xdr:col>76</xdr:col>
      <xdr:colOff>111125</xdr:colOff>
      <xdr:row>33</xdr:row>
      <xdr:rowOff>34205</xdr:rowOff>
    </xdr:to>
    <xdr:cxnSp macro="">
      <xdr:nvCxnSpPr>
        <xdr:cNvPr id="129" name="直線コネクタ 128">
          <a:extLst>
            <a:ext uri="{FF2B5EF4-FFF2-40B4-BE49-F238E27FC236}">
              <a16:creationId xmlns:a16="http://schemas.microsoft.com/office/drawing/2014/main" id="{BD53A064-E19E-4F6E-8F7A-E89E80F8C93A}"/>
            </a:ext>
          </a:extLst>
        </xdr:cNvPr>
        <xdr:cNvCxnSpPr/>
      </xdr:nvCxnSpPr>
      <xdr:spPr>
        <a:xfrm>
          <a:off x="14706600" y="56920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30" name="債務償還比率最大値テキスト">
          <a:extLst>
            <a:ext uri="{FF2B5EF4-FFF2-40B4-BE49-F238E27FC236}">
              <a16:creationId xmlns:a16="http://schemas.microsoft.com/office/drawing/2014/main" id="{762765E9-8876-4BD1-A7F1-C66CB62ED596}"/>
            </a:ext>
          </a:extLst>
        </xdr:cNvPr>
        <xdr:cNvSpPr txBox="1"/>
      </xdr:nvSpPr>
      <xdr:spPr>
        <a:xfrm>
          <a:off x="14846300" y="431653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1" name="直線コネクタ 130">
          <a:extLst>
            <a:ext uri="{FF2B5EF4-FFF2-40B4-BE49-F238E27FC236}">
              <a16:creationId xmlns:a16="http://schemas.microsoft.com/office/drawing/2014/main" id="{00549990-C2D2-44D8-B803-6C92C3DA3F97}"/>
            </a:ext>
          </a:extLst>
        </xdr:cNvPr>
        <xdr:cNvCxnSpPr/>
      </xdr:nvCxnSpPr>
      <xdr:spPr>
        <a:xfrm>
          <a:off x="14706600" y="4541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7</xdr:row>
      <xdr:rowOff>128513</xdr:rowOff>
    </xdr:from>
    <xdr:ext cx="469744" cy="259045"/>
    <xdr:sp macro="" textlink="">
      <xdr:nvSpPr>
        <xdr:cNvPr id="132" name="債務償還比率平均値テキスト">
          <a:extLst>
            <a:ext uri="{FF2B5EF4-FFF2-40B4-BE49-F238E27FC236}">
              <a16:creationId xmlns:a16="http://schemas.microsoft.com/office/drawing/2014/main" id="{0AFD54C6-7EF5-43BC-BD6D-A8FBD4C913A7}"/>
            </a:ext>
          </a:extLst>
        </xdr:cNvPr>
        <xdr:cNvSpPr txBox="1"/>
      </xdr:nvSpPr>
      <xdr:spPr>
        <a:xfrm>
          <a:off x="14846300" y="475766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105636</xdr:rowOff>
    </xdr:from>
    <xdr:to>
      <xdr:col>76</xdr:col>
      <xdr:colOff>73025</xdr:colOff>
      <xdr:row>29</xdr:row>
      <xdr:rowOff>35786</xdr:rowOff>
    </xdr:to>
    <xdr:sp macro="" textlink="">
      <xdr:nvSpPr>
        <xdr:cNvPr id="133" name="フローチャート: 判断 132">
          <a:extLst>
            <a:ext uri="{FF2B5EF4-FFF2-40B4-BE49-F238E27FC236}">
              <a16:creationId xmlns:a16="http://schemas.microsoft.com/office/drawing/2014/main" id="{6385F826-2EAA-4EAF-AF57-9BDFB63697FC}"/>
            </a:ext>
          </a:extLst>
        </xdr:cNvPr>
        <xdr:cNvSpPr/>
      </xdr:nvSpPr>
      <xdr:spPr>
        <a:xfrm>
          <a:off x="14744700" y="4906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8</xdr:row>
      <xdr:rowOff>101917</xdr:rowOff>
    </xdr:from>
    <xdr:to>
      <xdr:col>72</xdr:col>
      <xdr:colOff>123825</xdr:colOff>
      <xdr:row>29</xdr:row>
      <xdr:rowOff>32067</xdr:rowOff>
    </xdr:to>
    <xdr:sp macro="" textlink="">
      <xdr:nvSpPr>
        <xdr:cNvPr id="134" name="フローチャート: 判断 133">
          <a:extLst>
            <a:ext uri="{FF2B5EF4-FFF2-40B4-BE49-F238E27FC236}">
              <a16:creationId xmlns:a16="http://schemas.microsoft.com/office/drawing/2014/main" id="{0852BEC8-5D3B-44E5-A12D-8D889C9C7C13}"/>
            </a:ext>
          </a:extLst>
        </xdr:cNvPr>
        <xdr:cNvSpPr/>
      </xdr:nvSpPr>
      <xdr:spPr>
        <a:xfrm>
          <a:off x="14033500" y="4902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9</xdr:row>
      <xdr:rowOff>96710</xdr:rowOff>
    </xdr:from>
    <xdr:to>
      <xdr:col>68</xdr:col>
      <xdr:colOff>123825</xdr:colOff>
      <xdr:row>30</xdr:row>
      <xdr:rowOff>26860</xdr:rowOff>
    </xdr:to>
    <xdr:sp macro="" textlink="">
      <xdr:nvSpPr>
        <xdr:cNvPr id="135" name="フローチャート: 判断 134">
          <a:extLst>
            <a:ext uri="{FF2B5EF4-FFF2-40B4-BE49-F238E27FC236}">
              <a16:creationId xmlns:a16="http://schemas.microsoft.com/office/drawing/2014/main" id="{C8F359BB-B129-4025-A68D-40A0BA7CF945}"/>
            </a:ext>
          </a:extLst>
        </xdr:cNvPr>
        <xdr:cNvSpPr/>
      </xdr:nvSpPr>
      <xdr:spPr>
        <a:xfrm>
          <a:off x="13271500" y="5068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121659</xdr:rowOff>
    </xdr:from>
    <xdr:to>
      <xdr:col>64</xdr:col>
      <xdr:colOff>123825</xdr:colOff>
      <xdr:row>30</xdr:row>
      <xdr:rowOff>51809</xdr:rowOff>
    </xdr:to>
    <xdr:sp macro="" textlink="">
      <xdr:nvSpPr>
        <xdr:cNvPr id="136" name="フローチャート: 判断 135">
          <a:extLst>
            <a:ext uri="{FF2B5EF4-FFF2-40B4-BE49-F238E27FC236}">
              <a16:creationId xmlns:a16="http://schemas.microsoft.com/office/drawing/2014/main" id="{6C791F61-426B-4C7F-A0E0-22FA78CFFC2E}"/>
            </a:ext>
          </a:extLst>
        </xdr:cNvPr>
        <xdr:cNvSpPr/>
      </xdr:nvSpPr>
      <xdr:spPr>
        <a:xfrm>
          <a:off x="12509500" y="50937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9</xdr:row>
      <xdr:rowOff>150086</xdr:rowOff>
    </xdr:from>
    <xdr:to>
      <xdr:col>60</xdr:col>
      <xdr:colOff>123825</xdr:colOff>
      <xdr:row>30</xdr:row>
      <xdr:rowOff>80236</xdr:rowOff>
    </xdr:to>
    <xdr:sp macro="" textlink="">
      <xdr:nvSpPr>
        <xdr:cNvPr id="137" name="フローチャート: 判断 136">
          <a:extLst>
            <a:ext uri="{FF2B5EF4-FFF2-40B4-BE49-F238E27FC236}">
              <a16:creationId xmlns:a16="http://schemas.microsoft.com/office/drawing/2014/main" id="{ED49271D-E621-442B-BA43-D4EB2D084842}"/>
            </a:ext>
          </a:extLst>
        </xdr:cNvPr>
        <xdr:cNvSpPr/>
      </xdr:nvSpPr>
      <xdr:spPr>
        <a:xfrm>
          <a:off x="11747500" y="5122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8" name="テキスト ボックス 137">
          <a:extLst>
            <a:ext uri="{FF2B5EF4-FFF2-40B4-BE49-F238E27FC236}">
              <a16:creationId xmlns:a16="http://schemas.microsoft.com/office/drawing/2014/main" id="{0398DB56-5B4B-4BED-BB02-8A395841B196}"/>
            </a:ext>
          </a:extLst>
        </xdr:cNvPr>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9" name="テキスト ボックス 138">
          <a:extLst>
            <a:ext uri="{FF2B5EF4-FFF2-40B4-BE49-F238E27FC236}">
              <a16:creationId xmlns:a16="http://schemas.microsoft.com/office/drawing/2014/main" id="{9C967A26-86F6-48B9-B41A-2AF1AB6A77F8}"/>
            </a:ext>
          </a:extLst>
        </xdr:cNvPr>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34771786-5E74-4A56-B7F6-306A9E9C980F}"/>
            </a:ext>
          </a:extLst>
        </xdr:cNvPr>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F5811CD5-D00A-4510-8D74-74484C02A656}"/>
            </a:ext>
          </a:extLst>
        </xdr:cNvPr>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0D45E844-45DC-499F-8C25-4842FB2C0FC1}"/>
            </a:ext>
          </a:extLst>
        </xdr:cNvPr>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36400</xdr:rowOff>
    </xdr:from>
    <xdr:to>
      <xdr:col>76</xdr:col>
      <xdr:colOff>73025</xdr:colOff>
      <xdr:row>31</xdr:row>
      <xdr:rowOff>138000</xdr:rowOff>
    </xdr:to>
    <xdr:sp macro="" textlink="">
      <xdr:nvSpPr>
        <xdr:cNvPr id="143" name="楕円 142">
          <a:extLst>
            <a:ext uri="{FF2B5EF4-FFF2-40B4-BE49-F238E27FC236}">
              <a16:creationId xmlns:a16="http://schemas.microsoft.com/office/drawing/2014/main" id="{0996A9C1-6F37-4FB6-9BDA-8A02807258CB}"/>
            </a:ext>
          </a:extLst>
        </xdr:cNvPr>
        <xdr:cNvSpPr/>
      </xdr:nvSpPr>
      <xdr:spPr>
        <a:xfrm>
          <a:off x="14744700" y="5351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1</xdr:row>
      <xdr:rowOff>14827</xdr:rowOff>
    </xdr:from>
    <xdr:ext cx="469744" cy="259045"/>
    <xdr:sp macro="" textlink="">
      <xdr:nvSpPr>
        <xdr:cNvPr id="144" name="債務償還比率該当値テキスト">
          <a:extLst>
            <a:ext uri="{FF2B5EF4-FFF2-40B4-BE49-F238E27FC236}">
              <a16:creationId xmlns:a16="http://schemas.microsoft.com/office/drawing/2014/main" id="{38D15055-14B4-4474-9191-47222FE9845E}"/>
            </a:ext>
          </a:extLst>
        </xdr:cNvPr>
        <xdr:cNvSpPr txBox="1"/>
      </xdr:nvSpPr>
      <xdr:spPr>
        <a:xfrm>
          <a:off x="14846300" y="5329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163350</xdr:rowOff>
    </xdr:from>
    <xdr:to>
      <xdr:col>72</xdr:col>
      <xdr:colOff>123825</xdr:colOff>
      <xdr:row>31</xdr:row>
      <xdr:rowOff>93500</xdr:rowOff>
    </xdr:to>
    <xdr:sp macro="" textlink="">
      <xdr:nvSpPr>
        <xdr:cNvPr id="145" name="楕円 144">
          <a:extLst>
            <a:ext uri="{FF2B5EF4-FFF2-40B4-BE49-F238E27FC236}">
              <a16:creationId xmlns:a16="http://schemas.microsoft.com/office/drawing/2014/main" id="{18B30E52-F99F-47D0-BAA2-2A694652A5D0}"/>
            </a:ext>
          </a:extLst>
        </xdr:cNvPr>
        <xdr:cNvSpPr/>
      </xdr:nvSpPr>
      <xdr:spPr>
        <a:xfrm>
          <a:off x="14033500" y="5306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42700</xdr:rowOff>
    </xdr:from>
    <xdr:to>
      <xdr:col>76</xdr:col>
      <xdr:colOff>22225</xdr:colOff>
      <xdr:row>31</xdr:row>
      <xdr:rowOff>87200</xdr:rowOff>
    </xdr:to>
    <xdr:cxnSp macro="">
      <xdr:nvCxnSpPr>
        <xdr:cNvPr id="146" name="直線コネクタ 145">
          <a:extLst>
            <a:ext uri="{FF2B5EF4-FFF2-40B4-BE49-F238E27FC236}">
              <a16:creationId xmlns:a16="http://schemas.microsoft.com/office/drawing/2014/main" id="{8B44A55F-12D6-48B1-A160-2EB55397699C}"/>
            </a:ext>
          </a:extLst>
        </xdr:cNvPr>
        <xdr:cNvCxnSpPr/>
      </xdr:nvCxnSpPr>
      <xdr:spPr>
        <a:xfrm>
          <a:off x="14084300" y="5357650"/>
          <a:ext cx="711200" cy="44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4</xdr:row>
      <xdr:rowOff>59641</xdr:rowOff>
    </xdr:from>
    <xdr:to>
      <xdr:col>68</xdr:col>
      <xdr:colOff>123825</xdr:colOff>
      <xdr:row>34</xdr:row>
      <xdr:rowOff>161241</xdr:rowOff>
    </xdr:to>
    <xdr:sp macro="" textlink="">
      <xdr:nvSpPr>
        <xdr:cNvPr id="147" name="楕円 146">
          <a:extLst>
            <a:ext uri="{FF2B5EF4-FFF2-40B4-BE49-F238E27FC236}">
              <a16:creationId xmlns:a16="http://schemas.microsoft.com/office/drawing/2014/main" id="{B94EC680-630B-46EE-9A4D-E4F5DD0420AA}"/>
            </a:ext>
          </a:extLst>
        </xdr:cNvPr>
        <xdr:cNvSpPr/>
      </xdr:nvSpPr>
      <xdr:spPr>
        <a:xfrm>
          <a:off x="13271500" y="5888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42700</xdr:rowOff>
    </xdr:from>
    <xdr:to>
      <xdr:col>72</xdr:col>
      <xdr:colOff>73025</xdr:colOff>
      <xdr:row>34</xdr:row>
      <xdr:rowOff>110441</xdr:rowOff>
    </xdr:to>
    <xdr:cxnSp macro="">
      <xdr:nvCxnSpPr>
        <xdr:cNvPr id="148" name="直線コネクタ 147">
          <a:extLst>
            <a:ext uri="{FF2B5EF4-FFF2-40B4-BE49-F238E27FC236}">
              <a16:creationId xmlns:a16="http://schemas.microsoft.com/office/drawing/2014/main" id="{CD9739B4-0D9A-480D-9D44-6FB30F7FFC62}"/>
            </a:ext>
          </a:extLst>
        </xdr:cNvPr>
        <xdr:cNvCxnSpPr/>
      </xdr:nvCxnSpPr>
      <xdr:spPr>
        <a:xfrm flipV="1">
          <a:off x="13322300" y="5357650"/>
          <a:ext cx="762000" cy="5820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3</xdr:row>
      <xdr:rowOff>137774</xdr:rowOff>
    </xdr:from>
    <xdr:to>
      <xdr:col>64</xdr:col>
      <xdr:colOff>123825</xdr:colOff>
      <xdr:row>34</xdr:row>
      <xdr:rowOff>67924</xdr:rowOff>
    </xdr:to>
    <xdr:sp macro="" textlink="">
      <xdr:nvSpPr>
        <xdr:cNvPr id="149" name="楕円 148">
          <a:extLst>
            <a:ext uri="{FF2B5EF4-FFF2-40B4-BE49-F238E27FC236}">
              <a16:creationId xmlns:a16="http://schemas.microsoft.com/office/drawing/2014/main" id="{46559140-0FA9-4CBB-A6AA-27A5D4868A0D}"/>
            </a:ext>
          </a:extLst>
        </xdr:cNvPr>
        <xdr:cNvSpPr/>
      </xdr:nvSpPr>
      <xdr:spPr>
        <a:xfrm>
          <a:off x="12509500" y="5795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4</xdr:row>
      <xdr:rowOff>17124</xdr:rowOff>
    </xdr:from>
    <xdr:to>
      <xdr:col>68</xdr:col>
      <xdr:colOff>73025</xdr:colOff>
      <xdr:row>34</xdr:row>
      <xdr:rowOff>110441</xdr:rowOff>
    </xdr:to>
    <xdr:cxnSp macro="">
      <xdr:nvCxnSpPr>
        <xdr:cNvPr id="150" name="直線コネクタ 149">
          <a:extLst>
            <a:ext uri="{FF2B5EF4-FFF2-40B4-BE49-F238E27FC236}">
              <a16:creationId xmlns:a16="http://schemas.microsoft.com/office/drawing/2014/main" id="{89C0DD0E-527E-4805-B79B-F4A8918578CB}"/>
            </a:ext>
          </a:extLst>
        </xdr:cNvPr>
        <xdr:cNvCxnSpPr/>
      </xdr:nvCxnSpPr>
      <xdr:spPr>
        <a:xfrm>
          <a:off x="12560300" y="5846424"/>
          <a:ext cx="762000" cy="93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3</xdr:row>
      <xdr:rowOff>113425</xdr:rowOff>
    </xdr:from>
    <xdr:to>
      <xdr:col>60</xdr:col>
      <xdr:colOff>123825</xdr:colOff>
      <xdr:row>34</xdr:row>
      <xdr:rowOff>43575</xdr:rowOff>
    </xdr:to>
    <xdr:sp macro="" textlink="">
      <xdr:nvSpPr>
        <xdr:cNvPr id="151" name="楕円 150">
          <a:extLst>
            <a:ext uri="{FF2B5EF4-FFF2-40B4-BE49-F238E27FC236}">
              <a16:creationId xmlns:a16="http://schemas.microsoft.com/office/drawing/2014/main" id="{AA4D86FC-8F80-448C-AFF8-1862E31CFCD5}"/>
            </a:ext>
          </a:extLst>
        </xdr:cNvPr>
        <xdr:cNvSpPr/>
      </xdr:nvSpPr>
      <xdr:spPr>
        <a:xfrm>
          <a:off x="11747500" y="5771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3</xdr:row>
      <xdr:rowOff>164225</xdr:rowOff>
    </xdr:from>
    <xdr:to>
      <xdr:col>64</xdr:col>
      <xdr:colOff>73025</xdr:colOff>
      <xdr:row>34</xdr:row>
      <xdr:rowOff>17124</xdr:rowOff>
    </xdr:to>
    <xdr:cxnSp macro="">
      <xdr:nvCxnSpPr>
        <xdr:cNvPr id="152" name="直線コネクタ 151">
          <a:extLst>
            <a:ext uri="{FF2B5EF4-FFF2-40B4-BE49-F238E27FC236}">
              <a16:creationId xmlns:a16="http://schemas.microsoft.com/office/drawing/2014/main" id="{6CDBE6EF-5F95-45F2-9F60-E0D1BF37056C}"/>
            </a:ext>
          </a:extLst>
        </xdr:cNvPr>
        <xdr:cNvCxnSpPr/>
      </xdr:nvCxnSpPr>
      <xdr:spPr>
        <a:xfrm>
          <a:off x="11798300" y="5822075"/>
          <a:ext cx="762000" cy="24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7</xdr:row>
      <xdr:rowOff>48594</xdr:rowOff>
    </xdr:from>
    <xdr:ext cx="469744" cy="259045"/>
    <xdr:sp macro="" textlink="">
      <xdr:nvSpPr>
        <xdr:cNvPr id="153" name="n_1aveValue債務償還比率">
          <a:extLst>
            <a:ext uri="{FF2B5EF4-FFF2-40B4-BE49-F238E27FC236}">
              <a16:creationId xmlns:a16="http://schemas.microsoft.com/office/drawing/2014/main" id="{1798AA97-BDC1-4A46-84D7-D5D8166BC1AF}"/>
            </a:ext>
          </a:extLst>
        </xdr:cNvPr>
        <xdr:cNvSpPr txBox="1"/>
      </xdr:nvSpPr>
      <xdr:spPr>
        <a:xfrm>
          <a:off x="13836727" y="46777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43387</xdr:rowOff>
    </xdr:from>
    <xdr:ext cx="469744" cy="259045"/>
    <xdr:sp macro="" textlink="">
      <xdr:nvSpPr>
        <xdr:cNvPr id="154" name="n_2aveValue債務償還比率">
          <a:extLst>
            <a:ext uri="{FF2B5EF4-FFF2-40B4-BE49-F238E27FC236}">
              <a16:creationId xmlns:a16="http://schemas.microsoft.com/office/drawing/2014/main" id="{D948FD2F-277D-40FD-89AD-DEEC4432046C}"/>
            </a:ext>
          </a:extLst>
        </xdr:cNvPr>
        <xdr:cNvSpPr txBox="1"/>
      </xdr:nvSpPr>
      <xdr:spPr>
        <a:xfrm>
          <a:off x="13087427" y="4843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68336</xdr:rowOff>
    </xdr:from>
    <xdr:ext cx="469744" cy="259045"/>
    <xdr:sp macro="" textlink="">
      <xdr:nvSpPr>
        <xdr:cNvPr id="155" name="n_3aveValue債務償還比率">
          <a:extLst>
            <a:ext uri="{FF2B5EF4-FFF2-40B4-BE49-F238E27FC236}">
              <a16:creationId xmlns:a16="http://schemas.microsoft.com/office/drawing/2014/main" id="{9517A944-8A2E-440C-9E12-8F3FA7F4F194}"/>
            </a:ext>
          </a:extLst>
        </xdr:cNvPr>
        <xdr:cNvSpPr txBox="1"/>
      </xdr:nvSpPr>
      <xdr:spPr>
        <a:xfrm>
          <a:off x="12325427" y="48689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96763</xdr:rowOff>
    </xdr:from>
    <xdr:ext cx="469744" cy="259045"/>
    <xdr:sp macro="" textlink="">
      <xdr:nvSpPr>
        <xdr:cNvPr id="156" name="n_4aveValue債務償還比率">
          <a:extLst>
            <a:ext uri="{FF2B5EF4-FFF2-40B4-BE49-F238E27FC236}">
              <a16:creationId xmlns:a16="http://schemas.microsoft.com/office/drawing/2014/main" id="{FAEA1A64-9019-4B12-AC9E-82306FF8BAD0}"/>
            </a:ext>
          </a:extLst>
        </xdr:cNvPr>
        <xdr:cNvSpPr txBox="1"/>
      </xdr:nvSpPr>
      <xdr:spPr>
        <a:xfrm>
          <a:off x="11563427" y="4897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84627</xdr:rowOff>
    </xdr:from>
    <xdr:ext cx="469744" cy="259045"/>
    <xdr:sp macro="" textlink="">
      <xdr:nvSpPr>
        <xdr:cNvPr id="157" name="n_1mainValue債務償還比率">
          <a:extLst>
            <a:ext uri="{FF2B5EF4-FFF2-40B4-BE49-F238E27FC236}">
              <a16:creationId xmlns:a16="http://schemas.microsoft.com/office/drawing/2014/main" id="{F68E4315-F971-4875-8393-B9F43BB4BA6C}"/>
            </a:ext>
          </a:extLst>
        </xdr:cNvPr>
        <xdr:cNvSpPr txBox="1"/>
      </xdr:nvSpPr>
      <xdr:spPr>
        <a:xfrm>
          <a:off x="13836727" y="5399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34</xdr:row>
      <xdr:rowOff>152368</xdr:rowOff>
    </xdr:from>
    <xdr:ext cx="560923" cy="259045"/>
    <xdr:sp macro="" textlink="">
      <xdr:nvSpPr>
        <xdr:cNvPr id="158" name="n_2mainValue債務償還比率">
          <a:extLst>
            <a:ext uri="{FF2B5EF4-FFF2-40B4-BE49-F238E27FC236}">
              <a16:creationId xmlns:a16="http://schemas.microsoft.com/office/drawing/2014/main" id="{1A18857F-9C99-4CA7-8A26-8CC43ADFB1F3}"/>
            </a:ext>
          </a:extLst>
        </xdr:cNvPr>
        <xdr:cNvSpPr txBox="1"/>
      </xdr:nvSpPr>
      <xdr:spPr>
        <a:xfrm>
          <a:off x="13041838" y="5981668"/>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2</xdr:col>
      <xdr:colOff>173563</xdr:colOff>
      <xdr:row>34</xdr:row>
      <xdr:rowOff>59051</xdr:rowOff>
    </xdr:from>
    <xdr:ext cx="560923" cy="259045"/>
    <xdr:sp macro="" textlink="">
      <xdr:nvSpPr>
        <xdr:cNvPr id="159" name="n_3mainValue債務償還比率">
          <a:extLst>
            <a:ext uri="{FF2B5EF4-FFF2-40B4-BE49-F238E27FC236}">
              <a16:creationId xmlns:a16="http://schemas.microsoft.com/office/drawing/2014/main" id="{50923963-D46C-4B53-B07B-78D2F417BFDE}"/>
            </a:ext>
          </a:extLst>
        </xdr:cNvPr>
        <xdr:cNvSpPr txBox="1"/>
      </xdr:nvSpPr>
      <xdr:spPr>
        <a:xfrm>
          <a:off x="12279838" y="588835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34</xdr:row>
      <xdr:rowOff>34702</xdr:rowOff>
    </xdr:from>
    <xdr:ext cx="560923" cy="259045"/>
    <xdr:sp macro="" textlink="">
      <xdr:nvSpPr>
        <xdr:cNvPr id="160" name="n_4mainValue債務償還比率">
          <a:extLst>
            <a:ext uri="{FF2B5EF4-FFF2-40B4-BE49-F238E27FC236}">
              <a16:creationId xmlns:a16="http://schemas.microsoft.com/office/drawing/2014/main" id="{A1A96758-BB56-4EEF-A2BC-D94B122F3CA4}"/>
            </a:ext>
          </a:extLst>
        </xdr:cNvPr>
        <xdr:cNvSpPr txBox="1"/>
      </xdr:nvSpPr>
      <xdr:spPr>
        <a:xfrm>
          <a:off x="11517838" y="5864002"/>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1" name="正方形/長方形 160">
          <a:extLst>
            <a:ext uri="{FF2B5EF4-FFF2-40B4-BE49-F238E27FC236}">
              <a16:creationId xmlns:a16="http://schemas.microsoft.com/office/drawing/2014/main" id="{574F30AA-5D33-46C6-A90F-BE8D92629C0C}"/>
            </a:ext>
          </a:extLst>
        </xdr:cNvPr>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2" name="正方形/長方形 161">
          <a:extLst>
            <a:ext uri="{FF2B5EF4-FFF2-40B4-BE49-F238E27FC236}">
              <a16:creationId xmlns:a16="http://schemas.microsoft.com/office/drawing/2014/main" id="{C612021B-2858-43E4-8AF8-CB7350E51DF2}"/>
            </a:ext>
          </a:extLst>
        </xdr:cNvPr>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3" name="テキスト ボックス 162">
          <a:extLst>
            <a:ext uri="{FF2B5EF4-FFF2-40B4-BE49-F238E27FC236}">
              <a16:creationId xmlns:a16="http://schemas.microsoft.com/office/drawing/2014/main" id="{070987EA-E468-46A2-8204-3F093F3BBEB6}"/>
            </a:ext>
          </a:extLst>
        </xdr:cNvPr>
        <xdr:cNvSpPr txBox="1"/>
      </xdr:nvSpPr>
      <xdr:spPr>
        <a:xfrm>
          <a:off x="914400" y="7435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4" name="テキスト ボックス 163">
          <a:extLst>
            <a:ext uri="{FF2B5EF4-FFF2-40B4-BE49-F238E27FC236}">
              <a16:creationId xmlns:a16="http://schemas.microsoft.com/office/drawing/2014/main" id="{E7B2C674-B2EC-4F04-BFB5-47D0EE7B0552}"/>
            </a:ext>
          </a:extLst>
        </xdr:cNvPr>
        <xdr:cNvSpPr txBox="1"/>
      </xdr:nvSpPr>
      <xdr:spPr>
        <a:xfrm>
          <a:off x="6985000" y="10102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5" name="テキスト ボックス 164">
          <a:extLst>
            <a:ext uri="{FF2B5EF4-FFF2-40B4-BE49-F238E27FC236}">
              <a16:creationId xmlns:a16="http://schemas.microsoft.com/office/drawing/2014/main" id="{02DC53FB-FDBB-4C59-880A-4A6E47510974}"/>
            </a:ext>
          </a:extLst>
        </xdr:cNvPr>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6" name="テキスト ボックス 165">
          <a:extLst>
            <a:ext uri="{FF2B5EF4-FFF2-40B4-BE49-F238E27FC236}">
              <a16:creationId xmlns:a16="http://schemas.microsoft.com/office/drawing/2014/main" id="{99E41705-B0C9-4FE7-ADBA-67B4560D870C}"/>
            </a:ext>
          </a:extLst>
        </xdr:cNvPr>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3CAA86C3-9EA5-4C54-AF70-BD0C8A38E315}"/>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DFEF02D8-2F7F-476B-8819-81C7061C0D3A}"/>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A4A996D1-3FA7-46CA-A377-6E39A22E6A58}"/>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B5F715BF-2A6E-4EF6-8412-71DDF38FC3DC}"/>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A6572C87-DA4B-47A3-B53D-5C42492D27CC}"/>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1F60823D-960B-4122-A884-7F70F5C57B15}"/>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FF62C3F1-A9D8-4C9E-B2E9-2A204BD19C95}"/>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36CDD0F-B0DF-4BB8-999B-E1D9B9AA4D2B}"/>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AED8CAAA-43C4-4D91-8FB6-461EE607BA9B}"/>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80823FAC-F408-43BF-9806-56520339AA5B}"/>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880
6,805
7.05
4,303,093
4,120,947
181,921
2,467,769
3,262,6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C6DB6D15-45FE-46FD-AC90-A5754C377621}"/>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62F4F574-1135-4AE3-80CD-83EA6AAEF3BA}"/>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FC60FDEF-C39D-4A3E-8EBC-B7B2D7A3F5FB}"/>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4
8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7094AA9A-A733-4D83-B38F-2555741DBC7C}"/>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A31A2D8E-2934-45DE-B1D8-04890E08853F}"/>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AB47BDA9-8354-4382-8DB3-5F6B4D7C7883}"/>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1CA0FF54-82ED-4B4B-8AE3-C0F5B435EFE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B14B478B-4BEB-44F0-8C42-7409368B9FFD}"/>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89E0AEDC-69A5-4007-A4A2-57C6B468F344}"/>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3E1ACEB0-C4BD-4190-9145-92533546E09E}"/>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7805E8EA-8780-48D6-8DE5-332A02BCE782}"/>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6CCE178F-3F22-4BF9-BE10-5A4BB51198D8}"/>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0B3114BD-BCA6-4F0C-A67E-C1523CA2E65A}"/>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FA00B2FB-F49C-4DA8-9EE7-30AE9BF08357}"/>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1FD51725-60C2-4E3F-B049-F0E13315BCDB}"/>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40AD9092-7526-42C5-9BAD-AE01BD881520}"/>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ABC8A4B1-DB29-4139-870C-34B5E07382C2}"/>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1C7501C9-DFDA-4C7B-A3BA-05AF18FC0CEE}"/>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2A69A925-4E80-4A66-A893-D18A333448DA}"/>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D2F7DF0D-B96A-4231-A895-E43D9CC4E787}"/>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30145D5C-AC6D-4E51-A753-DADC67142F71}"/>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C7401777-F027-4323-A34C-EEA184E3D137}"/>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0FC13434-4E1B-4DB0-AAFD-3E59A18DEEDC}"/>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E8B5F314-AA18-4448-82E2-E08400E8644B}"/>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A62172CD-5253-4F3E-B687-D448C2A1CE0E}"/>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9F884874-DF28-4A82-BEA3-C05D4B6C17F5}"/>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CC9031B0-C3EB-402C-A7BE-2CCAD3A80CEB}"/>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329BA403-1B39-4073-826C-9CD088CCEA85}"/>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D71C272C-6C4B-4B77-B0CD-F54347413207}"/>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D7D60916-DCEA-4070-9FDF-2BAB12BD71E5}"/>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D97A7E52-CDA4-4329-AFEA-8732C155C9CC}"/>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4D192549-AD05-420F-8C75-9B7A3F57615F}"/>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17E76C1D-220B-4A34-9B14-925CFE02A25B}"/>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0A12D94F-3492-4274-AF48-88D8F8F4AED3}"/>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775C89F8-671F-4C00-B1C1-4CD00AD45123}"/>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310E4CAB-452B-4332-8086-5ED3AE970EE7}"/>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AD99A65D-F2A0-4939-B592-16C7464B9E68}"/>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8DF01A0A-FB9D-4D39-8CD9-E0234422921E}"/>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F1CF05DD-1784-4907-920E-E564ECBD0A4E}"/>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A633A19E-A6C6-43D8-8284-0E5429B00F1D}"/>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7DEF9C24-5D10-4761-9E1C-C768116DDF0B}"/>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AD6CA50F-DAFE-49BF-9F8E-3BA6B10E5E55}"/>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AF83EE7B-60BF-472A-9B3A-EE4AB4AC2F32}"/>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B0DE8D01-2E94-4B8B-8B4A-44A620DFB07A}"/>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63455457-73B8-405F-AE7E-0EFF17B936CB}"/>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14300</xdr:rowOff>
    </xdr:from>
    <xdr:to>
      <xdr:col>24</xdr:col>
      <xdr:colOff>62865</xdr:colOff>
      <xdr:row>41</xdr:row>
      <xdr:rowOff>163830</xdr:rowOff>
    </xdr:to>
    <xdr:cxnSp macro="">
      <xdr:nvCxnSpPr>
        <xdr:cNvPr id="57" name="直線コネクタ 56">
          <a:extLst>
            <a:ext uri="{FF2B5EF4-FFF2-40B4-BE49-F238E27FC236}">
              <a16:creationId xmlns:a16="http://schemas.microsoft.com/office/drawing/2014/main" id="{4CCEBB13-DF5D-4927-ABBD-15046463467C}"/>
            </a:ext>
          </a:extLst>
        </xdr:cNvPr>
        <xdr:cNvCxnSpPr/>
      </xdr:nvCxnSpPr>
      <xdr:spPr>
        <a:xfrm flipV="1">
          <a:off x="4634865" y="5772150"/>
          <a:ext cx="0" cy="14211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67657</xdr:rowOff>
    </xdr:from>
    <xdr:ext cx="405111" cy="259045"/>
    <xdr:sp macro="" textlink="">
      <xdr:nvSpPr>
        <xdr:cNvPr id="58" name="【道路】&#10;有形固定資産減価償却率最小値テキスト">
          <a:extLst>
            <a:ext uri="{FF2B5EF4-FFF2-40B4-BE49-F238E27FC236}">
              <a16:creationId xmlns:a16="http://schemas.microsoft.com/office/drawing/2014/main" id="{423DD839-231A-4E21-8136-9FCAD2650342}"/>
            </a:ext>
          </a:extLst>
        </xdr:cNvPr>
        <xdr:cNvSpPr txBox="1"/>
      </xdr:nvSpPr>
      <xdr:spPr>
        <a:xfrm>
          <a:off x="4673600" y="719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63830</xdr:rowOff>
    </xdr:from>
    <xdr:to>
      <xdr:col>24</xdr:col>
      <xdr:colOff>152400</xdr:colOff>
      <xdr:row>41</xdr:row>
      <xdr:rowOff>163830</xdr:rowOff>
    </xdr:to>
    <xdr:cxnSp macro="">
      <xdr:nvCxnSpPr>
        <xdr:cNvPr id="59" name="直線コネクタ 58">
          <a:extLst>
            <a:ext uri="{FF2B5EF4-FFF2-40B4-BE49-F238E27FC236}">
              <a16:creationId xmlns:a16="http://schemas.microsoft.com/office/drawing/2014/main" id="{A856C165-8B39-40C3-81EA-687872B5038D}"/>
            </a:ext>
          </a:extLst>
        </xdr:cNvPr>
        <xdr:cNvCxnSpPr/>
      </xdr:nvCxnSpPr>
      <xdr:spPr>
        <a:xfrm>
          <a:off x="4546600" y="7193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60977</xdr:rowOff>
    </xdr:from>
    <xdr:ext cx="405111" cy="259045"/>
    <xdr:sp macro="" textlink="">
      <xdr:nvSpPr>
        <xdr:cNvPr id="60" name="【道路】&#10;有形固定資産減価償却率最大値テキスト">
          <a:extLst>
            <a:ext uri="{FF2B5EF4-FFF2-40B4-BE49-F238E27FC236}">
              <a16:creationId xmlns:a16="http://schemas.microsoft.com/office/drawing/2014/main" id="{1511C951-B956-45A0-9B39-8C531B703048}"/>
            </a:ext>
          </a:extLst>
        </xdr:cNvPr>
        <xdr:cNvSpPr txBox="1"/>
      </xdr:nvSpPr>
      <xdr:spPr>
        <a:xfrm>
          <a:off x="4673600" y="5547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14300</xdr:rowOff>
    </xdr:from>
    <xdr:to>
      <xdr:col>24</xdr:col>
      <xdr:colOff>152400</xdr:colOff>
      <xdr:row>33</xdr:row>
      <xdr:rowOff>114300</xdr:rowOff>
    </xdr:to>
    <xdr:cxnSp macro="">
      <xdr:nvCxnSpPr>
        <xdr:cNvPr id="61" name="直線コネクタ 60">
          <a:extLst>
            <a:ext uri="{FF2B5EF4-FFF2-40B4-BE49-F238E27FC236}">
              <a16:creationId xmlns:a16="http://schemas.microsoft.com/office/drawing/2014/main" id="{3E27FA16-1201-4BB4-BB34-80C289235656}"/>
            </a:ext>
          </a:extLst>
        </xdr:cNvPr>
        <xdr:cNvCxnSpPr/>
      </xdr:nvCxnSpPr>
      <xdr:spPr>
        <a:xfrm>
          <a:off x="4546600" y="5772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36847</xdr:rowOff>
    </xdr:from>
    <xdr:ext cx="405111" cy="259045"/>
    <xdr:sp macro="" textlink="">
      <xdr:nvSpPr>
        <xdr:cNvPr id="62" name="【道路】&#10;有形固定資産減価償却率平均値テキスト">
          <a:extLst>
            <a:ext uri="{FF2B5EF4-FFF2-40B4-BE49-F238E27FC236}">
              <a16:creationId xmlns:a16="http://schemas.microsoft.com/office/drawing/2014/main" id="{A001C228-F93D-4D5E-9E7B-5D511EDD9849}"/>
            </a:ext>
          </a:extLst>
        </xdr:cNvPr>
        <xdr:cNvSpPr txBox="1"/>
      </xdr:nvSpPr>
      <xdr:spPr>
        <a:xfrm>
          <a:off x="4673600" y="63804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3970</xdr:rowOff>
    </xdr:from>
    <xdr:to>
      <xdr:col>24</xdr:col>
      <xdr:colOff>114300</xdr:colOff>
      <xdr:row>38</xdr:row>
      <xdr:rowOff>115570</xdr:rowOff>
    </xdr:to>
    <xdr:sp macro="" textlink="">
      <xdr:nvSpPr>
        <xdr:cNvPr id="63" name="フローチャート: 判断 62">
          <a:extLst>
            <a:ext uri="{FF2B5EF4-FFF2-40B4-BE49-F238E27FC236}">
              <a16:creationId xmlns:a16="http://schemas.microsoft.com/office/drawing/2014/main" id="{84224ACD-7D1F-49FE-B862-0FCF6BA0B31E}"/>
            </a:ext>
          </a:extLst>
        </xdr:cNvPr>
        <xdr:cNvSpPr/>
      </xdr:nvSpPr>
      <xdr:spPr>
        <a:xfrm>
          <a:off x="4584700" y="652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64465</xdr:rowOff>
    </xdr:from>
    <xdr:to>
      <xdr:col>20</xdr:col>
      <xdr:colOff>38100</xdr:colOff>
      <xdr:row>38</xdr:row>
      <xdr:rowOff>94615</xdr:rowOff>
    </xdr:to>
    <xdr:sp macro="" textlink="">
      <xdr:nvSpPr>
        <xdr:cNvPr id="64" name="フローチャート: 判断 63">
          <a:extLst>
            <a:ext uri="{FF2B5EF4-FFF2-40B4-BE49-F238E27FC236}">
              <a16:creationId xmlns:a16="http://schemas.microsoft.com/office/drawing/2014/main" id="{DCEB24C3-B44F-423B-A42F-A387255512E4}"/>
            </a:ext>
          </a:extLst>
        </xdr:cNvPr>
        <xdr:cNvSpPr/>
      </xdr:nvSpPr>
      <xdr:spPr>
        <a:xfrm>
          <a:off x="3746500" y="6508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8255</xdr:rowOff>
    </xdr:from>
    <xdr:to>
      <xdr:col>15</xdr:col>
      <xdr:colOff>101600</xdr:colOff>
      <xdr:row>38</xdr:row>
      <xdr:rowOff>109855</xdr:rowOff>
    </xdr:to>
    <xdr:sp macro="" textlink="">
      <xdr:nvSpPr>
        <xdr:cNvPr id="65" name="フローチャート: 判断 64">
          <a:extLst>
            <a:ext uri="{FF2B5EF4-FFF2-40B4-BE49-F238E27FC236}">
              <a16:creationId xmlns:a16="http://schemas.microsoft.com/office/drawing/2014/main" id="{29331562-AA60-4767-8364-845BA6C55266}"/>
            </a:ext>
          </a:extLst>
        </xdr:cNvPr>
        <xdr:cNvSpPr/>
      </xdr:nvSpPr>
      <xdr:spPr>
        <a:xfrm>
          <a:off x="2857500" y="6523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2540</xdr:rowOff>
    </xdr:from>
    <xdr:to>
      <xdr:col>10</xdr:col>
      <xdr:colOff>165100</xdr:colOff>
      <xdr:row>38</xdr:row>
      <xdr:rowOff>104140</xdr:rowOff>
    </xdr:to>
    <xdr:sp macro="" textlink="">
      <xdr:nvSpPr>
        <xdr:cNvPr id="66" name="フローチャート: 判断 65">
          <a:extLst>
            <a:ext uri="{FF2B5EF4-FFF2-40B4-BE49-F238E27FC236}">
              <a16:creationId xmlns:a16="http://schemas.microsoft.com/office/drawing/2014/main" id="{B6ADF6DF-7D7B-4219-A397-58CF75AA6381}"/>
            </a:ext>
          </a:extLst>
        </xdr:cNvPr>
        <xdr:cNvSpPr/>
      </xdr:nvSpPr>
      <xdr:spPr>
        <a:xfrm>
          <a:off x="1968500" y="651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13970</xdr:rowOff>
    </xdr:from>
    <xdr:to>
      <xdr:col>6</xdr:col>
      <xdr:colOff>38100</xdr:colOff>
      <xdr:row>38</xdr:row>
      <xdr:rowOff>115570</xdr:rowOff>
    </xdr:to>
    <xdr:sp macro="" textlink="">
      <xdr:nvSpPr>
        <xdr:cNvPr id="67" name="フローチャート: 判断 66">
          <a:extLst>
            <a:ext uri="{FF2B5EF4-FFF2-40B4-BE49-F238E27FC236}">
              <a16:creationId xmlns:a16="http://schemas.microsoft.com/office/drawing/2014/main" id="{12DD1FBF-2B08-4D64-B6EC-105273A65F44}"/>
            </a:ext>
          </a:extLst>
        </xdr:cNvPr>
        <xdr:cNvSpPr/>
      </xdr:nvSpPr>
      <xdr:spPr>
        <a:xfrm>
          <a:off x="1079500" y="652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A4682135-D671-4F3C-BA9F-CC19B937A33D}"/>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4927EFF3-6AA8-4D72-9F14-80A0381F8D11}"/>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10194B09-E7FE-4846-8D3F-3C7D8B9DD90C}"/>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510E06D9-40D7-450B-B85C-B8DB9FDF6EFB}"/>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4B2C0795-13DA-43AD-B9DF-672889CF40C0}"/>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53975</xdr:rowOff>
    </xdr:from>
    <xdr:to>
      <xdr:col>24</xdr:col>
      <xdr:colOff>114300</xdr:colOff>
      <xdr:row>38</xdr:row>
      <xdr:rowOff>155575</xdr:rowOff>
    </xdr:to>
    <xdr:sp macro="" textlink="">
      <xdr:nvSpPr>
        <xdr:cNvPr id="73" name="楕円 72">
          <a:extLst>
            <a:ext uri="{FF2B5EF4-FFF2-40B4-BE49-F238E27FC236}">
              <a16:creationId xmlns:a16="http://schemas.microsoft.com/office/drawing/2014/main" id="{D6F7F35B-DF07-4E84-A6A1-A168F97214EB}"/>
            </a:ext>
          </a:extLst>
        </xdr:cNvPr>
        <xdr:cNvSpPr/>
      </xdr:nvSpPr>
      <xdr:spPr>
        <a:xfrm>
          <a:off x="4584700" y="6569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32402</xdr:rowOff>
    </xdr:from>
    <xdr:ext cx="405111" cy="259045"/>
    <xdr:sp macro="" textlink="">
      <xdr:nvSpPr>
        <xdr:cNvPr id="74" name="【道路】&#10;有形固定資産減価償却率該当値テキスト">
          <a:extLst>
            <a:ext uri="{FF2B5EF4-FFF2-40B4-BE49-F238E27FC236}">
              <a16:creationId xmlns:a16="http://schemas.microsoft.com/office/drawing/2014/main" id="{F57D8D4C-6742-4497-812E-32E837E95D7C}"/>
            </a:ext>
          </a:extLst>
        </xdr:cNvPr>
        <xdr:cNvSpPr txBox="1"/>
      </xdr:nvSpPr>
      <xdr:spPr>
        <a:xfrm>
          <a:off x="4673600" y="6547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60655</xdr:rowOff>
    </xdr:from>
    <xdr:to>
      <xdr:col>20</xdr:col>
      <xdr:colOff>38100</xdr:colOff>
      <xdr:row>38</xdr:row>
      <xdr:rowOff>90805</xdr:rowOff>
    </xdr:to>
    <xdr:sp macro="" textlink="">
      <xdr:nvSpPr>
        <xdr:cNvPr id="75" name="楕円 74">
          <a:extLst>
            <a:ext uri="{FF2B5EF4-FFF2-40B4-BE49-F238E27FC236}">
              <a16:creationId xmlns:a16="http://schemas.microsoft.com/office/drawing/2014/main" id="{A3100B0D-B483-4118-B329-507BAA40C5A4}"/>
            </a:ext>
          </a:extLst>
        </xdr:cNvPr>
        <xdr:cNvSpPr/>
      </xdr:nvSpPr>
      <xdr:spPr>
        <a:xfrm>
          <a:off x="3746500" y="6504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40005</xdr:rowOff>
    </xdr:from>
    <xdr:to>
      <xdr:col>24</xdr:col>
      <xdr:colOff>63500</xdr:colOff>
      <xdr:row>38</xdr:row>
      <xdr:rowOff>104775</xdr:rowOff>
    </xdr:to>
    <xdr:cxnSp macro="">
      <xdr:nvCxnSpPr>
        <xdr:cNvPr id="76" name="直線コネクタ 75">
          <a:extLst>
            <a:ext uri="{FF2B5EF4-FFF2-40B4-BE49-F238E27FC236}">
              <a16:creationId xmlns:a16="http://schemas.microsoft.com/office/drawing/2014/main" id="{3958D225-8881-464F-B2FB-82B96A36DC56}"/>
            </a:ext>
          </a:extLst>
        </xdr:cNvPr>
        <xdr:cNvCxnSpPr/>
      </xdr:nvCxnSpPr>
      <xdr:spPr>
        <a:xfrm>
          <a:off x="3797300" y="6555105"/>
          <a:ext cx="8382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24460</xdr:rowOff>
    </xdr:from>
    <xdr:to>
      <xdr:col>15</xdr:col>
      <xdr:colOff>101600</xdr:colOff>
      <xdr:row>38</xdr:row>
      <xdr:rowOff>54610</xdr:rowOff>
    </xdr:to>
    <xdr:sp macro="" textlink="">
      <xdr:nvSpPr>
        <xdr:cNvPr id="77" name="楕円 76">
          <a:extLst>
            <a:ext uri="{FF2B5EF4-FFF2-40B4-BE49-F238E27FC236}">
              <a16:creationId xmlns:a16="http://schemas.microsoft.com/office/drawing/2014/main" id="{0EE8DD73-F2DB-462F-BB0B-E5D2776D980F}"/>
            </a:ext>
          </a:extLst>
        </xdr:cNvPr>
        <xdr:cNvSpPr/>
      </xdr:nvSpPr>
      <xdr:spPr>
        <a:xfrm>
          <a:off x="2857500" y="6468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3810</xdr:rowOff>
    </xdr:from>
    <xdr:to>
      <xdr:col>19</xdr:col>
      <xdr:colOff>177800</xdr:colOff>
      <xdr:row>38</xdr:row>
      <xdr:rowOff>40005</xdr:rowOff>
    </xdr:to>
    <xdr:cxnSp macro="">
      <xdr:nvCxnSpPr>
        <xdr:cNvPr id="78" name="直線コネクタ 77">
          <a:extLst>
            <a:ext uri="{FF2B5EF4-FFF2-40B4-BE49-F238E27FC236}">
              <a16:creationId xmlns:a16="http://schemas.microsoft.com/office/drawing/2014/main" id="{246A3A3F-B3E5-4A43-9066-BF98E8A21372}"/>
            </a:ext>
          </a:extLst>
        </xdr:cNvPr>
        <xdr:cNvCxnSpPr/>
      </xdr:nvCxnSpPr>
      <xdr:spPr>
        <a:xfrm>
          <a:off x="2908300" y="651891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88265</xdr:rowOff>
    </xdr:from>
    <xdr:to>
      <xdr:col>10</xdr:col>
      <xdr:colOff>165100</xdr:colOff>
      <xdr:row>38</xdr:row>
      <xdr:rowOff>18415</xdr:rowOff>
    </xdr:to>
    <xdr:sp macro="" textlink="">
      <xdr:nvSpPr>
        <xdr:cNvPr id="79" name="楕円 78">
          <a:extLst>
            <a:ext uri="{FF2B5EF4-FFF2-40B4-BE49-F238E27FC236}">
              <a16:creationId xmlns:a16="http://schemas.microsoft.com/office/drawing/2014/main" id="{7410D503-8868-4A06-A777-FB17E5E5177F}"/>
            </a:ext>
          </a:extLst>
        </xdr:cNvPr>
        <xdr:cNvSpPr/>
      </xdr:nvSpPr>
      <xdr:spPr>
        <a:xfrm>
          <a:off x="1968500" y="6431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39065</xdr:rowOff>
    </xdr:from>
    <xdr:to>
      <xdr:col>15</xdr:col>
      <xdr:colOff>50800</xdr:colOff>
      <xdr:row>38</xdr:row>
      <xdr:rowOff>3810</xdr:rowOff>
    </xdr:to>
    <xdr:cxnSp macro="">
      <xdr:nvCxnSpPr>
        <xdr:cNvPr id="80" name="直線コネクタ 79">
          <a:extLst>
            <a:ext uri="{FF2B5EF4-FFF2-40B4-BE49-F238E27FC236}">
              <a16:creationId xmlns:a16="http://schemas.microsoft.com/office/drawing/2014/main" id="{83D74056-265B-4985-9122-AAEC6B5FB29E}"/>
            </a:ext>
          </a:extLst>
        </xdr:cNvPr>
        <xdr:cNvCxnSpPr/>
      </xdr:nvCxnSpPr>
      <xdr:spPr>
        <a:xfrm>
          <a:off x="2019300" y="648271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139700</xdr:rowOff>
    </xdr:from>
    <xdr:to>
      <xdr:col>6</xdr:col>
      <xdr:colOff>38100</xdr:colOff>
      <xdr:row>38</xdr:row>
      <xdr:rowOff>69850</xdr:rowOff>
    </xdr:to>
    <xdr:sp macro="" textlink="">
      <xdr:nvSpPr>
        <xdr:cNvPr id="81" name="楕円 80">
          <a:extLst>
            <a:ext uri="{FF2B5EF4-FFF2-40B4-BE49-F238E27FC236}">
              <a16:creationId xmlns:a16="http://schemas.microsoft.com/office/drawing/2014/main" id="{DBCC58FF-7821-4B1D-8F46-7596EB51DC3F}"/>
            </a:ext>
          </a:extLst>
        </xdr:cNvPr>
        <xdr:cNvSpPr/>
      </xdr:nvSpPr>
      <xdr:spPr>
        <a:xfrm>
          <a:off x="1079500" y="648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139065</xdr:rowOff>
    </xdr:from>
    <xdr:to>
      <xdr:col>10</xdr:col>
      <xdr:colOff>114300</xdr:colOff>
      <xdr:row>38</xdr:row>
      <xdr:rowOff>19050</xdr:rowOff>
    </xdr:to>
    <xdr:cxnSp macro="">
      <xdr:nvCxnSpPr>
        <xdr:cNvPr id="82" name="直線コネクタ 81">
          <a:extLst>
            <a:ext uri="{FF2B5EF4-FFF2-40B4-BE49-F238E27FC236}">
              <a16:creationId xmlns:a16="http://schemas.microsoft.com/office/drawing/2014/main" id="{4525A92D-0456-4FFD-A62E-77E9961BF29B}"/>
            </a:ext>
          </a:extLst>
        </xdr:cNvPr>
        <xdr:cNvCxnSpPr/>
      </xdr:nvCxnSpPr>
      <xdr:spPr>
        <a:xfrm flipV="1">
          <a:off x="1130300" y="6482715"/>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85742</xdr:rowOff>
    </xdr:from>
    <xdr:ext cx="405111" cy="259045"/>
    <xdr:sp macro="" textlink="">
      <xdr:nvSpPr>
        <xdr:cNvPr id="83" name="n_1aveValue【道路】&#10;有形固定資産減価償却率">
          <a:extLst>
            <a:ext uri="{FF2B5EF4-FFF2-40B4-BE49-F238E27FC236}">
              <a16:creationId xmlns:a16="http://schemas.microsoft.com/office/drawing/2014/main" id="{A976058F-0D0C-4AD7-93DB-A908D8808EE7}"/>
            </a:ext>
          </a:extLst>
        </xdr:cNvPr>
        <xdr:cNvSpPr txBox="1"/>
      </xdr:nvSpPr>
      <xdr:spPr>
        <a:xfrm>
          <a:off x="3582044" y="6600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00982</xdr:rowOff>
    </xdr:from>
    <xdr:ext cx="405111" cy="259045"/>
    <xdr:sp macro="" textlink="">
      <xdr:nvSpPr>
        <xdr:cNvPr id="84" name="n_2aveValue【道路】&#10;有形固定資産減価償却率">
          <a:extLst>
            <a:ext uri="{FF2B5EF4-FFF2-40B4-BE49-F238E27FC236}">
              <a16:creationId xmlns:a16="http://schemas.microsoft.com/office/drawing/2014/main" id="{AEF34883-7103-4040-8CA6-178C512D32AF}"/>
            </a:ext>
          </a:extLst>
        </xdr:cNvPr>
        <xdr:cNvSpPr txBox="1"/>
      </xdr:nvSpPr>
      <xdr:spPr>
        <a:xfrm>
          <a:off x="2705744" y="6616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95267</xdr:rowOff>
    </xdr:from>
    <xdr:ext cx="405111" cy="259045"/>
    <xdr:sp macro="" textlink="">
      <xdr:nvSpPr>
        <xdr:cNvPr id="85" name="n_3aveValue【道路】&#10;有形固定資産減価償却率">
          <a:extLst>
            <a:ext uri="{FF2B5EF4-FFF2-40B4-BE49-F238E27FC236}">
              <a16:creationId xmlns:a16="http://schemas.microsoft.com/office/drawing/2014/main" id="{1E657244-3F02-4DA6-AF74-B674F97BDCE9}"/>
            </a:ext>
          </a:extLst>
        </xdr:cNvPr>
        <xdr:cNvSpPr txBox="1"/>
      </xdr:nvSpPr>
      <xdr:spPr>
        <a:xfrm>
          <a:off x="1816744" y="6610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06697</xdr:rowOff>
    </xdr:from>
    <xdr:ext cx="405111" cy="259045"/>
    <xdr:sp macro="" textlink="">
      <xdr:nvSpPr>
        <xdr:cNvPr id="86" name="n_4aveValue【道路】&#10;有形固定資産減価償却率">
          <a:extLst>
            <a:ext uri="{FF2B5EF4-FFF2-40B4-BE49-F238E27FC236}">
              <a16:creationId xmlns:a16="http://schemas.microsoft.com/office/drawing/2014/main" id="{5BE94D54-07EF-4BC5-99B5-EB2299572824}"/>
            </a:ext>
          </a:extLst>
        </xdr:cNvPr>
        <xdr:cNvSpPr txBox="1"/>
      </xdr:nvSpPr>
      <xdr:spPr>
        <a:xfrm>
          <a:off x="927744" y="6621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107332</xdr:rowOff>
    </xdr:from>
    <xdr:ext cx="405111" cy="259045"/>
    <xdr:sp macro="" textlink="">
      <xdr:nvSpPr>
        <xdr:cNvPr id="87" name="n_1mainValue【道路】&#10;有形固定資産減価償却率">
          <a:extLst>
            <a:ext uri="{FF2B5EF4-FFF2-40B4-BE49-F238E27FC236}">
              <a16:creationId xmlns:a16="http://schemas.microsoft.com/office/drawing/2014/main" id="{7D0BC045-1ACD-4238-B716-A345CA9B6683}"/>
            </a:ext>
          </a:extLst>
        </xdr:cNvPr>
        <xdr:cNvSpPr txBox="1"/>
      </xdr:nvSpPr>
      <xdr:spPr>
        <a:xfrm>
          <a:off x="3582044" y="6279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71137</xdr:rowOff>
    </xdr:from>
    <xdr:ext cx="405111" cy="259045"/>
    <xdr:sp macro="" textlink="">
      <xdr:nvSpPr>
        <xdr:cNvPr id="88" name="n_2mainValue【道路】&#10;有形固定資産減価償却率">
          <a:extLst>
            <a:ext uri="{FF2B5EF4-FFF2-40B4-BE49-F238E27FC236}">
              <a16:creationId xmlns:a16="http://schemas.microsoft.com/office/drawing/2014/main" id="{8E6C95F7-0755-46B7-9148-7D8B75A82298}"/>
            </a:ext>
          </a:extLst>
        </xdr:cNvPr>
        <xdr:cNvSpPr txBox="1"/>
      </xdr:nvSpPr>
      <xdr:spPr>
        <a:xfrm>
          <a:off x="2705744" y="6243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34942</xdr:rowOff>
    </xdr:from>
    <xdr:ext cx="405111" cy="259045"/>
    <xdr:sp macro="" textlink="">
      <xdr:nvSpPr>
        <xdr:cNvPr id="89" name="n_3mainValue【道路】&#10;有形固定資産減価償却率">
          <a:extLst>
            <a:ext uri="{FF2B5EF4-FFF2-40B4-BE49-F238E27FC236}">
              <a16:creationId xmlns:a16="http://schemas.microsoft.com/office/drawing/2014/main" id="{FFAF0C21-E10C-46E2-A958-DF7F64972DBC}"/>
            </a:ext>
          </a:extLst>
        </xdr:cNvPr>
        <xdr:cNvSpPr txBox="1"/>
      </xdr:nvSpPr>
      <xdr:spPr>
        <a:xfrm>
          <a:off x="1816744" y="6207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86377</xdr:rowOff>
    </xdr:from>
    <xdr:ext cx="405111" cy="259045"/>
    <xdr:sp macro="" textlink="">
      <xdr:nvSpPr>
        <xdr:cNvPr id="90" name="n_4mainValue【道路】&#10;有形固定資産減価償却率">
          <a:extLst>
            <a:ext uri="{FF2B5EF4-FFF2-40B4-BE49-F238E27FC236}">
              <a16:creationId xmlns:a16="http://schemas.microsoft.com/office/drawing/2014/main" id="{3BCC6941-AECB-4A17-831E-0072A235887B}"/>
            </a:ext>
          </a:extLst>
        </xdr:cNvPr>
        <xdr:cNvSpPr txBox="1"/>
      </xdr:nvSpPr>
      <xdr:spPr>
        <a:xfrm>
          <a:off x="927744" y="6258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6F75A0DF-483E-4F4D-AD28-B51FC4C0214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B4A91292-0F92-401E-84AE-4C6D84900ACF}"/>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CDEDA231-175A-40B4-B33F-227312293384}"/>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3E2733EA-0801-4DB5-BEE1-C82042BD4B8E}"/>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1FDA6474-39A4-46B5-BF77-58C250DFEF2A}"/>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089727E6-86EA-42D7-BDAD-7FC7693FA37F}"/>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1D0F954A-151E-4125-A2A2-A128F1F6E587}"/>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FF6A126C-55D0-4A45-8A98-32981475FD8C}"/>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id="{95DFACE3-7055-4EAC-93D7-56D00643825D}"/>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3CDD397A-A7F9-43F6-B262-C29FB9930603}"/>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a:extLst>
            <a:ext uri="{FF2B5EF4-FFF2-40B4-BE49-F238E27FC236}">
              <a16:creationId xmlns:a16="http://schemas.microsoft.com/office/drawing/2014/main" id="{8DFC8A39-8B87-44B7-8D1F-7701821A4834}"/>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a:extLst>
            <a:ext uri="{FF2B5EF4-FFF2-40B4-BE49-F238E27FC236}">
              <a16:creationId xmlns:a16="http://schemas.microsoft.com/office/drawing/2014/main" id="{5E7A933C-E282-47E0-8B47-CFD7E11BD849}"/>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a:extLst>
            <a:ext uri="{FF2B5EF4-FFF2-40B4-BE49-F238E27FC236}">
              <a16:creationId xmlns:a16="http://schemas.microsoft.com/office/drawing/2014/main" id="{6F56F83B-2F27-41BC-B590-2C0E6301A89D}"/>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4" name="テキスト ボックス 103">
          <a:extLst>
            <a:ext uri="{FF2B5EF4-FFF2-40B4-BE49-F238E27FC236}">
              <a16:creationId xmlns:a16="http://schemas.microsoft.com/office/drawing/2014/main" id="{DA7BF3AE-BAC6-42AB-AB17-64F1D9BA7AE1}"/>
            </a:ext>
          </a:extLst>
        </xdr:cNvPr>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a:extLst>
            <a:ext uri="{FF2B5EF4-FFF2-40B4-BE49-F238E27FC236}">
              <a16:creationId xmlns:a16="http://schemas.microsoft.com/office/drawing/2014/main" id="{0F8638EB-DAE9-452F-9084-13F67C7A701F}"/>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6" name="テキスト ボックス 105">
          <a:extLst>
            <a:ext uri="{FF2B5EF4-FFF2-40B4-BE49-F238E27FC236}">
              <a16:creationId xmlns:a16="http://schemas.microsoft.com/office/drawing/2014/main" id="{E89E6C12-1694-4C46-BCB6-B5A1101BA665}"/>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a:extLst>
            <a:ext uri="{FF2B5EF4-FFF2-40B4-BE49-F238E27FC236}">
              <a16:creationId xmlns:a16="http://schemas.microsoft.com/office/drawing/2014/main" id="{A338B31C-073F-4431-BD25-DFAE7A676662}"/>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8" name="テキスト ボックス 107">
          <a:extLst>
            <a:ext uri="{FF2B5EF4-FFF2-40B4-BE49-F238E27FC236}">
              <a16:creationId xmlns:a16="http://schemas.microsoft.com/office/drawing/2014/main" id="{9C99FD3A-53E9-49DB-96B6-D6A294BD40B5}"/>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a:extLst>
            <a:ext uri="{FF2B5EF4-FFF2-40B4-BE49-F238E27FC236}">
              <a16:creationId xmlns:a16="http://schemas.microsoft.com/office/drawing/2014/main" id="{A9920A11-DD8E-4388-8191-6F8B08748371}"/>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86377</xdr:rowOff>
    </xdr:from>
    <xdr:ext cx="595419" cy="259045"/>
    <xdr:sp macro="" textlink="">
      <xdr:nvSpPr>
        <xdr:cNvPr id="110" name="テキスト ボックス 109">
          <a:extLst>
            <a:ext uri="{FF2B5EF4-FFF2-40B4-BE49-F238E27FC236}">
              <a16:creationId xmlns:a16="http://schemas.microsoft.com/office/drawing/2014/main" id="{8705166B-553A-482A-AFA2-A49BDD54472E}"/>
            </a:ext>
          </a:extLst>
        </xdr:cNvPr>
        <xdr:cNvSpPr txBox="1"/>
      </xdr:nvSpPr>
      <xdr:spPr>
        <a:xfrm>
          <a:off x="6008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a:extLst>
            <a:ext uri="{FF2B5EF4-FFF2-40B4-BE49-F238E27FC236}">
              <a16:creationId xmlns:a16="http://schemas.microsoft.com/office/drawing/2014/main" id="{CD900A3E-7744-4834-BBDF-81F53A335434}"/>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12" name="テキスト ボックス 111">
          <a:extLst>
            <a:ext uri="{FF2B5EF4-FFF2-40B4-BE49-F238E27FC236}">
              <a16:creationId xmlns:a16="http://schemas.microsoft.com/office/drawing/2014/main" id="{B65B95B3-5E0A-4CE8-B756-2704FDABDC64}"/>
            </a:ext>
          </a:extLst>
        </xdr:cNvPr>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a:extLst>
            <a:ext uri="{FF2B5EF4-FFF2-40B4-BE49-F238E27FC236}">
              <a16:creationId xmlns:a16="http://schemas.microsoft.com/office/drawing/2014/main" id="{47F84F9C-C5C9-4E49-A9FE-CA8D89440111}"/>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2</xdr:row>
      <xdr:rowOff>169812</xdr:rowOff>
    </xdr:from>
    <xdr:to>
      <xdr:col>54</xdr:col>
      <xdr:colOff>189865</xdr:colOff>
      <xdr:row>41</xdr:row>
      <xdr:rowOff>158826</xdr:rowOff>
    </xdr:to>
    <xdr:cxnSp macro="">
      <xdr:nvCxnSpPr>
        <xdr:cNvPr id="114" name="直線コネクタ 113">
          <a:extLst>
            <a:ext uri="{FF2B5EF4-FFF2-40B4-BE49-F238E27FC236}">
              <a16:creationId xmlns:a16="http://schemas.microsoft.com/office/drawing/2014/main" id="{EB587B21-CF64-4C06-B70F-C1784FCDD4FD}"/>
            </a:ext>
          </a:extLst>
        </xdr:cNvPr>
        <xdr:cNvCxnSpPr/>
      </xdr:nvCxnSpPr>
      <xdr:spPr>
        <a:xfrm flipV="1">
          <a:off x="10476865" y="5656212"/>
          <a:ext cx="0" cy="15320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62653</xdr:rowOff>
    </xdr:from>
    <xdr:ext cx="469744" cy="259045"/>
    <xdr:sp macro="" textlink="">
      <xdr:nvSpPr>
        <xdr:cNvPr id="115" name="【道路】&#10;一人当たり延長最小値テキスト">
          <a:extLst>
            <a:ext uri="{FF2B5EF4-FFF2-40B4-BE49-F238E27FC236}">
              <a16:creationId xmlns:a16="http://schemas.microsoft.com/office/drawing/2014/main" id="{B90E43C2-7B68-4E04-A9E7-04DD56CB45EA}"/>
            </a:ext>
          </a:extLst>
        </xdr:cNvPr>
        <xdr:cNvSpPr txBox="1"/>
      </xdr:nvSpPr>
      <xdr:spPr>
        <a:xfrm>
          <a:off x="10515600" y="7192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58826</xdr:rowOff>
    </xdr:from>
    <xdr:to>
      <xdr:col>55</xdr:col>
      <xdr:colOff>88900</xdr:colOff>
      <xdr:row>41</xdr:row>
      <xdr:rowOff>158826</xdr:rowOff>
    </xdr:to>
    <xdr:cxnSp macro="">
      <xdr:nvCxnSpPr>
        <xdr:cNvPr id="116" name="直線コネクタ 115">
          <a:extLst>
            <a:ext uri="{FF2B5EF4-FFF2-40B4-BE49-F238E27FC236}">
              <a16:creationId xmlns:a16="http://schemas.microsoft.com/office/drawing/2014/main" id="{25BBCEDF-0148-4EE2-AE1C-9FDC0AF67F6F}"/>
            </a:ext>
          </a:extLst>
        </xdr:cNvPr>
        <xdr:cNvCxnSpPr/>
      </xdr:nvCxnSpPr>
      <xdr:spPr>
        <a:xfrm>
          <a:off x="10388600" y="71882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16489</xdr:rowOff>
    </xdr:from>
    <xdr:ext cx="599010" cy="259045"/>
    <xdr:sp macro="" textlink="">
      <xdr:nvSpPr>
        <xdr:cNvPr id="117" name="【道路】&#10;一人当たり延長最大値テキスト">
          <a:extLst>
            <a:ext uri="{FF2B5EF4-FFF2-40B4-BE49-F238E27FC236}">
              <a16:creationId xmlns:a16="http://schemas.microsoft.com/office/drawing/2014/main" id="{39F3A92B-2297-4CB2-A234-F16593EE904F}"/>
            </a:ext>
          </a:extLst>
        </xdr:cNvPr>
        <xdr:cNvSpPr txBox="1"/>
      </xdr:nvSpPr>
      <xdr:spPr>
        <a:xfrm>
          <a:off x="10515600" y="54314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6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69812</xdr:rowOff>
    </xdr:from>
    <xdr:to>
      <xdr:col>55</xdr:col>
      <xdr:colOff>88900</xdr:colOff>
      <xdr:row>32</xdr:row>
      <xdr:rowOff>169812</xdr:rowOff>
    </xdr:to>
    <xdr:cxnSp macro="">
      <xdr:nvCxnSpPr>
        <xdr:cNvPr id="118" name="直線コネクタ 117">
          <a:extLst>
            <a:ext uri="{FF2B5EF4-FFF2-40B4-BE49-F238E27FC236}">
              <a16:creationId xmlns:a16="http://schemas.microsoft.com/office/drawing/2014/main" id="{D2E9334A-6F7F-43B9-8D48-0BF340686BA3}"/>
            </a:ext>
          </a:extLst>
        </xdr:cNvPr>
        <xdr:cNvCxnSpPr/>
      </xdr:nvCxnSpPr>
      <xdr:spPr>
        <a:xfrm>
          <a:off x="10388600" y="56562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04424</xdr:rowOff>
    </xdr:from>
    <xdr:ext cx="534377" cy="259045"/>
    <xdr:sp macro="" textlink="">
      <xdr:nvSpPr>
        <xdr:cNvPr id="119" name="【道路】&#10;一人当たり延長平均値テキスト">
          <a:extLst>
            <a:ext uri="{FF2B5EF4-FFF2-40B4-BE49-F238E27FC236}">
              <a16:creationId xmlns:a16="http://schemas.microsoft.com/office/drawing/2014/main" id="{1C9C4CF6-834E-4B66-8ACF-BCC1D3CEFA57}"/>
            </a:ext>
          </a:extLst>
        </xdr:cNvPr>
        <xdr:cNvSpPr txBox="1"/>
      </xdr:nvSpPr>
      <xdr:spPr>
        <a:xfrm>
          <a:off x="10515600" y="661952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81547</xdr:rowOff>
    </xdr:from>
    <xdr:to>
      <xdr:col>55</xdr:col>
      <xdr:colOff>50800</xdr:colOff>
      <xdr:row>40</xdr:row>
      <xdr:rowOff>11697</xdr:rowOff>
    </xdr:to>
    <xdr:sp macro="" textlink="">
      <xdr:nvSpPr>
        <xdr:cNvPr id="120" name="フローチャート: 判断 119">
          <a:extLst>
            <a:ext uri="{FF2B5EF4-FFF2-40B4-BE49-F238E27FC236}">
              <a16:creationId xmlns:a16="http://schemas.microsoft.com/office/drawing/2014/main" id="{3434BC9A-08F8-4A46-937D-39144A3A97D7}"/>
            </a:ext>
          </a:extLst>
        </xdr:cNvPr>
        <xdr:cNvSpPr/>
      </xdr:nvSpPr>
      <xdr:spPr>
        <a:xfrm>
          <a:off x="10426700" y="6768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93955</xdr:rowOff>
    </xdr:from>
    <xdr:to>
      <xdr:col>50</xdr:col>
      <xdr:colOff>165100</xdr:colOff>
      <xdr:row>40</xdr:row>
      <xdr:rowOff>24105</xdr:rowOff>
    </xdr:to>
    <xdr:sp macro="" textlink="">
      <xdr:nvSpPr>
        <xdr:cNvPr id="121" name="フローチャート: 判断 120">
          <a:extLst>
            <a:ext uri="{FF2B5EF4-FFF2-40B4-BE49-F238E27FC236}">
              <a16:creationId xmlns:a16="http://schemas.microsoft.com/office/drawing/2014/main" id="{6DF49AA9-7FC0-4839-9DA2-499CC6B8FB2B}"/>
            </a:ext>
          </a:extLst>
        </xdr:cNvPr>
        <xdr:cNvSpPr/>
      </xdr:nvSpPr>
      <xdr:spPr>
        <a:xfrm>
          <a:off x="9588500" y="6780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08776</xdr:rowOff>
    </xdr:from>
    <xdr:to>
      <xdr:col>46</xdr:col>
      <xdr:colOff>38100</xdr:colOff>
      <xdr:row>40</xdr:row>
      <xdr:rowOff>38926</xdr:rowOff>
    </xdr:to>
    <xdr:sp macro="" textlink="">
      <xdr:nvSpPr>
        <xdr:cNvPr id="122" name="フローチャート: 判断 121">
          <a:extLst>
            <a:ext uri="{FF2B5EF4-FFF2-40B4-BE49-F238E27FC236}">
              <a16:creationId xmlns:a16="http://schemas.microsoft.com/office/drawing/2014/main" id="{CB0D3C5E-4962-4493-9E3C-E9EF350C1661}"/>
            </a:ext>
          </a:extLst>
        </xdr:cNvPr>
        <xdr:cNvSpPr/>
      </xdr:nvSpPr>
      <xdr:spPr>
        <a:xfrm>
          <a:off x="8699500" y="6795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02768</xdr:rowOff>
    </xdr:from>
    <xdr:to>
      <xdr:col>41</xdr:col>
      <xdr:colOff>101600</xdr:colOff>
      <xdr:row>40</xdr:row>
      <xdr:rowOff>32918</xdr:rowOff>
    </xdr:to>
    <xdr:sp macro="" textlink="">
      <xdr:nvSpPr>
        <xdr:cNvPr id="123" name="フローチャート: 判断 122">
          <a:extLst>
            <a:ext uri="{FF2B5EF4-FFF2-40B4-BE49-F238E27FC236}">
              <a16:creationId xmlns:a16="http://schemas.microsoft.com/office/drawing/2014/main" id="{1F2AA0B6-36EB-404D-9D3E-DF2908DCF11C}"/>
            </a:ext>
          </a:extLst>
        </xdr:cNvPr>
        <xdr:cNvSpPr/>
      </xdr:nvSpPr>
      <xdr:spPr>
        <a:xfrm>
          <a:off x="7810500" y="6789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00038</xdr:rowOff>
    </xdr:from>
    <xdr:to>
      <xdr:col>36</xdr:col>
      <xdr:colOff>165100</xdr:colOff>
      <xdr:row>40</xdr:row>
      <xdr:rowOff>30188</xdr:rowOff>
    </xdr:to>
    <xdr:sp macro="" textlink="">
      <xdr:nvSpPr>
        <xdr:cNvPr id="124" name="フローチャート: 判断 123">
          <a:extLst>
            <a:ext uri="{FF2B5EF4-FFF2-40B4-BE49-F238E27FC236}">
              <a16:creationId xmlns:a16="http://schemas.microsoft.com/office/drawing/2014/main" id="{9EFCCA98-0B33-4CAE-B4E1-2A30377C8927}"/>
            </a:ext>
          </a:extLst>
        </xdr:cNvPr>
        <xdr:cNvSpPr/>
      </xdr:nvSpPr>
      <xdr:spPr>
        <a:xfrm>
          <a:off x="6921500" y="6786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4C016E76-23FA-48F6-938D-E40FB2CB679E}"/>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647B4720-88F8-4C67-8802-609DC4A23A11}"/>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A71DF3B0-202A-47FF-B30F-B8B7D1D70790}"/>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09236F13-286C-4670-8E77-8ED5C38EDF1F}"/>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AB7DA488-F210-4405-9B11-C51C6727F224}"/>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65964</xdr:rowOff>
    </xdr:from>
    <xdr:to>
      <xdr:col>55</xdr:col>
      <xdr:colOff>50800</xdr:colOff>
      <xdr:row>41</xdr:row>
      <xdr:rowOff>96114</xdr:rowOff>
    </xdr:to>
    <xdr:sp macro="" textlink="">
      <xdr:nvSpPr>
        <xdr:cNvPr id="130" name="楕円 129">
          <a:extLst>
            <a:ext uri="{FF2B5EF4-FFF2-40B4-BE49-F238E27FC236}">
              <a16:creationId xmlns:a16="http://schemas.microsoft.com/office/drawing/2014/main" id="{132AAD8C-F109-4C2B-A022-1140514E9704}"/>
            </a:ext>
          </a:extLst>
        </xdr:cNvPr>
        <xdr:cNvSpPr/>
      </xdr:nvSpPr>
      <xdr:spPr>
        <a:xfrm>
          <a:off x="10426700" y="7023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80891</xdr:rowOff>
    </xdr:from>
    <xdr:ext cx="534377" cy="259045"/>
    <xdr:sp macro="" textlink="">
      <xdr:nvSpPr>
        <xdr:cNvPr id="131" name="【道路】&#10;一人当たり延長該当値テキスト">
          <a:extLst>
            <a:ext uri="{FF2B5EF4-FFF2-40B4-BE49-F238E27FC236}">
              <a16:creationId xmlns:a16="http://schemas.microsoft.com/office/drawing/2014/main" id="{365AB287-C787-4C5E-BAB6-41EAA7AE2CAF}"/>
            </a:ext>
          </a:extLst>
        </xdr:cNvPr>
        <xdr:cNvSpPr txBox="1"/>
      </xdr:nvSpPr>
      <xdr:spPr>
        <a:xfrm>
          <a:off x="10515600" y="6938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68415</xdr:rowOff>
    </xdr:from>
    <xdr:to>
      <xdr:col>50</xdr:col>
      <xdr:colOff>165100</xdr:colOff>
      <xdr:row>41</xdr:row>
      <xdr:rowOff>98565</xdr:rowOff>
    </xdr:to>
    <xdr:sp macro="" textlink="">
      <xdr:nvSpPr>
        <xdr:cNvPr id="132" name="楕円 131">
          <a:extLst>
            <a:ext uri="{FF2B5EF4-FFF2-40B4-BE49-F238E27FC236}">
              <a16:creationId xmlns:a16="http://schemas.microsoft.com/office/drawing/2014/main" id="{6ABDCA27-511E-4502-A9FA-15AD32E3B96D}"/>
            </a:ext>
          </a:extLst>
        </xdr:cNvPr>
        <xdr:cNvSpPr/>
      </xdr:nvSpPr>
      <xdr:spPr>
        <a:xfrm>
          <a:off x="9588500" y="7026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45314</xdr:rowOff>
    </xdr:from>
    <xdr:to>
      <xdr:col>55</xdr:col>
      <xdr:colOff>0</xdr:colOff>
      <xdr:row>41</xdr:row>
      <xdr:rowOff>47765</xdr:rowOff>
    </xdr:to>
    <xdr:cxnSp macro="">
      <xdr:nvCxnSpPr>
        <xdr:cNvPr id="133" name="直線コネクタ 132">
          <a:extLst>
            <a:ext uri="{FF2B5EF4-FFF2-40B4-BE49-F238E27FC236}">
              <a16:creationId xmlns:a16="http://schemas.microsoft.com/office/drawing/2014/main" id="{0245DD06-5B14-4DD0-8029-08DAAA8E0FFE}"/>
            </a:ext>
          </a:extLst>
        </xdr:cNvPr>
        <xdr:cNvCxnSpPr/>
      </xdr:nvCxnSpPr>
      <xdr:spPr>
        <a:xfrm flipV="1">
          <a:off x="9639300" y="7074764"/>
          <a:ext cx="838200" cy="2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71386</xdr:rowOff>
    </xdr:from>
    <xdr:to>
      <xdr:col>46</xdr:col>
      <xdr:colOff>38100</xdr:colOff>
      <xdr:row>41</xdr:row>
      <xdr:rowOff>101536</xdr:rowOff>
    </xdr:to>
    <xdr:sp macro="" textlink="">
      <xdr:nvSpPr>
        <xdr:cNvPr id="134" name="楕円 133">
          <a:extLst>
            <a:ext uri="{FF2B5EF4-FFF2-40B4-BE49-F238E27FC236}">
              <a16:creationId xmlns:a16="http://schemas.microsoft.com/office/drawing/2014/main" id="{0E1EEDD0-ED2C-4EE3-BF5C-7C327AA66DBA}"/>
            </a:ext>
          </a:extLst>
        </xdr:cNvPr>
        <xdr:cNvSpPr/>
      </xdr:nvSpPr>
      <xdr:spPr>
        <a:xfrm>
          <a:off x="8699500" y="7029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47765</xdr:rowOff>
    </xdr:from>
    <xdr:to>
      <xdr:col>50</xdr:col>
      <xdr:colOff>114300</xdr:colOff>
      <xdr:row>41</xdr:row>
      <xdr:rowOff>50736</xdr:rowOff>
    </xdr:to>
    <xdr:cxnSp macro="">
      <xdr:nvCxnSpPr>
        <xdr:cNvPr id="135" name="直線コネクタ 134">
          <a:extLst>
            <a:ext uri="{FF2B5EF4-FFF2-40B4-BE49-F238E27FC236}">
              <a16:creationId xmlns:a16="http://schemas.microsoft.com/office/drawing/2014/main" id="{87D6EB32-2F4D-4100-BA32-349EE0567558}"/>
            </a:ext>
          </a:extLst>
        </xdr:cNvPr>
        <xdr:cNvCxnSpPr/>
      </xdr:nvCxnSpPr>
      <xdr:spPr>
        <a:xfrm flipV="1">
          <a:off x="8750300" y="7077215"/>
          <a:ext cx="889000" cy="2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1905</xdr:rowOff>
    </xdr:from>
    <xdr:to>
      <xdr:col>41</xdr:col>
      <xdr:colOff>101600</xdr:colOff>
      <xdr:row>41</xdr:row>
      <xdr:rowOff>103505</xdr:rowOff>
    </xdr:to>
    <xdr:sp macro="" textlink="">
      <xdr:nvSpPr>
        <xdr:cNvPr id="136" name="楕円 135">
          <a:extLst>
            <a:ext uri="{FF2B5EF4-FFF2-40B4-BE49-F238E27FC236}">
              <a16:creationId xmlns:a16="http://schemas.microsoft.com/office/drawing/2014/main" id="{949FE6D7-897F-4DF9-8729-53E427061B03}"/>
            </a:ext>
          </a:extLst>
        </xdr:cNvPr>
        <xdr:cNvSpPr/>
      </xdr:nvSpPr>
      <xdr:spPr>
        <a:xfrm>
          <a:off x="7810500" y="7031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50736</xdr:rowOff>
    </xdr:from>
    <xdr:to>
      <xdr:col>45</xdr:col>
      <xdr:colOff>177800</xdr:colOff>
      <xdr:row>41</xdr:row>
      <xdr:rowOff>52705</xdr:rowOff>
    </xdr:to>
    <xdr:cxnSp macro="">
      <xdr:nvCxnSpPr>
        <xdr:cNvPr id="137" name="直線コネクタ 136">
          <a:extLst>
            <a:ext uri="{FF2B5EF4-FFF2-40B4-BE49-F238E27FC236}">
              <a16:creationId xmlns:a16="http://schemas.microsoft.com/office/drawing/2014/main" id="{48FCEE4A-BE86-4E4C-883C-A9DCE33FD8B2}"/>
            </a:ext>
          </a:extLst>
        </xdr:cNvPr>
        <xdr:cNvCxnSpPr/>
      </xdr:nvCxnSpPr>
      <xdr:spPr>
        <a:xfrm flipV="1">
          <a:off x="7861300" y="7080186"/>
          <a:ext cx="889000" cy="1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4687</xdr:rowOff>
    </xdr:from>
    <xdr:to>
      <xdr:col>36</xdr:col>
      <xdr:colOff>165100</xdr:colOff>
      <xdr:row>41</xdr:row>
      <xdr:rowOff>106287</xdr:rowOff>
    </xdr:to>
    <xdr:sp macro="" textlink="">
      <xdr:nvSpPr>
        <xdr:cNvPr id="138" name="楕円 137">
          <a:extLst>
            <a:ext uri="{FF2B5EF4-FFF2-40B4-BE49-F238E27FC236}">
              <a16:creationId xmlns:a16="http://schemas.microsoft.com/office/drawing/2014/main" id="{C86D2925-55E6-417F-832E-47AF2A6913E6}"/>
            </a:ext>
          </a:extLst>
        </xdr:cNvPr>
        <xdr:cNvSpPr/>
      </xdr:nvSpPr>
      <xdr:spPr>
        <a:xfrm>
          <a:off x="6921500" y="7034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52705</xdr:rowOff>
    </xdr:from>
    <xdr:to>
      <xdr:col>41</xdr:col>
      <xdr:colOff>50800</xdr:colOff>
      <xdr:row>41</xdr:row>
      <xdr:rowOff>55487</xdr:rowOff>
    </xdr:to>
    <xdr:cxnSp macro="">
      <xdr:nvCxnSpPr>
        <xdr:cNvPr id="139" name="直線コネクタ 138">
          <a:extLst>
            <a:ext uri="{FF2B5EF4-FFF2-40B4-BE49-F238E27FC236}">
              <a16:creationId xmlns:a16="http://schemas.microsoft.com/office/drawing/2014/main" id="{20F54583-C71C-4732-B98C-0D54FAF0423F}"/>
            </a:ext>
          </a:extLst>
        </xdr:cNvPr>
        <xdr:cNvCxnSpPr/>
      </xdr:nvCxnSpPr>
      <xdr:spPr>
        <a:xfrm flipV="1">
          <a:off x="6972300" y="7082155"/>
          <a:ext cx="889000" cy="2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8</xdr:row>
      <xdr:rowOff>40632</xdr:rowOff>
    </xdr:from>
    <xdr:ext cx="534377" cy="259045"/>
    <xdr:sp macro="" textlink="">
      <xdr:nvSpPr>
        <xdr:cNvPr id="140" name="n_1aveValue【道路】&#10;一人当たり延長">
          <a:extLst>
            <a:ext uri="{FF2B5EF4-FFF2-40B4-BE49-F238E27FC236}">
              <a16:creationId xmlns:a16="http://schemas.microsoft.com/office/drawing/2014/main" id="{8A19E650-8FA4-4473-888B-8484922F60C8}"/>
            </a:ext>
          </a:extLst>
        </xdr:cNvPr>
        <xdr:cNvSpPr txBox="1"/>
      </xdr:nvSpPr>
      <xdr:spPr>
        <a:xfrm>
          <a:off x="9359411" y="6555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8</xdr:row>
      <xdr:rowOff>55453</xdr:rowOff>
    </xdr:from>
    <xdr:ext cx="534377" cy="259045"/>
    <xdr:sp macro="" textlink="">
      <xdr:nvSpPr>
        <xdr:cNvPr id="141" name="n_2aveValue【道路】&#10;一人当たり延長">
          <a:extLst>
            <a:ext uri="{FF2B5EF4-FFF2-40B4-BE49-F238E27FC236}">
              <a16:creationId xmlns:a16="http://schemas.microsoft.com/office/drawing/2014/main" id="{6987DC41-186C-4A8F-A66A-9291337CF1E6}"/>
            </a:ext>
          </a:extLst>
        </xdr:cNvPr>
        <xdr:cNvSpPr txBox="1"/>
      </xdr:nvSpPr>
      <xdr:spPr>
        <a:xfrm>
          <a:off x="8483111" y="65705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8</xdr:row>
      <xdr:rowOff>49445</xdr:rowOff>
    </xdr:from>
    <xdr:ext cx="534377" cy="259045"/>
    <xdr:sp macro="" textlink="">
      <xdr:nvSpPr>
        <xdr:cNvPr id="142" name="n_3aveValue【道路】&#10;一人当たり延長">
          <a:extLst>
            <a:ext uri="{FF2B5EF4-FFF2-40B4-BE49-F238E27FC236}">
              <a16:creationId xmlns:a16="http://schemas.microsoft.com/office/drawing/2014/main" id="{B88A2752-5A03-4B0F-95C1-19AB867C0F64}"/>
            </a:ext>
          </a:extLst>
        </xdr:cNvPr>
        <xdr:cNvSpPr txBox="1"/>
      </xdr:nvSpPr>
      <xdr:spPr>
        <a:xfrm>
          <a:off x="7594111" y="6564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8</xdr:row>
      <xdr:rowOff>46715</xdr:rowOff>
    </xdr:from>
    <xdr:ext cx="534377" cy="259045"/>
    <xdr:sp macro="" textlink="">
      <xdr:nvSpPr>
        <xdr:cNvPr id="143" name="n_4aveValue【道路】&#10;一人当たり延長">
          <a:extLst>
            <a:ext uri="{FF2B5EF4-FFF2-40B4-BE49-F238E27FC236}">
              <a16:creationId xmlns:a16="http://schemas.microsoft.com/office/drawing/2014/main" id="{643448FB-FACC-45E3-832F-7B6E56E09EF5}"/>
            </a:ext>
          </a:extLst>
        </xdr:cNvPr>
        <xdr:cNvSpPr txBox="1"/>
      </xdr:nvSpPr>
      <xdr:spPr>
        <a:xfrm>
          <a:off x="6705111" y="6561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41</xdr:row>
      <xdr:rowOff>89692</xdr:rowOff>
    </xdr:from>
    <xdr:ext cx="534377" cy="259045"/>
    <xdr:sp macro="" textlink="">
      <xdr:nvSpPr>
        <xdr:cNvPr id="144" name="n_1mainValue【道路】&#10;一人当たり延長">
          <a:extLst>
            <a:ext uri="{FF2B5EF4-FFF2-40B4-BE49-F238E27FC236}">
              <a16:creationId xmlns:a16="http://schemas.microsoft.com/office/drawing/2014/main" id="{17740EAD-D37D-41C3-A2F8-EB449DBD2F7C}"/>
            </a:ext>
          </a:extLst>
        </xdr:cNvPr>
        <xdr:cNvSpPr txBox="1"/>
      </xdr:nvSpPr>
      <xdr:spPr>
        <a:xfrm>
          <a:off x="9359411" y="7119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41</xdr:row>
      <xdr:rowOff>92663</xdr:rowOff>
    </xdr:from>
    <xdr:ext cx="534377" cy="259045"/>
    <xdr:sp macro="" textlink="">
      <xdr:nvSpPr>
        <xdr:cNvPr id="145" name="n_2mainValue【道路】&#10;一人当たり延長">
          <a:extLst>
            <a:ext uri="{FF2B5EF4-FFF2-40B4-BE49-F238E27FC236}">
              <a16:creationId xmlns:a16="http://schemas.microsoft.com/office/drawing/2014/main" id="{D47A66ED-635E-453A-8673-C5B73817FF3D}"/>
            </a:ext>
          </a:extLst>
        </xdr:cNvPr>
        <xdr:cNvSpPr txBox="1"/>
      </xdr:nvSpPr>
      <xdr:spPr>
        <a:xfrm>
          <a:off x="8483111" y="71221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41</xdr:row>
      <xdr:rowOff>94632</xdr:rowOff>
    </xdr:from>
    <xdr:ext cx="534377" cy="259045"/>
    <xdr:sp macro="" textlink="">
      <xdr:nvSpPr>
        <xdr:cNvPr id="146" name="n_3mainValue【道路】&#10;一人当たり延長">
          <a:extLst>
            <a:ext uri="{FF2B5EF4-FFF2-40B4-BE49-F238E27FC236}">
              <a16:creationId xmlns:a16="http://schemas.microsoft.com/office/drawing/2014/main" id="{3CC1656E-7F4A-4221-AD32-1C20B8C21094}"/>
            </a:ext>
          </a:extLst>
        </xdr:cNvPr>
        <xdr:cNvSpPr txBox="1"/>
      </xdr:nvSpPr>
      <xdr:spPr>
        <a:xfrm>
          <a:off x="7594111" y="7124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41</xdr:row>
      <xdr:rowOff>97414</xdr:rowOff>
    </xdr:from>
    <xdr:ext cx="534377" cy="259045"/>
    <xdr:sp macro="" textlink="">
      <xdr:nvSpPr>
        <xdr:cNvPr id="147" name="n_4mainValue【道路】&#10;一人当たり延長">
          <a:extLst>
            <a:ext uri="{FF2B5EF4-FFF2-40B4-BE49-F238E27FC236}">
              <a16:creationId xmlns:a16="http://schemas.microsoft.com/office/drawing/2014/main" id="{7B059763-92BD-4008-8078-B4927C8EF297}"/>
            </a:ext>
          </a:extLst>
        </xdr:cNvPr>
        <xdr:cNvSpPr txBox="1"/>
      </xdr:nvSpPr>
      <xdr:spPr>
        <a:xfrm>
          <a:off x="6705111" y="71268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a:extLst>
            <a:ext uri="{FF2B5EF4-FFF2-40B4-BE49-F238E27FC236}">
              <a16:creationId xmlns:a16="http://schemas.microsoft.com/office/drawing/2014/main" id="{5762A791-B8C0-486C-A30D-B9676DCED52A}"/>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a:extLst>
            <a:ext uri="{FF2B5EF4-FFF2-40B4-BE49-F238E27FC236}">
              <a16:creationId xmlns:a16="http://schemas.microsoft.com/office/drawing/2014/main" id="{7DF8DC19-BBBF-46A7-B583-62C2EF7F3F51}"/>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a:extLst>
            <a:ext uri="{FF2B5EF4-FFF2-40B4-BE49-F238E27FC236}">
              <a16:creationId xmlns:a16="http://schemas.microsoft.com/office/drawing/2014/main" id="{1042FACD-DD9F-4BB5-99D5-2BD1F8091FDB}"/>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a:extLst>
            <a:ext uri="{FF2B5EF4-FFF2-40B4-BE49-F238E27FC236}">
              <a16:creationId xmlns:a16="http://schemas.microsoft.com/office/drawing/2014/main" id="{5698B947-CD84-4EE6-8DB3-A4ACF323EE08}"/>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a:extLst>
            <a:ext uri="{FF2B5EF4-FFF2-40B4-BE49-F238E27FC236}">
              <a16:creationId xmlns:a16="http://schemas.microsoft.com/office/drawing/2014/main" id="{D7D31CA7-6C36-4474-BE40-549312D3E299}"/>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a:extLst>
            <a:ext uri="{FF2B5EF4-FFF2-40B4-BE49-F238E27FC236}">
              <a16:creationId xmlns:a16="http://schemas.microsoft.com/office/drawing/2014/main" id="{4A3E2669-408D-4F04-878C-104A5DC85B13}"/>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a:extLst>
            <a:ext uri="{FF2B5EF4-FFF2-40B4-BE49-F238E27FC236}">
              <a16:creationId xmlns:a16="http://schemas.microsoft.com/office/drawing/2014/main" id="{FD637F86-523B-4328-8371-49C5AB135281}"/>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a:extLst>
            <a:ext uri="{FF2B5EF4-FFF2-40B4-BE49-F238E27FC236}">
              <a16:creationId xmlns:a16="http://schemas.microsoft.com/office/drawing/2014/main" id="{DFFA7C42-A7FB-404E-8008-8D085AFF7955}"/>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a:extLst>
            <a:ext uri="{FF2B5EF4-FFF2-40B4-BE49-F238E27FC236}">
              <a16:creationId xmlns:a16="http://schemas.microsoft.com/office/drawing/2014/main" id="{BAC1C28F-EFD7-4DA3-98B7-D499F2474CB4}"/>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a:extLst>
            <a:ext uri="{FF2B5EF4-FFF2-40B4-BE49-F238E27FC236}">
              <a16:creationId xmlns:a16="http://schemas.microsoft.com/office/drawing/2014/main" id="{E79210D9-4F02-4E30-9FDF-E7D996D2309D}"/>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a:extLst>
            <a:ext uri="{FF2B5EF4-FFF2-40B4-BE49-F238E27FC236}">
              <a16:creationId xmlns:a16="http://schemas.microsoft.com/office/drawing/2014/main" id="{90272794-C4B1-407A-9977-0FCFC592E10A}"/>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9" name="直線コネクタ 158">
          <a:extLst>
            <a:ext uri="{FF2B5EF4-FFF2-40B4-BE49-F238E27FC236}">
              <a16:creationId xmlns:a16="http://schemas.microsoft.com/office/drawing/2014/main" id="{96E9DE1D-71FF-4C48-8420-194C6007A055}"/>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0" name="テキスト ボックス 159">
          <a:extLst>
            <a:ext uri="{FF2B5EF4-FFF2-40B4-BE49-F238E27FC236}">
              <a16:creationId xmlns:a16="http://schemas.microsoft.com/office/drawing/2014/main" id="{DA11C441-30A1-42F8-A97C-45F02491EB46}"/>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1" name="直線コネクタ 160">
          <a:extLst>
            <a:ext uri="{FF2B5EF4-FFF2-40B4-BE49-F238E27FC236}">
              <a16:creationId xmlns:a16="http://schemas.microsoft.com/office/drawing/2014/main" id="{F9A3D99F-8305-4FD7-8ADE-03D28A78E9C7}"/>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2" name="テキスト ボックス 161">
          <a:extLst>
            <a:ext uri="{FF2B5EF4-FFF2-40B4-BE49-F238E27FC236}">
              <a16:creationId xmlns:a16="http://schemas.microsoft.com/office/drawing/2014/main" id="{A5E2449E-1882-429B-BD2B-72BA49950F6F}"/>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3" name="直線コネクタ 162">
          <a:extLst>
            <a:ext uri="{FF2B5EF4-FFF2-40B4-BE49-F238E27FC236}">
              <a16:creationId xmlns:a16="http://schemas.microsoft.com/office/drawing/2014/main" id="{3B139812-5B57-4385-B465-80E6BE35DDB9}"/>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4" name="テキスト ボックス 163">
          <a:extLst>
            <a:ext uri="{FF2B5EF4-FFF2-40B4-BE49-F238E27FC236}">
              <a16:creationId xmlns:a16="http://schemas.microsoft.com/office/drawing/2014/main" id="{27C4EBCA-F569-4CD6-A189-4DC9E2CCA61D}"/>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5" name="直線コネクタ 164">
          <a:extLst>
            <a:ext uri="{FF2B5EF4-FFF2-40B4-BE49-F238E27FC236}">
              <a16:creationId xmlns:a16="http://schemas.microsoft.com/office/drawing/2014/main" id="{0B33A30C-6C8F-4743-9397-5E99EE6A843C}"/>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6" name="テキスト ボックス 165">
          <a:extLst>
            <a:ext uri="{FF2B5EF4-FFF2-40B4-BE49-F238E27FC236}">
              <a16:creationId xmlns:a16="http://schemas.microsoft.com/office/drawing/2014/main" id="{BC34BC66-32E6-4CEE-8ACD-2AA58FAE94B9}"/>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7" name="直線コネクタ 166">
          <a:extLst>
            <a:ext uri="{FF2B5EF4-FFF2-40B4-BE49-F238E27FC236}">
              <a16:creationId xmlns:a16="http://schemas.microsoft.com/office/drawing/2014/main" id="{8062DDFD-D111-479B-95E6-67A4383B449F}"/>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8" name="テキスト ボックス 167">
          <a:extLst>
            <a:ext uri="{FF2B5EF4-FFF2-40B4-BE49-F238E27FC236}">
              <a16:creationId xmlns:a16="http://schemas.microsoft.com/office/drawing/2014/main" id="{7FACA492-BE64-48DE-B98B-FBA781D4517E}"/>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9" name="直線コネクタ 168">
          <a:extLst>
            <a:ext uri="{FF2B5EF4-FFF2-40B4-BE49-F238E27FC236}">
              <a16:creationId xmlns:a16="http://schemas.microsoft.com/office/drawing/2014/main" id="{41220C37-522C-43A8-AE01-312A3DB3AC9C}"/>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0" name="テキスト ボックス 169">
          <a:extLst>
            <a:ext uri="{FF2B5EF4-FFF2-40B4-BE49-F238E27FC236}">
              <a16:creationId xmlns:a16="http://schemas.microsoft.com/office/drawing/2014/main" id="{23C6731F-173A-46CA-9FB8-906135D4CFE4}"/>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1" name="直線コネクタ 170">
          <a:extLst>
            <a:ext uri="{FF2B5EF4-FFF2-40B4-BE49-F238E27FC236}">
              <a16:creationId xmlns:a16="http://schemas.microsoft.com/office/drawing/2014/main" id="{80DE7C6C-E93D-42C3-9B8A-9D064E63ECB0}"/>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2" name="【橋りょう・トンネル】&#10;有形固定資産減価償却率グラフ枠">
          <a:extLst>
            <a:ext uri="{FF2B5EF4-FFF2-40B4-BE49-F238E27FC236}">
              <a16:creationId xmlns:a16="http://schemas.microsoft.com/office/drawing/2014/main" id="{34D98325-D85C-4A33-9E34-1DAE22192AA1}"/>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53488</xdr:rowOff>
    </xdr:from>
    <xdr:to>
      <xdr:col>24</xdr:col>
      <xdr:colOff>62865</xdr:colOff>
      <xdr:row>63</xdr:row>
      <xdr:rowOff>145324</xdr:rowOff>
    </xdr:to>
    <xdr:cxnSp macro="">
      <xdr:nvCxnSpPr>
        <xdr:cNvPr id="173" name="直線コネクタ 172">
          <a:extLst>
            <a:ext uri="{FF2B5EF4-FFF2-40B4-BE49-F238E27FC236}">
              <a16:creationId xmlns:a16="http://schemas.microsoft.com/office/drawing/2014/main" id="{E73C7AFF-F38B-4959-A835-A83E94944191}"/>
            </a:ext>
          </a:extLst>
        </xdr:cNvPr>
        <xdr:cNvCxnSpPr/>
      </xdr:nvCxnSpPr>
      <xdr:spPr>
        <a:xfrm flipV="1">
          <a:off x="4634865" y="9583238"/>
          <a:ext cx="0" cy="13634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49151</xdr:rowOff>
    </xdr:from>
    <xdr:ext cx="405111" cy="259045"/>
    <xdr:sp macro="" textlink="">
      <xdr:nvSpPr>
        <xdr:cNvPr id="174" name="【橋りょう・トンネル】&#10;有形固定資産減価償却率最小値テキスト">
          <a:extLst>
            <a:ext uri="{FF2B5EF4-FFF2-40B4-BE49-F238E27FC236}">
              <a16:creationId xmlns:a16="http://schemas.microsoft.com/office/drawing/2014/main" id="{3F11DBB1-004F-415B-BC4A-67045F26A035}"/>
            </a:ext>
          </a:extLst>
        </xdr:cNvPr>
        <xdr:cNvSpPr txBox="1"/>
      </xdr:nvSpPr>
      <xdr:spPr>
        <a:xfrm>
          <a:off x="4673600" y="109505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45324</xdr:rowOff>
    </xdr:from>
    <xdr:to>
      <xdr:col>24</xdr:col>
      <xdr:colOff>152400</xdr:colOff>
      <xdr:row>63</xdr:row>
      <xdr:rowOff>145324</xdr:rowOff>
    </xdr:to>
    <xdr:cxnSp macro="">
      <xdr:nvCxnSpPr>
        <xdr:cNvPr id="175" name="直線コネクタ 174">
          <a:extLst>
            <a:ext uri="{FF2B5EF4-FFF2-40B4-BE49-F238E27FC236}">
              <a16:creationId xmlns:a16="http://schemas.microsoft.com/office/drawing/2014/main" id="{3A0D3C9A-3018-4116-A71F-8B3BB2977A69}"/>
            </a:ext>
          </a:extLst>
        </xdr:cNvPr>
        <xdr:cNvCxnSpPr/>
      </xdr:nvCxnSpPr>
      <xdr:spPr>
        <a:xfrm>
          <a:off x="4546600" y="109466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00165</xdr:rowOff>
    </xdr:from>
    <xdr:ext cx="340478" cy="259045"/>
    <xdr:sp macro="" textlink="">
      <xdr:nvSpPr>
        <xdr:cNvPr id="176" name="【橋りょう・トンネル】&#10;有形固定資産減価償却率最大値テキスト">
          <a:extLst>
            <a:ext uri="{FF2B5EF4-FFF2-40B4-BE49-F238E27FC236}">
              <a16:creationId xmlns:a16="http://schemas.microsoft.com/office/drawing/2014/main" id="{CC76A6CA-B84B-47F4-8CC2-5DF602A1EFF1}"/>
            </a:ext>
          </a:extLst>
        </xdr:cNvPr>
        <xdr:cNvSpPr txBox="1"/>
      </xdr:nvSpPr>
      <xdr:spPr>
        <a:xfrm>
          <a:off x="4673600" y="935846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53488</xdr:rowOff>
    </xdr:from>
    <xdr:to>
      <xdr:col>24</xdr:col>
      <xdr:colOff>152400</xdr:colOff>
      <xdr:row>55</xdr:row>
      <xdr:rowOff>153488</xdr:rowOff>
    </xdr:to>
    <xdr:cxnSp macro="">
      <xdr:nvCxnSpPr>
        <xdr:cNvPr id="177" name="直線コネクタ 176">
          <a:extLst>
            <a:ext uri="{FF2B5EF4-FFF2-40B4-BE49-F238E27FC236}">
              <a16:creationId xmlns:a16="http://schemas.microsoft.com/office/drawing/2014/main" id="{89236323-A205-4902-A7A8-DFC494E4D924}"/>
            </a:ext>
          </a:extLst>
        </xdr:cNvPr>
        <xdr:cNvCxnSpPr/>
      </xdr:nvCxnSpPr>
      <xdr:spPr>
        <a:xfrm>
          <a:off x="4546600" y="9583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99440</xdr:rowOff>
    </xdr:from>
    <xdr:ext cx="405111" cy="259045"/>
    <xdr:sp macro="" textlink="">
      <xdr:nvSpPr>
        <xdr:cNvPr id="178" name="【橋りょう・トンネル】&#10;有形固定資産減価償却率平均値テキスト">
          <a:extLst>
            <a:ext uri="{FF2B5EF4-FFF2-40B4-BE49-F238E27FC236}">
              <a16:creationId xmlns:a16="http://schemas.microsoft.com/office/drawing/2014/main" id="{79FAD6CE-33EB-42D7-9131-F785A4AF34ED}"/>
            </a:ext>
          </a:extLst>
        </xdr:cNvPr>
        <xdr:cNvSpPr txBox="1"/>
      </xdr:nvSpPr>
      <xdr:spPr>
        <a:xfrm>
          <a:off x="4673600" y="1038644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76563</xdr:rowOff>
    </xdr:from>
    <xdr:to>
      <xdr:col>24</xdr:col>
      <xdr:colOff>114300</xdr:colOff>
      <xdr:row>62</xdr:row>
      <xdr:rowOff>6713</xdr:rowOff>
    </xdr:to>
    <xdr:sp macro="" textlink="">
      <xdr:nvSpPr>
        <xdr:cNvPr id="179" name="フローチャート: 判断 178">
          <a:extLst>
            <a:ext uri="{FF2B5EF4-FFF2-40B4-BE49-F238E27FC236}">
              <a16:creationId xmlns:a16="http://schemas.microsoft.com/office/drawing/2014/main" id="{4C9CE418-8C86-4A71-8FB1-FAD970CAF5FD}"/>
            </a:ext>
          </a:extLst>
        </xdr:cNvPr>
        <xdr:cNvSpPr/>
      </xdr:nvSpPr>
      <xdr:spPr>
        <a:xfrm>
          <a:off x="4584700" y="10535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68399</xdr:rowOff>
    </xdr:from>
    <xdr:to>
      <xdr:col>20</xdr:col>
      <xdr:colOff>38100</xdr:colOff>
      <xdr:row>61</xdr:row>
      <xdr:rowOff>169999</xdr:rowOff>
    </xdr:to>
    <xdr:sp macro="" textlink="">
      <xdr:nvSpPr>
        <xdr:cNvPr id="180" name="フローチャート: 判断 179">
          <a:extLst>
            <a:ext uri="{FF2B5EF4-FFF2-40B4-BE49-F238E27FC236}">
              <a16:creationId xmlns:a16="http://schemas.microsoft.com/office/drawing/2014/main" id="{BE70A5A9-7DC9-4E50-BFD0-A1196E873C6D}"/>
            </a:ext>
          </a:extLst>
        </xdr:cNvPr>
        <xdr:cNvSpPr/>
      </xdr:nvSpPr>
      <xdr:spPr>
        <a:xfrm>
          <a:off x="3746500" y="105268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48804</xdr:rowOff>
    </xdr:from>
    <xdr:to>
      <xdr:col>15</xdr:col>
      <xdr:colOff>101600</xdr:colOff>
      <xdr:row>61</xdr:row>
      <xdr:rowOff>150404</xdr:rowOff>
    </xdr:to>
    <xdr:sp macro="" textlink="">
      <xdr:nvSpPr>
        <xdr:cNvPr id="181" name="フローチャート: 判断 180">
          <a:extLst>
            <a:ext uri="{FF2B5EF4-FFF2-40B4-BE49-F238E27FC236}">
              <a16:creationId xmlns:a16="http://schemas.microsoft.com/office/drawing/2014/main" id="{33628B6C-F358-422F-9BA8-466A74916AC8}"/>
            </a:ext>
          </a:extLst>
        </xdr:cNvPr>
        <xdr:cNvSpPr/>
      </xdr:nvSpPr>
      <xdr:spPr>
        <a:xfrm>
          <a:off x="2857500" y="10507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1</xdr:row>
      <xdr:rowOff>39007</xdr:rowOff>
    </xdr:from>
    <xdr:to>
      <xdr:col>10</xdr:col>
      <xdr:colOff>165100</xdr:colOff>
      <xdr:row>61</xdr:row>
      <xdr:rowOff>140607</xdr:rowOff>
    </xdr:to>
    <xdr:sp macro="" textlink="">
      <xdr:nvSpPr>
        <xdr:cNvPr id="182" name="フローチャート: 判断 181">
          <a:extLst>
            <a:ext uri="{FF2B5EF4-FFF2-40B4-BE49-F238E27FC236}">
              <a16:creationId xmlns:a16="http://schemas.microsoft.com/office/drawing/2014/main" id="{290230AA-2FA9-4388-B512-CC071F9FE64E}"/>
            </a:ext>
          </a:extLst>
        </xdr:cNvPr>
        <xdr:cNvSpPr/>
      </xdr:nvSpPr>
      <xdr:spPr>
        <a:xfrm>
          <a:off x="1968500" y="10497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1</xdr:row>
      <xdr:rowOff>35741</xdr:rowOff>
    </xdr:from>
    <xdr:to>
      <xdr:col>6</xdr:col>
      <xdr:colOff>38100</xdr:colOff>
      <xdr:row>61</xdr:row>
      <xdr:rowOff>137341</xdr:rowOff>
    </xdr:to>
    <xdr:sp macro="" textlink="">
      <xdr:nvSpPr>
        <xdr:cNvPr id="183" name="フローチャート: 判断 182">
          <a:extLst>
            <a:ext uri="{FF2B5EF4-FFF2-40B4-BE49-F238E27FC236}">
              <a16:creationId xmlns:a16="http://schemas.microsoft.com/office/drawing/2014/main" id="{ABF0B242-E04A-424C-921C-39213CA60E8C}"/>
            </a:ext>
          </a:extLst>
        </xdr:cNvPr>
        <xdr:cNvSpPr/>
      </xdr:nvSpPr>
      <xdr:spPr>
        <a:xfrm>
          <a:off x="1079500" y="10494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ED5DFD69-F4B7-4F8E-8C97-0D81F2B0C00F}"/>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BA7B9C03-5B06-448D-8D24-1B37BABF67BB}"/>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CCC9EE77-9F31-4479-AF6F-B7471FCBF6ED}"/>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A64E86B0-2363-4E57-9D4C-88507BEFF0B6}"/>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2BF27ED0-718D-424E-AAC9-14629C6EC82A}"/>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35741</xdr:rowOff>
    </xdr:from>
    <xdr:to>
      <xdr:col>24</xdr:col>
      <xdr:colOff>114300</xdr:colOff>
      <xdr:row>62</xdr:row>
      <xdr:rowOff>137341</xdr:rowOff>
    </xdr:to>
    <xdr:sp macro="" textlink="">
      <xdr:nvSpPr>
        <xdr:cNvPr id="189" name="楕円 188">
          <a:extLst>
            <a:ext uri="{FF2B5EF4-FFF2-40B4-BE49-F238E27FC236}">
              <a16:creationId xmlns:a16="http://schemas.microsoft.com/office/drawing/2014/main" id="{DA78BECA-90D0-4450-83CB-E15DDAD79249}"/>
            </a:ext>
          </a:extLst>
        </xdr:cNvPr>
        <xdr:cNvSpPr/>
      </xdr:nvSpPr>
      <xdr:spPr>
        <a:xfrm>
          <a:off x="4584700" y="10665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14168</xdr:rowOff>
    </xdr:from>
    <xdr:ext cx="405111" cy="259045"/>
    <xdr:sp macro="" textlink="">
      <xdr:nvSpPr>
        <xdr:cNvPr id="190" name="【橋りょう・トンネル】&#10;有形固定資産減価償却率該当値テキスト">
          <a:extLst>
            <a:ext uri="{FF2B5EF4-FFF2-40B4-BE49-F238E27FC236}">
              <a16:creationId xmlns:a16="http://schemas.microsoft.com/office/drawing/2014/main" id="{B72422B8-2DE0-4602-97A3-C958D52BBBB0}"/>
            </a:ext>
          </a:extLst>
        </xdr:cNvPr>
        <xdr:cNvSpPr txBox="1"/>
      </xdr:nvSpPr>
      <xdr:spPr>
        <a:xfrm>
          <a:off x="4673600" y="106440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2</xdr:row>
      <xdr:rowOff>16147</xdr:rowOff>
    </xdr:from>
    <xdr:to>
      <xdr:col>20</xdr:col>
      <xdr:colOff>38100</xdr:colOff>
      <xdr:row>62</xdr:row>
      <xdr:rowOff>117747</xdr:rowOff>
    </xdr:to>
    <xdr:sp macro="" textlink="">
      <xdr:nvSpPr>
        <xdr:cNvPr id="191" name="楕円 190">
          <a:extLst>
            <a:ext uri="{FF2B5EF4-FFF2-40B4-BE49-F238E27FC236}">
              <a16:creationId xmlns:a16="http://schemas.microsoft.com/office/drawing/2014/main" id="{F0D7779F-AA5C-4536-9056-B96EDF7B93EF}"/>
            </a:ext>
          </a:extLst>
        </xdr:cNvPr>
        <xdr:cNvSpPr/>
      </xdr:nvSpPr>
      <xdr:spPr>
        <a:xfrm>
          <a:off x="3746500" y="10646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66947</xdr:rowOff>
    </xdr:from>
    <xdr:to>
      <xdr:col>24</xdr:col>
      <xdr:colOff>63500</xdr:colOff>
      <xdr:row>62</xdr:row>
      <xdr:rowOff>86541</xdr:rowOff>
    </xdr:to>
    <xdr:cxnSp macro="">
      <xdr:nvCxnSpPr>
        <xdr:cNvPr id="192" name="直線コネクタ 191">
          <a:extLst>
            <a:ext uri="{FF2B5EF4-FFF2-40B4-BE49-F238E27FC236}">
              <a16:creationId xmlns:a16="http://schemas.microsoft.com/office/drawing/2014/main" id="{1E89FB0C-C48B-4B86-B6F4-90CCE15D3CAE}"/>
            </a:ext>
          </a:extLst>
        </xdr:cNvPr>
        <xdr:cNvCxnSpPr/>
      </xdr:nvCxnSpPr>
      <xdr:spPr>
        <a:xfrm>
          <a:off x="3797300" y="10696847"/>
          <a:ext cx="8382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64737</xdr:rowOff>
    </xdr:from>
    <xdr:to>
      <xdr:col>15</xdr:col>
      <xdr:colOff>101600</xdr:colOff>
      <xdr:row>62</xdr:row>
      <xdr:rowOff>94887</xdr:rowOff>
    </xdr:to>
    <xdr:sp macro="" textlink="">
      <xdr:nvSpPr>
        <xdr:cNvPr id="193" name="楕円 192">
          <a:extLst>
            <a:ext uri="{FF2B5EF4-FFF2-40B4-BE49-F238E27FC236}">
              <a16:creationId xmlns:a16="http://schemas.microsoft.com/office/drawing/2014/main" id="{862A96C3-C610-4106-8676-D48714AA6099}"/>
            </a:ext>
          </a:extLst>
        </xdr:cNvPr>
        <xdr:cNvSpPr/>
      </xdr:nvSpPr>
      <xdr:spPr>
        <a:xfrm>
          <a:off x="2857500" y="10623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44087</xdr:rowOff>
    </xdr:from>
    <xdr:to>
      <xdr:col>19</xdr:col>
      <xdr:colOff>177800</xdr:colOff>
      <xdr:row>62</xdr:row>
      <xdr:rowOff>66947</xdr:rowOff>
    </xdr:to>
    <xdr:cxnSp macro="">
      <xdr:nvCxnSpPr>
        <xdr:cNvPr id="194" name="直線コネクタ 193">
          <a:extLst>
            <a:ext uri="{FF2B5EF4-FFF2-40B4-BE49-F238E27FC236}">
              <a16:creationId xmlns:a16="http://schemas.microsoft.com/office/drawing/2014/main" id="{F92F8C1A-3340-4F20-9C61-50473BB82C5F}"/>
            </a:ext>
          </a:extLst>
        </xdr:cNvPr>
        <xdr:cNvCxnSpPr/>
      </xdr:nvCxnSpPr>
      <xdr:spPr>
        <a:xfrm>
          <a:off x="2908300" y="10673987"/>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143510</xdr:rowOff>
    </xdr:from>
    <xdr:to>
      <xdr:col>10</xdr:col>
      <xdr:colOff>165100</xdr:colOff>
      <xdr:row>62</xdr:row>
      <xdr:rowOff>73660</xdr:rowOff>
    </xdr:to>
    <xdr:sp macro="" textlink="">
      <xdr:nvSpPr>
        <xdr:cNvPr id="195" name="楕円 194">
          <a:extLst>
            <a:ext uri="{FF2B5EF4-FFF2-40B4-BE49-F238E27FC236}">
              <a16:creationId xmlns:a16="http://schemas.microsoft.com/office/drawing/2014/main" id="{D103F166-2D80-4133-8FD8-B667CDE9A92B}"/>
            </a:ext>
          </a:extLst>
        </xdr:cNvPr>
        <xdr:cNvSpPr/>
      </xdr:nvSpPr>
      <xdr:spPr>
        <a:xfrm>
          <a:off x="1968500" y="1060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2</xdr:row>
      <xdr:rowOff>22860</xdr:rowOff>
    </xdr:from>
    <xdr:to>
      <xdr:col>15</xdr:col>
      <xdr:colOff>50800</xdr:colOff>
      <xdr:row>62</xdr:row>
      <xdr:rowOff>44087</xdr:rowOff>
    </xdr:to>
    <xdr:cxnSp macro="">
      <xdr:nvCxnSpPr>
        <xdr:cNvPr id="196" name="直線コネクタ 195">
          <a:extLst>
            <a:ext uri="{FF2B5EF4-FFF2-40B4-BE49-F238E27FC236}">
              <a16:creationId xmlns:a16="http://schemas.microsoft.com/office/drawing/2014/main" id="{6189C8E1-98ED-4D59-92F7-F95C37ADD4C4}"/>
            </a:ext>
          </a:extLst>
        </xdr:cNvPr>
        <xdr:cNvCxnSpPr/>
      </xdr:nvCxnSpPr>
      <xdr:spPr>
        <a:xfrm>
          <a:off x="2019300" y="10652760"/>
          <a:ext cx="88900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2</xdr:row>
      <xdr:rowOff>97790</xdr:rowOff>
    </xdr:from>
    <xdr:to>
      <xdr:col>6</xdr:col>
      <xdr:colOff>38100</xdr:colOff>
      <xdr:row>63</xdr:row>
      <xdr:rowOff>27940</xdr:rowOff>
    </xdr:to>
    <xdr:sp macro="" textlink="">
      <xdr:nvSpPr>
        <xdr:cNvPr id="197" name="楕円 196">
          <a:extLst>
            <a:ext uri="{FF2B5EF4-FFF2-40B4-BE49-F238E27FC236}">
              <a16:creationId xmlns:a16="http://schemas.microsoft.com/office/drawing/2014/main" id="{1F894492-3CCE-4508-A9B8-36EBF12979CE}"/>
            </a:ext>
          </a:extLst>
        </xdr:cNvPr>
        <xdr:cNvSpPr/>
      </xdr:nvSpPr>
      <xdr:spPr>
        <a:xfrm>
          <a:off x="1079500" y="10727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2</xdr:row>
      <xdr:rowOff>22860</xdr:rowOff>
    </xdr:from>
    <xdr:to>
      <xdr:col>10</xdr:col>
      <xdr:colOff>114300</xdr:colOff>
      <xdr:row>62</xdr:row>
      <xdr:rowOff>148590</xdr:rowOff>
    </xdr:to>
    <xdr:cxnSp macro="">
      <xdr:nvCxnSpPr>
        <xdr:cNvPr id="198" name="直線コネクタ 197">
          <a:extLst>
            <a:ext uri="{FF2B5EF4-FFF2-40B4-BE49-F238E27FC236}">
              <a16:creationId xmlns:a16="http://schemas.microsoft.com/office/drawing/2014/main" id="{63B6A563-97C6-4F08-B614-3394A08380E9}"/>
            </a:ext>
          </a:extLst>
        </xdr:cNvPr>
        <xdr:cNvCxnSpPr/>
      </xdr:nvCxnSpPr>
      <xdr:spPr>
        <a:xfrm flipV="1">
          <a:off x="1130300" y="10652760"/>
          <a:ext cx="889000" cy="125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5076</xdr:rowOff>
    </xdr:from>
    <xdr:ext cx="405111" cy="259045"/>
    <xdr:sp macro="" textlink="">
      <xdr:nvSpPr>
        <xdr:cNvPr id="199" name="n_1aveValue【橋りょう・トンネル】&#10;有形固定資産減価償却率">
          <a:extLst>
            <a:ext uri="{FF2B5EF4-FFF2-40B4-BE49-F238E27FC236}">
              <a16:creationId xmlns:a16="http://schemas.microsoft.com/office/drawing/2014/main" id="{CF984F10-0A9B-4BE1-8D9C-B35AB669D169}"/>
            </a:ext>
          </a:extLst>
        </xdr:cNvPr>
        <xdr:cNvSpPr txBox="1"/>
      </xdr:nvSpPr>
      <xdr:spPr>
        <a:xfrm>
          <a:off x="3582044" y="103020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66931</xdr:rowOff>
    </xdr:from>
    <xdr:ext cx="405111" cy="259045"/>
    <xdr:sp macro="" textlink="">
      <xdr:nvSpPr>
        <xdr:cNvPr id="200" name="n_2aveValue【橋りょう・トンネル】&#10;有形固定資産減価償却率">
          <a:extLst>
            <a:ext uri="{FF2B5EF4-FFF2-40B4-BE49-F238E27FC236}">
              <a16:creationId xmlns:a16="http://schemas.microsoft.com/office/drawing/2014/main" id="{486CF76A-66E8-4646-9E63-2031E282EDB6}"/>
            </a:ext>
          </a:extLst>
        </xdr:cNvPr>
        <xdr:cNvSpPr txBox="1"/>
      </xdr:nvSpPr>
      <xdr:spPr>
        <a:xfrm>
          <a:off x="2705744" y="102824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57134</xdr:rowOff>
    </xdr:from>
    <xdr:ext cx="405111" cy="259045"/>
    <xdr:sp macro="" textlink="">
      <xdr:nvSpPr>
        <xdr:cNvPr id="201" name="n_3aveValue【橋りょう・トンネル】&#10;有形固定資産減価償却率">
          <a:extLst>
            <a:ext uri="{FF2B5EF4-FFF2-40B4-BE49-F238E27FC236}">
              <a16:creationId xmlns:a16="http://schemas.microsoft.com/office/drawing/2014/main" id="{4532D499-A19B-4CF0-A7A1-272C88FF18A6}"/>
            </a:ext>
          </a:extLst>
        </xdr:cNvPr>
        <xdr:cNvSpPr txBox="1"/>
      </xdr:nvSpPr>
      <xdr:spPr>
        <a:xfrm>
          <a:off x="1816744" y="102726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53868</xdr:rowOff>
    </xdr:from>
    <xdr:ext cx="405111" cy="259045"/>
    <xdr:sp macro="" textlink="">
      <xdr:nvSpPr>
        <xdr:cNvPr id="202" name="n_4aveValue【橋りょう・トンネル】&#10;有形固定資産減価償却率">
          <a:extLst>
            <a:ext uri="{FF2B5EF4-FFF2-40B4-BE49-F238E27FC236}">
              <a16:creationId xmlns:a16="http://schemas.microsoft.com/office/drawing/2014/main" id="{94AA5F0E-D029-4620-BEE7-2FEAA46F3B29}"/>
            </a:ext>
          </a:extLst>
        </xdr:cNvPr>
        <xdr:cNvSpPr txBox="1"/>
      </xdr:nvSpPr>
      <xdr:spPr>
        <a:xfrm>
          <a:off x="927744" y="102694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108874</xdr:rowOff>
    </xdr:from>
    <xdr:ext cx="405111" cy="259045"/>
    <xdr:sp macro="" textlink="">
      <xdr:nvSpPr>
        <xdr:cNvPr id="203" name="n_1mainValue【橋りょう・トンネル】&#10;有形固定資産減価償却率">
          <a:extLst>
            <a:ext uri="{FF2B5EF4-FFF2-40B4-BE49-F238E27FC236}">
              <a16:creationId xmlns:a16="http://schemas.microsoft.com/office/drawing/2014/main" id="{4C1B421A-6E71-4128-88CE-06C6DF025CE5}"/>
            </a:ext>
          </a:extLst>
        </xdr:cNvPr>
        <xdr:cNvSpPr txBox="1"/>
      </xdr:nvSpPr>
      <xdr:spPr>
        <a:xfrm>
          <a:off x="3582044" y="107387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86014</xdr:rowOff>
    </xdr:from>
    <xdr:ext cx="405111" cy="259045"/>
    <xdr:sp macro="" textlink="">
      <xdr:nvSpPr>
        <xdr:cNvPr id="204" name="n_2mainValue【橋りょう・トンネル】&#10;有形固定資産減価償却率">
          <a:extLst>
            <a:ext uri="{FF2B5EF4-FFF2-40B4-BE49-F238E27FC236}">
              <a16:creationId xmlns:a16="http://schemas.microsoft.com/office/drawing/2014/main" id="{7A5C4D45-E9EA-4BF1-943F-D4984C53E00C}"/>
            </a:ext>
          </a:extLst>
        </xdr:cNvPr>
        <xdr:cNvSpPr txBox="1"/>
      </xdr:nvSpPr>
      <xdr:spPr>
        <a:xfrm>
          <a:off x="2705744" y="107159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64787</xdr:rowOff>
    </xdr:from>
    <xdr:ext cx="405111" cy="259045"/>
    <xdr:sp macro="" textlink="">
      <xdr:nvSpPr>
        <xdr:cNvPr id="205" name="n_3mainValue【橋りょう・トンネル】&#10;有形固定資産減価償却率">
          <a:extLst>
            <a:ext uri="{FF2B5EF4-FFF2-40B4-BE49-F238E27FC236}">
              <a16:creationId xmlns:a16="http://schemas.microsoft.com/office/drawing/2014/main" id="{8D4A0E59-2F60-4AC5-AF89-FF893B670C22}"/>
            </a:ext>
          </a:extLst>
        </xdr:cNvPr>
        <xdr:cNvSpPr txBox="1"/>
      </xdr:nvSpPr>
      <xdr:spPr>
        <a:xfrm>
          <a:off x="1816744" y="10694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3</xdr:row>
      <xdr:rowOff>19067</xdr:rowOff>
    </xdr:from>
    <xdr:ext cx="405111" cy="259045"/>
    <xdr:sp macro="" textlink="">
      <xdr:nvSpPr>
        <xdr:cNvPr id="206" name="n_4mainValue【橋りょう・トンネル】&#10;有形固定資産減価償却率">
          <a:extLst>
            <a:ext uri="{FF2B5EF4-FFF2-40B4-BE49-F238E27FC236}">
              <a16:creationId xmlns:a16="http://schemas.microsoft.com/office/drawing/2014/main" id="{4EF379E5-9292-4953-BAE1-74735CE85284}"/>
            </a:ext>
          </a:extLst>
        </xdr:cNvPr>
        <xdr:cNvSpPr txBox="1"/>
      </xdr:nvSpPr>
      <xdr:spPr>
        <a:xfrm>
          <a:off x="927744" y="10820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a:extLst>
            <a:ext uri="{FF2B5EF4-FFF2-40B4-BE49-F238E27FC236}">
              <a16:creationId xmlns:a16="http://schemas.microsoft.com/office/drawing/2014/main" id="{B54DB68C-FA82-4869-96CF-E39452094B39}"/>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a:extLst>
            <a:ext uri="{FF2B5EF4-FFF2-40B4-BE49-F238E27FC236}">
              <a16:creationId xmlns:a16="http://schemas.microsoft.com/office/drawing/2014/main" id="{895C82A0-5B6D-4217-AE6E-C158B19F04FC}"/>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a:extLst>
            <a:ext uri="{FF2B5EF4-FFF2-40B4-BE49-F238E27FC236}">
              <a16:creationId xmlns:a16="http://schemas.microsoft.com/office/drawing/2014/main" id="{B9455345-799A-4885-9CAB-B5941548D00A}"/>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a:extLst>
            <a:ext uri="{FF2B5EF4-FFF2-40B4-BE49-F238E27FC236}">
              <a16:creationId xmlns:a16="http://schemas.microsoft.com/office/drawing/2014/main" id="{50F2061D-5575-40F6-B534-BF3408D2F428}"/>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a:extLst>
            <a:ext uri="{FF2B5EF4-FFF2-40B4-BE49-F238E27FC236}">
              <a16:creationId xmlns:a16="http://schemas.microsoft.com/office/drawing/2014/main" id="{C69E190E-B308-4158-9A9D-7C673990C5D0}"/>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a:extLst>
            <a:ext uri="{FF2B5EF4-FFF2-40B4-BE49-F238E27FC236}">
              <a16:creationId xmlns:a16="http://schemas.microsoft.com/office/drawing/2014/main" id="{A1C3A29D-9014-4CA6-9736-B07B44FD65A4}"/>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a:extLst>
            <a:ext uri="{FF2B5EF4-FFF2-40B4-BE49-F238E27FC236}">
              <a16:creationId xmlns:a16="http://schemas.microsoft.com/office/drawing/2014/main" id="{6912642D-7A37-409F-AA15-6BC1A452E5A1}"/>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a:extLst>
            <a:ext uri="{FF2B5EF4-FFF2-40B4-BE49-F238E27FC236}">
              <a16:creationId xmlns:a16="http://schemas.microsoft.com/office/drawing/2014/main" id="{72FEF66B-7F32-4995-9C83-76B66FF24F82}"/>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a:extLst>
            <a:ext uri="{FF2B5EF4-FFF2-40B4-BE49-F238E27FC236}">
              <a16:creationId xmlns:a16="http://schemas.microsoft.com/office/drawing/2014/main" id="{CAEEA2AA-E545-449B-B2C9-0D62E4198AF8}"/>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a:extLst>
            <a:ext uri="{FF2B5EF4-FFF2-40B4-BE49-F238E27FC236}">
              <a16:creationId xmlns:a16="http://schemas.microsoft.com/office/drawing/2014/main" id="{C36BA6A9-13C3-40F1-82DF-CEF0B29BAD98}"/>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7" name="直線コネクタ 216">
          <a:extLst>
            <a:ext uri="{FF2B5EF4-FFF2-40B4-BE49-F238E27FC236}">
              <a16:creationId xmlns:a16="http://schemas.microsoft.com/office/drawing/2014/main" id="{8D53E443-52CD-4B6A-936D-68DAB27A3A9F}"/>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8" name="テキスト ボックス 217">
          <a:extLst>
            <a:ext uri="{FF2B5EF4-FFF2-40B4-BE49-F238E27FC236}">
              <a16:creationId xmlns:a16="http://schemas.microsoft.com/office/drawing/2014/main" id="{890307ED-4107-4AEA-9E73-107E90EB9B47}"/>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9" name="直線コネクタ 218">
          <a:extLst>
            <a:ext uri="{FF2B5EF4-FFF2-40B4-BE49-F238E27FC236}">
              <a16:creationId xmlns:a16="http://schemas.microsoft.com/office/drawing/2014/main" id="{A239F1BA-F97E-4968-8963-A1FFBBB7C488}"/>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1</xdr:row>
      <xdr:rowOff>67327</xdr:rowOff>
    </xdr:from>
    <xdr:ext cx="685572" cy="259045"/>
    <xdr:sp macro="" textlink="">
      <xdr:nvSpPr>
        <xdr:cNvPr id="220" name="テキスト ボックス 219">
          <a:extLst>
            <a:ext uri="{FF2B5EF4-FFF2-40B4-BE49-F238E27FC236}">
              <a16:creationId xmlns:a16="http://schemas.microsoft.com/office/drawing/2014/main" id="{BC8E91CD-7D5B-460B-B0E4-BD462162F12A}"/>
            </a:ext>
          </a:extLst>
        </xdr:cNvPr>
        <xdr:cNvSpPr txBox="1"/>
      </xdr:nvSpPr>
      <xdr:spPr>
        <a:xfrm>
          <a:off x="5918428" y="1052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1" name="直線コネクタ 220">
          <a:extLst>
            <a:ext uri="{FF2B5EF4-FFF2-40B4-BE49-F238E27FC236}">
              <a16:creationId xmlns:a16="http://schemas.microsoft.com/office/drawing/2014/main" id="{D680AC9A-C4EC-4126-AB09-C6709E4CEA60}"/>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9</xdr:row>
      <xdr:rowOff>29227</xdr:rowOff>
    </xdr:from>
    <xdr:ext cx="685572" cy="259045"/>
    <xdr:sp macro="" textlink="">
      <xdr:nvSpPr>
        <xdr:cNvPr id="222" name="テキスト ボックス 221">
          <a:extLst>
            <a:ext uri="{FF2B5EF4-FFF2-40B4-BE49-F238E27FC236}">
              <a16:creationId xmlns:a16="http://schemas.microsoft.com/office/drawing/2014/main" id="{B0D4B479-5987-4D50-BF90-333306A6FE08}"/>
            </a:ext>
          </a:extLst>
        </xdr:cNvPr>
        <xdr:cNvSpPr txBox="1"/>
      </xdr:nvSpPr>
      <xdr:spPr>
        <a:xfrm>
          <a:off x="5918428" y="1014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3" name="直線コネクタ 222">
          <a:extLst>
            <a:ext uri="{FF2B5EF4-FFF2-40B4-BE49-F238E27FC236}">
              <a16:creationId xmlns:a16="http://schemas.microsoft.com/office/drawing/2014/main" id="{2A56C84F-8C28-4A7F-BEDA-EB2E6BDC98F4}"/>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162577</xdr:rowOff>
    </xdr:from>
    <xdr:ext cx="685572" cy="259045"/>
    <xdr:sp macro="" textlink="">
      <xdr:nvSpPr>
        <xdr:cNvPr id="224" name="テキスト ボックス 223">
          <a:extLst>
            <a:ext uri="{FF2B5EF4-FFF2-40B4-BE49-F238E27FC236}">
              <a16:creationId xmlns:a16="http://schemas.microsoft.com/office/drawing/2014/main" id="{08BD5F5C-B450-48DA-B66D-783E5BFD99AD}"/>
            </a:ext>
          </a:extLst>
        </xdr:cNvPr>
        <xdr:cNvSpPr txBox="1"/>
      </xdr:nvSpPr>
      <xdr:spPr>
        <a:xfrm>
          <a:off x="5918428" y="976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5" name="直線コネクタ 224">
          <a:extLst>
            <a:ext uri="{FF2B5EF4-FFF2-40B4-BE49-F238E27FC236}">
              <a16:creationId xmlns:a16="http://schemas.microsoft.com/office/drawing/2014/main" id="{3BDBE9FD-C9B6-4699-B026-44F3C35DC0B1}"/>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6" name="テキスト ボックス 225">
          <a:extLst>
            <a:ext uri="{FF2B5EF4-FFF2-40B4-BE49-F238E27FC236}">
              <a16:creationId xmlns:a16="http://schemas.microsoft.com/office/drawing/2014/main" id="{14368C8D-5356-493F-A8B9-5E67357DB13C}"/>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7" name="直線コネクタ 226">
          <a:extLst>
            <a:ext uri="{FF2B5EF4-FFF2-40B4-BE49-F238E27FC236}">
              <a16:creationId xmlns:a16="http://schemas.microsoft.com/office/drawing/2014/main" id="{796BF6DE-3C61-4669-B0EA-F7F88C08A5E1}"/>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8" name="テキスト ボックス 227">
          <a:extLst>
            <a:ext uri="{FF2B5EF4-FFF2-40B4-BE49-F238E27FC236}">
              <a16:creationId xmlns:a16="http://schemas.microsoft.com/office/drawing/2014/main" id="{E0DD4668-8512-4DC0-A10A-D8ED42F0CD6E}"/>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9" name="【橋りょう・トンネル】&#10;一人当たり有形固定資産（償却資産）額グラフ枠">
          <a:extLst>
            <a:ext uri="{FF2B5EF4-FFF2-40B4-BE49-F238E27FC236}">
              <a16:creationId xmlns:a16="http://schemas.microsoft.com/office/drawing/2014/main" id="{3350C94C-6779-4415-A49F-A9BC853E0292}"/>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93640</xdr:rowOff>
    </xdr:from>
    <xdr:to>
      <xdr:col>54</xdr:col>
      <xdr:colOff>189865</xdr:colOff>
      <xdr:row>64</xdr:row>
      <xdr:rowOff>75333</xdr:rowOff>
    </xdr:to>
    <xdr:cxnSp macro="">
      <xdr:nvCxnSpPr>
        <xdr:cNvPr id="230" name="直線コネクタ 229">
          <a:extLst>
            <a:ext uri="{FF2B5EF4-FFF2-40B4-BE49-F238E27FC236}">
              <a16:creationId xmlns:a16="http://schemas.microsoft.com/office/drawing/2014/main" id="{A44AE3C2-28F5-40EF-A286-792DCB5A9D4F}"/>
            </a:ext>
          </a:extLst>
        </xdr:cNvPr>
        <xdr:cNvCxnSpPr/>
      </xdr:nvCxnSpPr>
      <xdr:spPr>
        <a:xfrm flipV="1">
          <a:off x="10476865" y="9523390"/>
          <a:ext cx="0" cy="15247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9160</xdr:rowOff>
    </xdr:from>
    <xdr:ext cx="469744" cy="259045"/>
    <xdr:sp macro="" textlink="">
      <xdr:nvSpPr>
        <xdr:cNvPr id="231" name="【橋りょう・トンネル】&#10;一人当たり有形固定資産（償却資産）額最小値テキスト">
          <a:extLst>
            <a:ext uri="{FF2B5EF4-FFF2-40B4-BE49-F238E27FC236}">
              <a16:creationId xmlns:a16="http://schemas.microsoft.com/office/drawing/2014/main" id="{9DF26F6A-E749-4537-8ED7-A5A67419B2C9}"/>
            </a:ext>
          </a:extLst>
        </xdr:cNvPr>
        <xdr:cNvSpPr txBox="1"/>
      </xdr:nvSpPr>
      <xdr:spPr>
        <a:xfrm>
          <a:off x="10515600" y="110519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5333</xdr:rowOff>
    </xdr:from>
    <xdr:to>
      <xdr:col>55</xdr:col>
      <xdr:colOff>88900</xdr:colOff>
      <xdr:row>64</xdr:row>
      <xdr:rowOff>75333</xdr:rowOff>
    </xdr:to>
    <xdr:cxnSp macro="">
      <xdr:nvCxnSpPr>
        <xdr:cNvPr id="232" name="直線コネクタ 231">
          <a:extLst>
            <a:ext uri="{FF2B5EF4-FFF2-40B4-BE49-F238E27FC236}">
              <a16:creationId xmlns:a16="http://schemas.microsoft.com/office/drawing/2014/main" id="{6727665B-5F61-4B31-90B8-38E86F44E50E}"/>
            </a:ext>
          </a:extLst>
        </xdr:cNvPr>
        <xdr:cNvCxnSpPr/>
      </xdr:nvCxnSpPr>
      <xdr:spPr>
        <a:xfrm>
          <a:off x="10388600" y="11048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40317</xdr:rowOff>
    </xdr:from>
    <xdr:ext cx="690189" cy="259045"/>
    <xdr:sp macro="" textlink="">
      <xdr:nvSpPr>
        <xdr:cNvPr id="233" name="【橋りょう・トンネル】&#10;一人当たり有形固定資産（償却資産）額最大値テキスト">
          <a:extLst>
            <a:ext uri="{FF2B5EF4-FFF2-40B4-BE49-F238E27FC236}">
              <a16:creationId xmlns:a16="http://schemas.microsoft.com/office/drawing/2014/main" id="{82A7DDDB-1E79-4BD6-9EBF-2FD4CA219C96}"/>
            </a:ext>
          </a:extLst>
        </xdr:cNvPr>
        <xdr:cNvSpPr txBox="1"/>
      </xdr:nvSpPr>
      <xdr:spPr>
        <a:xfrm>
          <a:off x="10515600" y="929861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04,2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93640</xdr:rowOff>
    </xdr:from>
    <xdr:to>
      <xdr:col>55</xdr:col>
      <xdr:colOff>88900</xdr:colOff>
      <xdr:row>55</xdr:row>
      <xdr:rowOff>93640</xdr:rowOff>
    </xdr:to>
    <xdr:cxnSp macro="">
      <xdr:nvCxnSpPr>
        <xdr:cNvPr id="234" name="直線コネクタ 233">
          <a:extLst>
            <a:ext uri="{FF2B5EF4-FFF2-40B4-BE49-F238E27FC236}">
              <a16:creationId xmlns:a16="http://schemas.microsoft.com/office/drawing/2014/main" id="{7623F820-62DF-418C-B99A-926A9D9DF053}"/>
            </a:ext>
          </a:extLst>
        </xdr:cNvPr>
        <xdr:cNvCxnSpPr/>
      </xdr:nvCxnSpPr>
      <xdr:spPr>
        <a:xfrm>
          <a:off x="10388600" y="95233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20876</xdr:rowOff>
    </xdr:from>
    <xdr:ext cx="599010" cy="259045"/>
    <xdr:sp macro="" textlink="">
      <xdr:nvSpPr>
        <xdr:cNvPr id="235" name="【橋りょう・トンネル】&#10;一人当たり有形固定資産（償却資産）額平均値テキスト">
          <a:extLst>
            <a:ext uri="{FF2B5EF4-FFF2-40B4-BE49-F238E27FC236}">
              <a16:creationId xmlns:a16="http://schemas.microsoft.com/office/drawing/2014/main" id="{ACAB6E3D-C85F-40EF-975F-900AE1D4C7CB}"/>
            </a:ext>
          </a:extLst>
        </xdr:cNvPr>
        <xdr:cNvSpPr txBox="1"/>
      </xdr:nvSpPr>
      <xdr:spPr>
        <a:xfrm>
          <a:off x="10515600" y="1065077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69449</xdr:rowOff>
    </xdr:from>
    <xdr:to>
      <xdr:col>55</xdr:col>
      <xdr:colOff>50800</xdr:colOff>
      <xdr:row>63</xdr:row>
      <xdr:rowOff>99599</xdr:rowOff>
    </xdr:to>
    <xdr:sp macro="" textlink="">
      <xdr:nvSpPr>
        <xdr:cNvPr id="236" name="フローチャート: 判断 235">
          <a:extLst>
            <a:ext uri="{FF2B5EF4-FFF2-40B4-BE49-F238E27FC236}">
              <a16:creationId xmlns:a16="http://schemas.microsoft.com/office/drawing/2014/main" id="{764EABB2-E26D-4AA7-80D9-D71BA4CEEFD2}"/>
            </a:ext>
          </a:extLst>
        </xdr:cNvPr>
        <xdr:cNvSpPr/>
      </xdr:nvSpPr>
      <xdr:spPr>
        <a:xfrm>
          <a:off x="10426700" y="10799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2864</xdr:rowOff>
    </xdr:from>
    <xdr:to>
      <xdr:col>50</xdr:col>
      <xdr:colOff>165100</xdr:colOff>
      <xdr:row>63</xdr:row>
      <xdr:rowOff>104464</xdr:rowOff>
    </xdr:to>
    <xdr:sp macro="" textlink="">
      <xdr:nvSpPr>
        <xdr:cNvPr id="237" name="フローチャート: 判断 236">
          <a:extLst>
            <a:ext uri="{FF2B5EF4-FFF2-40B4-BE49-F238E27FC236}">
              <a16:creationId xmlns:a16="http://schemas.microsoft.com/office/drawing/2014/main" id="{852352E9-E9FE-4304-B044-031B03E3ACAE}"/>
            </a:ext>
          </a:extLst>
        </xdr:cNvPr>
        <xdr:cNvSpPr/>
      </xdr:nvSpPr>
      <xdr:spPr>
        <a:xfrm>
          <a:off x="9588500" y="10804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7404</xdr:rowOff>
    </xdr:from>
    <xdr:to>
      <xdr:col>46</xdr:col>
      <xdr:colOff>38100</xdr:colOff>
      <xdr:row>63</xdr:row>
      <xdr:rowOff>109004</xdr:rowOff>
    </xdr:to>
    <xdr:sp macro="" textlink="">
      <xdr:nvSpPr>
        <xdr:cNvPr id="238" name="フローチャート: 判断 237">
          <a:extLst>
            <a:ext uri="{FF2B5EF4-FFF2-40B4-BE49-F238E27FC236}">
              <a16:creationId xmlns:a16="http://schemas.microsoft.com/office/drawing/2014/main" id="{52C35450-313B-4097-92DA-9433FCF56841}"/>
            </a:ext>
          </a:extLst>
        </xdr:cNvPr>
        <xdr:cNvSpPr/>
      </xdr:nvSpPr>
      <xdr:spPr>
        <a:xfrm>
          <a:off x="8699500" y="10808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31252</xdr:rowOff>
    </xdr:from>
    <xdr:to>
      <xdr:col>41</xdr:col>
      <xdr:colOff>101600</xdr:colOff>
      <xdr:row>63</xdr:row>
      <xdr:rowOff>132852</xdr:rowOff>
    </xdr:to>
    <xdr:sp macro="" textlink="">
      <xdr:nvSpPr>
        <xdr:cNvPr id="239" name="フローチャート: 判断 238">
          <a:extLst>
            <a:ext uri="{FF2B5EF4-FFF2-40B4-BE49-F238E27FC236}">
              <a16:creationId xmlns:a16="http://schemas.microsoft.com/office/drawing/2014/main" id="{B5226531-7FB5-4944-9E8D-E70AE87B2235}"/>
            </a:ext>
          </a:extLst>
        </xdr:cNvPr>
        <xdr:cNvSpPr/>
      </xdr:nvSpPr>
      <xdr:spPr>
        <a:xfrm>
          <a:off x="7810500" y="10832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20751</xdr:rowOff>
    </xdr:from>
    <xdr:to>
      <xdr:col>36</xdr:col>
      <xdr:colOff>165100</xdr:colOff>
      <xdr:row>63</xdr:row>
      <xdr:rowOff>122351</xdr:rowOff>
    </xdr:to>
    <xdr:sp macro="" textlink="">
      <xdr:nvSpPr>
        <xdr:cNvPr id="240" name="フローチャート: 判断 239">
          <a:extLst>
            <a:ext uri="{FF2B5EF4-FFF2-40B4-BE49-F238E27FC236}">
              <a16:creationId xmlns:a16="http://schemas.microsoft.com/office/drawing/2014/main" id="{5C2774AD-33AE-4975-845A-CD9D9323F795}"/>
            </a:ext>
          </a:extLst>
        </xdr:cNvPr>
        <xdr:cNvSpPr/>
      </xdr:nvSpPr>
      <xdr:spPr>
        <a:xfrm>
          <a:off x="6921500" y="10822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95DE8E8E-AED1-40D6-A10F-8983D4B45C47}"/>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4943EED8-8879-4C62-8B5A-FE26B08AAEF1}"/>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A111FA69-71A8-4E14-AF7C-E36E7DE45E05}"/>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76390279-3A3F-4D4B-A021-415E74BC200A}"/>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95ED1CA6-ACB0-45A2-BD9D-5A552BF35E1A}"/>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10313</xdr:rowOff>
    </xdr:from>
    <xdr:to>
      <xdr:col>55</xdr:col>
      <xdr:colOff>50800</xdr:colOff>
      <xdr:row>64</xdr:row>
      <xdr:rowOff>111913</xdr:rowOff>
    </xdr:to>
    <xdr:sp macro="" textlink="">
      <xdr:nvSpPr>
        <xdr:cNvPr id="246" name="楕円 245">
          <a:extLst>
            <a:ext uri="{FF2B5EF4-FFF2-40B4-BE49-F238E27FC236}">
              <a16:creationId xmlns:a16="http://schemas.microsoft.com/office/drawing/2014/main" id="{9D9F9D27-AC74-4AF6-AB5A-D8F4A0100680}"/>
            </a:ext>
          </a:extLst>
        </xdr:cNvPr>
        <xdr:cNvSpPr/>
      </xdr:nvSpPr>
      <xdr:spPr>
        <a:xfrm>
          <a:off x="10426700" y="10983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96690</xdr:rowOff>
    </xdr:from>
    <xdr:ext cx="534377" cy="259045"/>
    <xdr:sp macro="" textlink="">
      <xdr:nvSpPr>
        <xdr:cNvPr id="247" name="【橋りょう・トンネル】&#10;一人当たり有形固定資産（償却資産）額該当値テキスト">
          <a:extLst>
            <a:ext uri="{FF2B5EF4-FFF2-40B4-BE49-F238E27FC236}">
              <a16:creationId xmlns:a16="http://schemas.microsoft.com/office/drawing/2014/main" id="{B5DD06DF-52A3-48C1-BECF-F06A5DA41D94}"/>
            </a:ext>
          </a:extLst>
        </xdr:cNvPr>
        <xdr:cNvSpPr txBox="1"/>
      </xdr:nvSpPr>
      <xdr:spPr>
        <a:xfrm>
          <a:off x="10515600" y="10898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10538</xdr:rowOff>
    </xdr:from>
    <xdr:to>
      <xdr:col>50</xdr:col>
      <xdr:colOff>165100</xdr:colOff>
      <xdr:row>64</xdr:row>
      <xdr:rowOff>112138</xdr:rowOff>
    </xdr:to>
    <xdr:sp macro="" textlink="">
      <xdr:nvSpPr>
        <xdr:cNvPr id="248" name="楕円 247">
          <a:extLst>
            <a:ext uri="{FF2B5EF4-FFF2-40B4-BE49-F238E27FC236}">
              <a16:creationId xmlns:a16="http://schemas.microsoft.com/office/drawing/2014/main" id="{E7566F48-92A4-40EA-8F78-440CD1DC3294}"/>
            </a:ext>
          </a:extLst>
        </xdr:cNvPr>
        <xdr:cNvSpPr/>
      </xdr:nvSpPr>
      <xdr:spPr>
        <a:xfrm>
          <a:off x="9588500" y="10983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61113</xdr:rowOff>
    </xdr:from>
    <xdr:to>
      <xdr:col>55</xdr:col>
      <xdr:colOff>0</xdr:colOff>
      <xdr:row>64</xdr:row>
      <xdr:rowOff>61338</xdr:rowOff>
    </xdr:to>
    <xdr:cxnSp macro="">
      <xdr:nvCxnSpPr>
        <xdr:cNvPr id="249" name="直線コネクタ 248">
          <a:extLst>
            <a:ext uri="{FF2B5EF4-FFF2-40B4-BE49-F238E27FC236}">
              <a16:creationId xmlns:a16="http://schemas.microsoft.com/office/drawing/2014/main" id="{85C674C4-03F3-4610-A6D7-20878AA940F8}"/>
            </a:ext>
          </a:extLst>
        </xdr:cNvPr>
        <xdr:cNvCxnSpPr/>
      </xdr:nvCxnSpPr>
      <xdr:spPr>
        <a:xfrm flipV="1">
          <a:off x="9639300" y="11033913"/>
          <a:ext cx="838200" cy="2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10812</xdr:rowOff>
    </xdr:from>
    <xdr:to>
      <xdr:col>46</xdr:col>
      <xdr:colOff>38100</xdr:colOff>
      <xdr:row>64</xdr:row>
      <xdr:rowOff>112412</xdr:rowOff>
    </xdr:to>
    <xdr:sp macro="" textlink="">
      <xdr:nvSpPr>
        <xdr:cNvPr id="250" name="楕円 249">
          <a:extLst>
            <a:ext uri="{FF2B5EF4-FFF2-40B4-BE49-F238E27FC236}">
              <a16:creationId xmlns:a16="http://schemas.microsoft.com/office/drawing/2014/main" id="{623A55D5-F109-4F28-BA0A-7AE6655EB29B}"/>
            </a:ext>
          </a:extLst>
        </xdr:cNvPr>
        <xdr:cNvSpPr/>
      </xdr:nvSpPr>
      <xdr:spPr>
        <a:xfrm>
          <a:off x="8699500" y="10983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61338</xdr:rowOff>
    </xdr:from>
    <xdr:to>
      <xdr:col>50</xdr:col>
      <xdr:colOff>114300</xdr:colOff>
      <xdr:row>64</xdr:row>
      <xdr:rowOff>61612</xdr:rowOff>
    </xdr:to>
    <xdr:cxnSp macro="">
      <xdr:nvCxnSpPr>
        <xdr:cNvPr id="251" name="直線コネクタ 250">
          <a:extLst>
            <a:ext uri="{FF2B5EF4-FFF2-40B4-BE49-F238E27FC236}">
              <a16:creationId xmlns:a16="http://schemas.microsoft.com/office/drawing/2014/main" id="{BE5767E3-AE0A-4952-85CF-0D851B9A3305}"/>
            </a:ext>
          </a:extLst>
        </xdr:cNvPr>
        <xdr:cNvCxnSpPr/>
      </xdr:nvCxnSpPr>
      <xdr:spPr>
        <a:xfrm flipV="1">
          <a:off x="8750300" y="11034138"/>
          <a:ext cx="889000" cy="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10992</xdr:rowOff>
    </xdr:from>
    <xdr:to>
      <xdr:col>41</xdr:col>
      <xdr:colOff>101600</xdr:colOff>
      <xdr:row>64</xdr:row>
      <xdr:rowOff>112592</xdr:rowOff>
    </xdr:to>
    <xdr:sp macro="" textlink="">
      <xdr:nvSpPr>
        <xdr:cNvPr id="252" name="楕円 251">
          <a:extLst>
            <a:ext uri="{FF2B5EF4-FFF2-40B4-BE49-F238E27FC236}">
              <a16:creationId xmlns:a16="http://schemas.microsoft.com/office/drawing/2014/main" id="{2D62754F-17FC-4798-A0D6-F666677A37FD}"/>
            </a:ext>
          </a:extLst>
        </xdr:cNvPr>
        <xdr:cNvSpPr/>
      </xdr:nvSpPr>
      <xdr:spPr>
        <a:xfrm>
          <a:off x="7810500" y="10983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61612</xdr:rowOff>
    </xdr:from>
    <xdr:to>
      <xdr:col>45</xdr:col>
      <xdr:colOff>177800</xdr:colOff>
      <xdr:row>64</xdr:row>
      <xdr:rowOff>61792</xdr:rowOff>
    </xdr:to>
    <xdr:cxnSp macro="">
      <xdr:nvCxnSpPr>
        <xdr:cNvPr id="253" name="直線コネクタ 252">
          <a:extLst>
            <a:ext uri="{FF2B5EF4-FFF2-40B4-BE49-F238E27FC236}">
              <a16:creationId xmlns:a16="http://schemas.microsoft.com/office/drawing/2014/main" id="{085594B6-E283-4DC5-B027-ECCF739E009F}"/>
            </a:ext>
          </a:extLst>
        </xdr:cNvPr>
        <xdr:cNvCxnSpPr/>
      </xdr:nvCxnSpPr>
      <xdr:spPr>
        <a:xfrm flipV="1">
          <a:off x="7861300" y="11034412"/>
          <a:ext cx="889000" cy="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4</xdr:row>
      <xdr:rowOff>12926</xdr:rowOff>
    </xdr:from>
    <xdr:to>
      <xdr:col>36</xdr:col>
      <xdr:colOff>165100</xdr:colOff>
      <xdr:row>64</xdr:row>
      <xdr:rowOff>114526</xdr:rowOff>
    </xdr:to>
    <xdr:sp macro="" textlink="">
      <xdr:nvSpPr>
        <xdr:cNvPr id="254" name="楕円 253">
          <a:extLst>
            <a:ext uri="{FF2B5EF4-FFF2-40B4-BE49-F238E27FC236}">
              <a16:creationId xmlns:a16="http://schemas.microsoft.com/office/drawing/2014/main" id="{A57A5CF1-3446-4E7B-BEF4-6901F6C5F78D}"/>
            </a:ext>
          </a:extLst>
        </xdr:cNvPr>
        <xdr:cNvSpPr/>
      </xdr:nvSpPr>
      <xdr:spPr>
        <a:xfrm>
          <a:off x="6921500" y="10985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61792</xdr:rowOff>
    </xdr:from>
    <xdr:to>
      <xdr:col>41</xdr:col>
      <xdr:colOff>50800</xdr:colOff>
      <xdr:row>64</xdr:row>
      <xdr:rowOff>63726</xdr:rowOff>
    </xdr:to>
    <xdr:cxnSp macro="">
      <xdr:nvCxnSpPr>
        <xdr:cNvPr id="255" name="直線コネクタ 254">
          <a:extLst>
            <a:ext uri="{FF2B5EF4-FFF2-40B4-BE49-F238E27FC236}">
              <a16:creationId xmlns:a16="http://schemas.microsoft.com/office/drawing/2014/main" id="{259F663A-E4E1-47FC-8EB0-9935F819B4F6}"/>
            </a:ext>
          </a:extLst>
        </xdr:cNvPr>
        <xdr:cNvCxnSpPr/>
      </xdr:nvCxnSpPr>
      <xdr:spPr>
        <a:xfrm flipV="1">
          <a:off x="6972300" y="11034592"/>
          <a:ext cx="889000" cy="1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120991</xdr:rowOff>
    </xdr:from>
    <xdr:ext cx="599010" cy="259045"/>
    <xdr:sp macro="" textlink="">
      <xdr:nvSpPr>
        <xdr:cNvPr id="256" name="n_1aveValue【橋りょう・トンネル】&#10;一人当たり有形固定資産（償却資産）額">
          <a:extLst>
            <a:ext uri="{FF2B5EF4-FFF2-40B4-BE49-F238E27FC236}">
              <a16:creationId xmlns:a16="http://schemas.microsoft.com/office/drawing/2014/main" id="{2BD17723-0C41-461F-9318-629D1D57C387}"/>
            </a:ext>
          </a:extLst>
        </xdr:cNvPr>
        <xdr:cNvSpPr txBox="1"/>
      </xdr:nvSpPr>
      <xdr:spPr>
        <a:xfrm>
          <a:off x="9327095" y="105794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125531</xdr:rowOff>
    </xdr:from>
    <xdr:ext cx="599010" cy="259045"/>
    <xdr:sp macro="" textlink="">
      <xdr:nvSpPr>
        <xdr:cNvPr id="257" name="n_2aveValue【橋りょう・トンネル】&#10;一人当たり有形固定資産（償却資産）額">
          <a:extLst>
            <a:ext uri="{FF2B5EF4-FFF2-40B4-BE49-F238E27FC236}">
              <a16:creationId xmlns:a16="http://schemas.microsoft.com/office/drawing/2014/main" id="{34D6D7FD-4567-43C4-885B-CFF793EF4306}"/>
            </a:ext>
          </a:extLst>
        </xdr:cNvPr>
        <xdr:cNvSpPr txBox="1"/>
      </xdr:nvSpPr>
      <xdr:spPr>
        <a:xfrm>
          <a:off x="8450795" y="105839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149379</xdr:rowOff>
    </xdr:from>
    <xdr:ext cx="599010" cy="259045"/>
    <xdr:sp macro="" textlink="">
      <xdr:nvSpPr>
        <xdr:cNvPr id="258" name="n_3aveValue【橋りょう・トンネル】&#10;一人当たり有形固定資産（償却資産）額">
          <a:extLst>
            <a:ext uri="{FF2B5EF4-FFF2-40B4-BE49-F238E27FC236}">
              <a16:creationId xmlns:a16="http://schemas.microsoft.com/office/drawing/2014/main" id="{1C7C6223-4994-4607-8926-89699C2586AE}"/>
            </a:ext>
          </a:extLst>
        </xdr:cNvPr>
        <xdr:cNvSpPr txBox="1"/>
      </xdr:nvSpPr>
      <xdr:spPr>
        <a:xfrm>
          <a:off x="7561795" y="106078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4,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138878</xdr:rowOff>
    </xdr:from>
    <xdr:ext cx="599010" cy="259045"/>
    <xdr:sp macro="" textlink="">
      <xdr:nvSpPr>
        <xdr:cNvPr id="259" name="n_4aveValue【橋りょう・トンネル】&#10;一人当たり有形固定資産（償却資産）額">
          <a:extLst>
            <a:ext uri="{FF2B5EF4-FFF2-40B4-BE49-F238E27FC236}">
              <a16:creationId xmlns:a16="http://schemas.microsoft.com/office/drawing/2014/main" id="{27719D9A-1623-4C6B-87B4-82E6CFC33E99}"/>
            </a:ext>
          </a:extLst>
        </xdr:cNvPr>
        <xdr:cNvSpPr txBox="1"/>
      </xdr:nvSpPr>
      <xdr:spPr>
        <a:xfrm>
          <a:off x="6672795" y="105973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103265</xdr:rowOff>
    </xdr:from>
    <xdr:ext cx="534377" cy="259045"/>
    <xdr:sp macro="" textlink="">
      <xdr:nvSpPr>
        <xdr:cNvPr id="260" name="n_1mainValue【橋りょう・トンネル】&#10;一人当たり有形固定資産（償却資産）額">
          <a:extLst>
            <a:ext uri="{FF2B5EF4-FFF2-40B4-BE49-F238E27FC236}">
              <a16:creationId xmlns:a16="http://schemas.microsoft.com/office/drawing/2014/main" id="{F3D35451-EA14-4D05-B78C-40EF4BDCE9B3}"/>
            </a:ext>
          </a:extLst>
        </xdr:cNvPr>
        <xdr:cNvSpPr txBox="1"/>
      </xdr:nvSpPr>
      <xdr:spPr>
        <a:xfrm>
          <a:off x="9359411" y="110760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103539</xdr:rowOff>
    </xdr:from>
    <xdr:ext cx="534377" cy="259045"/>
    <xdr:sp macro="" textlink="">
      <xdr:nvSpPr>
        <xdr:cNvPr id="261" name="n_2mainValue【橋りょう・トンネル】&#10;一人当たり有形固定資産（償却資産）額">
          <a:extLst>
            <a:ext uri="{FF2B5EF4-FFF2-40B4-BE49-F238E27FC236}">
              <a16:creationId xmlns:a16="http://schemas.microsoft.com/office/drawing/2014/main" id="{3CEA6BC6-7BEE-4583-BBF2-662E6FD9EEAA}"/>
            </a:ext>
          </a:extLst>
        </xdr:cNvPr>
        <xdr:cNvSpPr txBox="1"/>
      </xdr:nvSpPr>
      <xdr:spPr>
        <a:xfrm>
          <a:off x="8483111" y="110763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103719</xdr:rowOff>
    </xdr:from>
    <xdr:ext cx="534377" cy="259045"/>
    <xdr:sp macro="" textlink="">
      <xdr:nvSpPr>
        <xdr:cNvPr id="262" name="n_3mainValue【橋りょう・トンネル】&#10;一人当たり有形固定資産（償却資産）額">
          <a:extLst>
            <a:ext uri="{FF2B5EF4-FFF2-40B4-BE49-F238E27FC236}">
              <a16:creationId xmlns:a16="http://schemas.microsoft.com/office/drawing/2014/main" id="{4F2FBA2C-7B67-4B3D-81AE-26347B2AD6F9}"/>
            </a:ext>
          </a:extLst>
        </xdr:cNvPr>
        <xdr:cNvSpPr txBox="1"/>
      </xdr:nvSpPr>
      <xdr:spPr>
        <a:xfrm>
          <a:off x="7594111" y="11076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4</xdr:row>
      <xdr:rowOff>105653</xdr:rowOff>
    </xdr:from>
    <xdr:ext cx="534377" cy="259045"/>
    <xdr:sp macro="" textlink="">
      <xdr:nvSpPr>
        <xdr:cNvPr id="263" name="n_4mainValue【橋りょう・トンネル】&#10;一人当たり有形固定資産（償却資産）額">
          <a:extLst>
            <a:ext uri="{FF2B5EF4-FFF2-40B4-BE49-F238E27FC236}">
              <a16:creationId xmlns:a16="http://schemas.microsoft.com/office/drawing/2014/main" id="{AB0AB79A-7EB4-4DF8-AFB8-6402CD67989E}"/>
            </a:ext>
          </a:extLst>
        </xdr:cNvPr>
        <xdr:cNvSpPr txBox="1"/>
      </xdr:nvSpPr>
      <xdr:spPr>
        <a:xfrm>
          <a:off x="6705111" y="11078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4" name="正方形/長方形 263">
          <a:extLst>
            <a:ext uri="{FF2B5EF4-FFF2-40B4-BE49-F238E27FC236}">
              <a16:creationId xmlns:a16="http://schemas.microsoft.com/office/drawing/2014/main" id="{584C2B6F-2D2C-4A94-B7F1-DFD8C24F3D28}"/>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5" name="正方形/長方形 264">
          <a:extLst>
            <a:ext uri="{FF2B5EF4-FFF2-40B4-BE49-F238E27FC236}">
              <a16:creationId xmlns:a16="http://schemas.microsoft.com/office/drawing/2014/main" id="{9A45E72E-286A-4D18-B1B9-07458322622D}"/>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6" name="正方形/長方形 265">
          <a:extLst>
            <a:ext uri="{FF2B5EF4-FFF2-40B4-BE49-F238E27FC236}">
              <a16:creationId xmlns:a16="http://schemas.microsoft.com/office/drawing/2014/main" id="{41EDE2D3-D5B8-402E-93A1-BF7F69A18297}"/>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7" name="正方形/長方形 266">
          <a:extLst>
            <a:ext uri="{FF2B5EF4-FFF2-40B4-BE49-F238E27FC236}">
              <a16:creationId xmlns:a16="http://schemas.microsoft.com/office/drawing/2014/main" id="{03C79F42-9473-4C61-8C2E-55521F5178CB}"/>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8" name="正方形/長方形 267">
          <a:extLst>
            <a:ext uri="{FF2B5EF4-FFF2-40B4-BE49-F238E27FC236}">
              <a16:creationId xmlns:a16="http://schemas.microsoft.com/office/drawing/2014/main" id="{8C1C9B1C-A94C-4C79-9522-778738BF534F}"/>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9" name="正方形/長方形 268">
          <a:extLst>
            <a:ext uri="{FF2B5EF4-FFF2-40B4-BE49-F238E27FC236}">
              <a16:creationId xmlns:a16="http://schemas.microsoft.com/office/drawing/2014/main" id="{20ADE809-84DF-4353-982A-EAE8E2DF2EB1}"/>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0" name="正方形/長方形 269">
          <a:extLst>
            <a:ext uri="{FF2B5EF4-FFF2-40B4-BE49-F238E27FC236}">
              <a16:creationId xmlns:a16="http://schemas.microsoft.com/office/drawing/2014/main" id="{3135DA35-1020-4A37-BE24-6E74E30B2DD1}"/>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1" name="正方形/長方形 270">
          <a:extLst>
            <a:ext uri="{FF2B5EF4-FFF2-40B4-BE49-F238E27FC236}">
              <a16:creationId xmlns:a16="http://schemas.microsoft.com/office/drawing/2014/main" id="{4761F30B-CBE6-40C0-8B33-59ED3B80A9FB}"/>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2" name="テキスト ボックス 271">
          <a:extLst>
            <a:ext uri="{FF2B5EF4-FFF2-40B4-BE49-F238E27FC236}">
              <a16:creationId xmlns:a16="http://schemas.microsoft.com/office/drawing/2014/main" id="{12ACF670-DEC9-4386-8CE8-F59A304984DF}"/>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3" name="直線コネクタ 272">
          <a:extLst>
            <a:ext uri="{FF2B5EF4-FFF2-40B4-BE49-F238E27FC236}">
              <a16:creationId xmlns:a16="http://schemas.microsoft.com/office/drawing/2014/main" id="{5B4AECFA-64EF-4860-9687-A921D72718B0}"/>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4" name="テキスト ボックス 273">
          <a:extLst>
            <a:ext uri="{FF2B5EF4-FFF2-40B4-BE49-F238E27FC236}">
              <a16:creationId xmlns:a16="http://schemas.microsoft.com/office/drawing/2014/main" id="{CB11F94F-6790-4F38-A385-3A10C429062A}"/>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5" name="直線コネクタ 274">
          <a:extLst>
            <a:ext uri="{FF2B5EF4-FFF2-40B4-BE49-F238E27FC236}">
              <a16:creationId xmlns:a16="http://schemas.microsoft.com/office/drawing/2014/main" id="{1C2539EE-91AB-423D-8193-C61AB20658E1}"/>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6" name="テキスト ボックス 275">
          <a:extLst>
            <a:ext uri="{FF2B5EF4-FFF2-40B4-BE49-F238E27FC236}">
              <a16:creationId xmlns:a16="http://schemas.microsoft.com/office/drawing/2014/main" id="{47D5F794-D8CF-4397-AABA-3A7112EF3A64}"/>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7" name="直線コネクタ 276">
          <a:extLst>
            <a:ext uri="{FF2B5EF4-FFF2-40B4-BE49-F238E27FC236}">
              <a16:creationId xmlns:a16="http://schemas.microsoft.com/office/drawing/2014/main" id="{DA03DAA2-124B-4064-BD79-7C9111161122}"/>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8" name="テキスト ボックス 277">
          <a:extLst>
            <a:ext uri="{FF2B5EF4-FFF2-40B4-BE49-F238E27FC236}">
              <a16:creationId xmlns:a16="http://schemas.microsoft.com/office/drawing/2014/main" id="{51004F8A-3F74-4482-A3E8-CF530DF93E28}"/>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9" name="直線コネクタ 278">
          <a:extLst>
            <a:ext uri="{FF2B5EF4-FFF2-40B4-BE49-F238E27FC236}">
              <a16:creationId xmlns:a16="http://schemas.microsoft.com/office/drawing/2014/main" id="{64325A48-774F-4171-8F64-547961638D95}"/>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80" name="テキスト ボックス 279">
          <a:extLst>
            <a:ext uri="{FF2B5EF4-FFF2-40B4-BE49-F238E27FC236}">
              <a16:creationId xmlns:a16="http://schemas.microsoft.com/office/drawing/2014/main" id="{35F51037-92F0-48D6-841E-B28FBFBACA85}"/>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1" name="直線コネクタ 280">
          <a:extLst>
            <a:ext uri="{FF2B5EF4-FFF2-40B4-BE49-F238E27FC236}">
              <a16:creationId xmlns:a16="http://schemas.microsoft.com/office/drawing/2014/main" id="{5639A27C-2374-440B-8832-CC893D5A2596}"/>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2" name="テキスト ボックス 281">
          <a:extLst>
            <a:ext uri="{FF2B5EF4-FFF2-40B4-BE49-F238E27FC236}">
              <a16:creationId xmlns:a16="http://schemas.microsoft.com/office/drawing/2014/main" id="{21E5B56D-BEC4-4270-A630-9AD3F077CF9C}"/>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3" name="直線コネクタ 282">
          <a:extLst>
            <a:ext uri="{FF2B5EF4-FFF2-40B4-BE49-F238E27FC236}">
              <a16:creationId xmlns:a16="http://schemas.microsoft.com/office/drawing/2014/main" id="{8096A96C-0E07-44B6-A474-D6C90848E987}"/>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4" name="テキスト ボックス 283">
          <a:extLst>
            <a:ext uri="{FF2B5EF4-FFF2-40B4-BE49-F238E27FC236}">
              <a16:creationId xmlns:a16="http://schemas.microsoft.com/office/drawing/2014/main" id="{29CCBE48-E0B7-4162-9D71-823254583999}"/>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a:extLst>
            <a:ext uri="{FF2B5EF4-FFF2-40B4-BE49-F238E27FC236}">
              <a16:creationId xmlns:a16="http://schemas.microsoft.com/office/drawing/2014/main" id="{4056D132-4D2B-488B-B5E6-00729E98C553}"/>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6" name="テキスト ボックス 285">
          <a:extLst>
            <a:ext uri="{FF2B5EF4-FFF2-40B4-BE49-F238E27FC236}">
              <a16:creationId xmlns:a16="http://schemas.microsoft.com/office/drawing/2014/main" id="{B4E3FD82-F2A0-40C8-9C90-52BB600C7028}"/>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7" name="【公営住宅】&#10;有形固定資産減価償却率グラフ枠">
          <a:extLst>
            <a:ext uri="{FF2B5EF4-FFF2-40B4-BE49-F238E27FC236}">
              <a16:creationId xmlns:a16="http://schemas.microsoft.com/office/drawing/2014/main" id="{1BCCCA62-EB40-4634-BFB7-699B64C5AF9F}"/>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76200</xdr:rowOff>
    </xdr:from>
    <xdr:to>
      <xdr:col>24</xdr:col>
      <xdr:colOff>62865</xdr:colOff>
      <xdr:row>86</xdr:row>
      <xdr:rowOff>114300</xdr:rowOff>
    </xdr:to>
    <xdr:cxnSp macro="">
      <xdr:nvCxnSpPr>
        <xdr:cNvPr id="288" name="直線コネクタ 287">
          <a:extLst>
            <a:ext uri="{FF2B5EF4-FFF2-40B4-BE49-F238E27FC236}">
              <a16:creationId xmlns:a16="http://schemas.microsoft.com/office/drawing/2014/main" id="{E1DC2CB7-C117-4A6D-A892-17EA3409CC3F}"/>
            </a:ext>
          </a:extLst>
        </xdr:cNvPr>
        <xdr:cNvCxnSpPr/>
      </xdr:nvCxnSpPr>
      <xdr:spPr>
        <a:xfrm flipV="1">
          <a:off x="4634865" y="13277850"/>
          <a:ext cx="0" cy="15811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89" name="【公営住宅】&#10;有形固定資産減価償却率最小値テキスト">
          <a:extLst>
            <a:ext uri="{FF2B5EF4-FFF2-40B4-BE49-F238E27FC236}">
              <a16:creationId xmlns:a16="http://schemas.microsoft.com/office/drawing/2014/main" id="{8F3F94A7-D432-4A45-A34D-B55C9BC3EF86}"/>
            </a:ext>
          </a:extLst>
        </xdr:cNvPr>
        <xdr:cNvSpPr txBox="1"/>
      </xdr:nvSpPr>
      <xdr:spPr>
        <a:xfrm>
          <a:off x="4673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90" name="直線コネクタ 289">
          <a:extLst>
            <a:ext uri="{FF2B5EF4-FFF2-40B4-BE49-F238E27FC236}">
              <a16:creationId xmlns:a16="http://schemas.microsoft.com/office/drawing/2014/main" id="{441A2DE7-1FFE-431B-9895-D418F92E196C}"/>
            </a:ext>
          </a:extLst>
        </xdr:cNvPr>
        <xdr:cNvCxnSpPr/>
      </xdr:nvCxnSpPr>
      <xdr:spPr>
        <a:xfrm>
          <a:off x="4546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22877</xdr:rowOff>
    </xdr:from>
    <xdr:ext cx="405111" cy="259045"/>
    <xdr:sp macro="" textlink="">
      <xdr:nvSpPr>
        <xdr:cNvPr id="291" name="【公営住宅】&#10;有形固定資産減価償却率最大値テキスト">
          <a:extLst>
            <a:ext uri="{FF2B5EF4-FFF2-40B4-BE49-F238E27FC236}">
              <a16:creationId xmlns:a16="http://schemas.microsoft.com/office/drawing/2014/main" id="{FDF7647D-81AF-4AE4-92A2-ADB5E651E451}"/>
            </a:ext>
          </a:extLst>
        </xdr:cNvPr>
        <xdr:cNvSpPr txBox="1"/>
      </xdr:nvSpPr>
      <xdr:spPr>
        <a:xfrm>
          <a:off x="4673600" y="13053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76200</xdr:rowOff>
    </xdr:from>
    <xdr:to>
      <xdr:col>24</xdr:col>
      <xdr:colOff>152400</xdr:colOff>
      <xdr:row>77</xdr:row>
      <xdr:rowOff>76200</xdr:rowOff>
    </xdr:to>
    <xdr:cxnSp macro="">
      <xdr:nvCxnSpPr>
        <xdr:cNvPr id="292" name="直線コネクタ 291">
          <a:extLst>
            <a:ext uri="{FF2B5EF4-FFF2-40B4-BE49-F238E27FC236}">
              <a16:creationId xmlns:a16="http://schemas.microsoft.com/office/drawing/2014/main" id="{D4C7C5CB-A796-44BE-8590-F38CC71A0713}"/>
            </a:ext>
          </a:extLst>
        </xdr:cNvPr>
        <xdr:cNvCxnSpPr/>
      </xdr:nvCxnSpPr>
      <xdr:spPr>
        <a:xfrm>
          <a:off x="4546600" y="13277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00982</xdr:rowOff>
    </xdr:from>
    <xdr:ext cx="405111" cy="259045"/>
    <xdr:sp macro="" textlink="">
      <xdr:nvSpPr>
        <xdr:cNvPr id="293" name="【公営住宅】&#10;有形固定資産減価償却率平均値テキスト">
          <a:extLst>
            <a:ext uri="{FF2B5EF4-FFF2-40B4-BE49-F238E27FC236}">
              <a16:creationId xmlns:a16="http://schemas.microsoft.com/office/drawing/2014/main" id="{09513917-DD4D-4664-BEBE-52FE512CEF49}"/>
            </a:ext>
          </a:extLst>
        </xdr:cNvPr>
        <xdr:cNvSpPr txBox="1"/>
      </xdr:nvSpPr>
      <xdr:spPr>
        <a:xfrm>
          <a:off x="4673600" y="141598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22555</xdr:rowOff>
    </xdr:from>
    <xdr:to>
      <xdr:col>24</xdr:col>
      <xdr:colOff>114300</xdr:colOff>
      <xdr:row>83</xdr:row>
      <xdr:rowOff>52705</xdr:rowOff>
    </xdr:to>
    <xdr:sp macro="" textlink="">
      <xdr:nvSpPr>
        <xdr:cNvPr id="294" name="フローチャート: 判断 293">
          <a:extLst>
            <a:ext uri="{FF2B5EF4-FFF2-40B4-BE49-F238E27FC236}">
              <a16:creationId xmlns:a16="http://schemas.microsoft.com/office/drawing/2014/main" id="{DEA2FCDB-4585-4178-AF74-25629E6BA23B}"/>
            </a:ext>
          </a:extLst>
        </xdr:cNvPr>
        <xdr:cNvSpPr/>
      </xdr:nvSpPr>
      <xdr:spPr>
        <a:xfrm>
          <a:off x="4584700" y="14181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03505</xdr:rowOff>
    </xdr:from>
    <xdr:to>
      <xdr:col>20</xdr:col>
      <xdr:colOff>38100</xdr:colOff>
      <xdr:row>83</xdr:row>
      <xdr:rowOff>33655</xdr:rowOff>
    </xdr:to>
    <xdr:sp macro="" textlink="">
      <xdr:nvSpPr>
        <xdr:cNvPr id="295" name="フローチャート: 判断 294">
          <a:extLst>
            <a:ext uri="{FF2B5EF4-FFF2-40B4-BE49-F238E27FC236}">
              <a16:creationId xmlns:a16="http://schemas.microsoft.com/office/drawing/2014/main" id="{509D2B34-E7E6-4756-A702-831BFCA755EC}"/>
            </a:ext>
          </a:extLst>
        </xdr:cNvPr>
        <xdr:cNvSpPr/>
      </xdr:nvSpPr>
      <xdr:spPr>
        <a:xfrm>
          <a:off x="3746500" y="14162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69214</xdr:rowOff>
    </xdr:from>
    <xdr:to>
      <xdr:col>15</xdr:col>
      <xdr:colOff>101600</xdr:colOff>
      <xdr:row>82</xdr:row>
      <xdr:rowOff>170814</xdr:rowOff>
    </xdr:to>
    <xdr:sp macro="" textlink="">
      <xdr:nvSpPr>
        <xdr:cNvPr id="296" name="フローチャート: 判断 295">
          <a:extLst>
            <a:ext uri="{FF2B5EF4-FFF2-40B4-BE49-F238E27FC236}">
              <a16:creationId xmlns:a16="http://schemas.microsoft.com/office/drawing/2014/main" id="{04144E1C-358C-49B4-BBBD-3D010679E0CC}"/>
            </a:ext>
          </a:extLst>
        </xdr:cNvPr>
        <xdr:cNvSpPr/>
      </xdr:nvSpPr>
      <xdr:spPr>
        <a:xfrm>
          <a:off x="2857500" y="14128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65405</xdr:rowOff>
    </xdr:from>
    <xdr:to>
      <xdr:col>10</xdr:col>
      <xdr:colOff>165100</xdr:colOff>
      <xdr:row>82</xdr:row>
      <xdr:rowOff>167005</xdr:rowOff>
    </xdr:to>
    <xdr:sp macro="" textlink="">
      <xdr:nvSpPr>
        <xdr:cNvPr id="297" name="フローチャート: 判断 296">
          <a:extLst>
            <a:ext uri="{FF2B5EF4-FFF2-40B4-BE49-F238E27FC236}">
              <a16:creationId xmlns:a16="http://schemas.microsoft.com/office/drawing/2014/main" id="{A3FB81C3-439D-4388-B457-D56590547F2E}"/>
            </a:ext>
          </a:extLst>
        </xdr:cNvPr>
        <xdr:cNvSpPr/>
      </xdr:nvSpPr>
      <xdr:spPr>
        <a:xfrm>
          <a:off x="1968500" y="1412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52070</xdr:rowOff>
    </xdr:from>
    <xdr:to>
      <xdr:col>6</xdr:col>
      <xdr:colOff>38100</xdr:colOff>
      <xdr:row>82</xdr:row>
      <xdr:rowOff>153670</xdr:rowOff>
    </xdr:to>
    <xdr:sp macro="" textlink="">
      <xdr:nvSpPr>
        <xdr:cNvPr id="298" name="フローチャート: 判断 297">
          <a:extLst>
            <a:ext uri="{FF2B5EF4-FFF2-40B4-BE49-F238E27FC236}">
              <a16:creationId xmlns:a16="http://schemas.microsoft.com/office/drawing/2014/main" id="{EF733565-0186-42D6-825D-E1D1E9BADF5F}"/>
            </a:ext>
          </a:extLst>
        </xdr:cNvPr>
        <xdr:cNvSpPr/>
      </xdr:nvSpPr>
      <xdr:spPr>
        <a:xfrm>
          <a:off x="1079500" y="1411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118C37AA-2D57-4C3C-A81B-6E5F55AA4E9E}"/>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7144EF1A-530F-41FD-B501-8E1BA892D52B}"/>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5A47AB33-93E4-4A3F-B684-66132649F836}"/>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00C5561D-F032-433C-9F87-9C1E7EE7E974}"/>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E3A1DAAC-1DCF-42AE-A97D-52056681D47A}"/>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92075</xdr:rowOff>
    </xdr:from>
    <xdr:to>
      <xdr:col>24</xdr:col>
      <xdr:colOff>114300</xdr:colOff>
      <xdr:row>81</xdr:row>
      <xdr:rowOff>22225</xdr:rowOff>
    </xdr:to>
    <xdr:sp macro="" textlink="">
      <xdr:nvSpPr>
        <xdr:cNvPr id="304" name="楕円 303">
          <a:extLst>
            <a:ext uri="{FF2B5EF4-FFF2-40B4-BE49-F238E27FC236}">
              <a16:creationId xmlns:a16="http://schemas.microsoft.com/office/drawing/2014/main" id="{F120C448-E5B9-4FA5-8802-D47C71A3C132}"/>
            </a:ext>
          </a:extLst>
        </xdr:cNvPr>
        <xdr:cNvSpPr/>
      </xdr:nvSpPr>
      <xdr:spPr>
        <a:xfrm>
          <a:off x="4584700" y="13808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9</xdr:row>
      <xdr:rowOff>114952</xdr:rowOff>
    </xdr:from>
    <xdr:ext cx="405111" cy="259045"/>
    <xdr:sp macro="" textlink="">
      <xdr:nvSpPr>
        <xdr:cNvPr id="305" name="【公営住宅】&#10;有形固定資産減価償却率該当値テキスト">
          <a:extLst>
            <a:ext uri="{FF2B5EF4-FFF2-40B4-BE49-F238E27FC236}">
              <a16:creationId xmlns:a16="http://schemas.microsoft.com/office/drawing/2014/main" id="{1C824111-9C91-4668-B1F1-F2AB64E446FD}"/>
            </a:ext>
          </a:extLst>
        </xdr:cNvPr>
        <xdr:cNvSpPr txBox="1"/>
      </xdr:nvSpPr>
      <xdr:spPr>
        <a:xfrm>
          <a:off x="4673600" y="13659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57786</xdr:rowOff>
    </xdr:from>
    <xdr:to>
      <xdr:col>20</xdr:col>
      <xdr:colOff>38100</xdr:colOff>
      <xdr:row>80</xdr:row>
      <xdr:rowOff>159386</xdr:rowOff>
    </xdr:to>
    <xdr:sp macro="" textlink="">
      <xdr:nvSpPr>
        <xdr:cNvPr id="306" name="楕円 305">
          <a:extLst>
            <a:ext uri="{FF2B5EF4-FFF2-40B4-BE49-F238E27FC236}">
              <a16:creationId xmlns:a16="http://schemas.microsoft.com/office/drawing/2014/main" id="{4E85DB55-5E65-4B78-90EF-30C3E431649F}"/>
            </a:ext>
          </a:extLst>
        </xdr:cNvPr>
        <xdr:cNvSpPr/>
      </xdr:nvSpPr>
      <xdr:spPr>
        <a:xfrm>
          <a:off x="3746500" y="13773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108586</xdr:rowOff>
    </xdr:from>
    <xdr:to>
      <xdr:col>24</xdr:col>
      <xdr:colOff>63500</xdr:colOff>
      <xdr:row>80</xdr:row>
      <xdr:rowOff>142875</xdr:rowOff>
    </xdr:to>
    <xdr:cxnSp macro="">
      <xdr:nvCxnSpPr>
        <xdr:cNvPr id="307" name="直線コネクタ 306">
          <a:extLst>
            <a:ext uri="{FF2B5EF4-FFF2-40B4-BE49-F238E27FC236}">
              <a16:creationId xmlns:a16="http://schemas.microsoft.com/office/drawing/2014/main" id="{BD48D0D4-5626-42AA-A9BE-66C3A3C6F435}"/>
            </a:ext>
          </a:extLst>
        </xdr:cNvPr>
        <xdr:cNvCxnSpPr/>
      </xdr:nvCxnSpPr>
      <xdr:spPr>
        <a:xfrm>
          <a:off x="3797300" y="13824586"/>
          <a:ext cx="8382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23495</xdr:rowOff>
    </xdr:from>
    <xdr:to>
      <xdr:col>15</xdr:col>
      <xdr:colOff>101600</xdr:colOff>
      <xdr:row>80</xdr:row>
      <xdr:rowOff>125095</xdr:rowOff>
    </xdr:to>
    <xdr:sp macro="" textlink="">
      <xdr:nvSpPr>
        <xdr:cNvPr id="308" name="楕円 307">
          <a:extLst>
            <a:ext uri="{FF2B5EF4-FFF2-40B4-BE49-F238E27FC236}">
              <a16:creationId xmlns:a16="http://schemas.microsoft.com/office/drawing/2014/main" id="{4F6FDEC7-F391-4380-8B24-59E6359A85E9}"/>
            </a:ext>
          </a:extLst>
        </xdr:cNvPr>
        <xdr:cNvSpPr/>
      </xdr:nvSpPr>
      <xdr:spPr>
        <a:xfrm>
          <a:off x="2857500" y="13739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74295</xdr:rowOff>
    </xdr:from>
    <xdr:to>
      <xdr:col>19</xdr:col>
      <xdr:colOff>177800</xdr:colOff>
      <xdr:row>80</xdr:row>
      <xdr:rowOff>108586</xdr:rowOff>
    </xdr:to>
    <xdr:cxnSp macro="">
      <xdr:nvCxnSpPr>
        <xdr:cNvPr id="309" name="直線コネクタ 308">
          <a:extLst>
            <a:ext uri="{FF2B5EF4-FFF2-40B4-BE49-F238E27FC236}">
              <a16:creationId xmlns:a16="http://schemas.microsoft.com/office/drawing/2014/main" id="{56866330-3254-40A1-A93D-CA8D39038427}"/>
            </a:ext>
          </a:extLst>
        </xdr:cNvPr>
        <xdr:cNvCxnSpPr/>
      </xdr:nvCxnSpPr>
      <xdr:spPr>
        <a:xfrm>
          <a:off x="2908300" y="13790295"/>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158750</xdr:rowOff>
    </xdr:from>
    <xdr:to>
      <xdr:col>10</xdr:col>
      <xdr:colOff>165100</xdr:colOff>
      <xdr:row>80</xdr:row>
      <xdr:rowOff>88900</xdr:rowOff>
    </xdr:to>
    <xdr:sp macro="" textlink="">
      <xdr:nvSpPr>
        <xdr:cNvPr id="310" name="楕円 309">
          <a:extLst>
            <a:ext uri="{FF2B5EF4-FFF2-40B4-BE49-F238E27FC236}">
              <a16:creationId xmlns:a16="http://schemas.microsoft.com/office/drawing/2014/main" id="{F7705E7B-BD97-4109-83A0-EB490098D1C0}"/>
            </a:ext>
          </a:extLst>
        </xdr:cNvPr>
        <xdr:cNvSpPr/>
      </xdr:nvSpPr>
      <xdr:spPr>
        <a:xfrm>
          <a:off x="1968500" y="137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38100</xdr:rowOff>
    </xdr:from>
    <xdr:to>
      <xdr:col>15</xdr:col>
      <xdr:colOff>50800</xdr:colOff>
      <xdr:row>80</xdr:row>
      <xdr:rowOff>74295</xdr:rowOff>
    </xdr:to>
    <xdr:cxnSp macro="">
      <xdr:nvCxnSpPr>
        <xdr:cNvPr id="311" name="直線コネクタ 310">
          <a:extLst>
            <a:ext uri="{FF2B5EF4-FFF2-40B4-BE49-F238E27FC236}">
              <a16:creationId xmlns:a16="http://schemas.microsoft.com/office/drawing/2014/main" id="{0BE5B51E-8520-4DA3-A796-3657BF6C94F2}"/>
            </a:ext>
          </a:extLst>
        </xdr:cNvPr>
        <xdr:cNvCxnSpPr/>
      </xdr:nvCxnSpPr>
      <xdr:spPr>
        <a:xfrm>
          <a:off x="2019300" y="1375410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9</xdr:row>
      <xdr:rowOff>124461</xdr:rowOff>
    </xdr:from>
    <xdr:to>
      <xdr:col>6</xdr:col>
      <xdr:colOff>38100</xdr:colOff>
      <xdr:row>80</xdr:row>
      <xdr:rowOff>54611</xdr:rowOff>
    </xdr:to>
    <xdr:sp macro="" textlink="">
      <xdr:nvSpPr>
        <xdr:cNvPr id="312" name="楕円 311">
          <a:extLst>
            <a:ext uri="{FF2B5EF4-FFF2-40B4-BE49-F238E27FC236}">
              <a16:creationId xmlns:a16="http://schemas.microsoft.com/office/drawing/2014/main" id="{759964E5-E14A-47AB-BFFA-168FAD8E7707}"/>
            </a:ext>
          </a:extLst>
        </xdr:cNvPr>
        <xdr:cNvSpPr/>
      </xdr:nvSpPr>
      <xdr:spPr>
        <a:xfrm>
          <a:off x="1079500" y="13669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0</xdr:row>
      <xdr:rowOff>3811</xdr:rowOff>
    </xdr:from>
    <xdr:to>
      <xdr:col>10</xdr:col>
      <xdr:colOff>114300</xdr:colOff>
      <xdr:row>80</xdr:row>
      <xdr:rowOff>38100</xdr:rowOff>
    </xdr:to>
    <xdr:cxnSp macro="">
      <xdr:nvCxnSpPr>
        <xdr:cNvPr id="313" name="直線コネクタ 312">
          <a:extLst>
            <a:ext uri="{FF2B5EF4-FFF2-40B4-BE49-F238E27FC236}">
              <a16:creationId xmlns:a16="http://schemas.microsoft.com/office/drawing/2014/main" id="{C605E772-DCCB-4AC7-B95B-70B2E5957E53}"/>
            </a:ext>
          </a:extLst>
        </xdr:cNvPr>
        <xdr:cNvCxnSpPr/>
      </xdr:nvCxnSpPr>
      <xdr:spPr>
        <a:xfrm>
          <a:off x="1130300" y="13719811"/>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24782</xdr:rowOff>
    </xdr:from>
    <xdr:ext cx="405111" cy="259045"/>
    <xdr:sp macro="" textlink="">
      <xdr:nvSpPr>
        <xdr:cNvPr id="314" name="n_1aveValue【公営住宅】&#10;有形固定資産減価償却率">
          <a:extLst>
            <a:ext uri="{FF2B5EF4-FFF2-40B4-BE49-F238E27FC236}">
              <a16:creationId xmlns:a16="http://schemas.microsoft.com/office/drawing/2014/main" id="{F1738888-3828-409E-A9A9-7BCC04FE647F}"/>
            </a:ext>
          </a:extLst>
        </xdr:cNvPr>
        <xdr:cNvSpPr txBox="1"/>
      </xdr:nvSpPr>
      <xdr:spPr>
        <a:xfrm>
          <a:off x="3582044" y="14255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61941</xdr:rowOff>
    </xdr:from>
    <xdr:ext cx="405111" cy="259045"/>
    <xdr:sp macro="" textlink="">
      <xdr:nvSpPr>
        <xdr:cNvPr id="315" name="n_2aveValue【公営住宅】&#10;有形固定資産減価償却率">
          <a:extLst>
            <a:ext uri="{FF2B5EF4-FFF2-40B4-BE49-F238E27FC236}">
              <a16:creationId xmlns:a16="http://schemas.microsoft.com/office/drawing/2014/main" id="{473641F4-5D42-4CBD-A7C6-27C0F5EB8629}"/>
            </a:ext>
          </a:extLst>
        </xdr:cNvPr>
        <xdr:cNvSpPr txBox="1"/>
      </xdr:nvSpPr>
      <xdr:spPr>
        <a:xfrm>
          <a:off x="2705744" y="142208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58132</xdr:rowOff>
    </xdr:from>
    <xdr:ext cx="405111" cy="259045"/>
    <xdr:sp macro="" textlink="">
      <xdr:nvSpPr>
        <xdr:cNvPr id="316" name="n_3aveValue【公営住宅】&#10;有形固定資産減価償却率">
          <a:extLst>
            <a:ext uri="{FF2B5EF4-FFF2-40B4-BE49-F238E27FC236}">
              <a16:creationId xmlns:a16="http://schemas.microsoft.com/office/drawing/2014/main" id="{CB9DBD45-4672-4810-9011-06DFB640CB52}"/>
            </a:ext>
          </a:extLst>
        </xdr:cNvPr>
        <xdr:cNvSpPr txBox="1"/>
      </xdr:nvSpPr>
      <xdr:spPr>
        <a:xfrm>
          <a:off x="1816744" y="14217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144797</xdr:rowOff>
    </xdr:from>
    <xdr:ext cx="405111" cy="259045"/>
    <xdr:sp macro="" textlink="">
      <xdr:nvSpPr>
        <xdr:cNvPr id="317" name="n_4aveValue【公営住宅】&#10;有形固定資産減価償却率">
          <a:extLst>
            <a:ext uri="{FF2B5EF4-FFF2-40B4-BE49-F238E27FC236}">
              <a16:creationId xmlns:a16="http://schemas.microsoft.com/office/drawing/2014/main" id="{4C5430E9-40BF-469B-8703-8713F6CCC3C2}"/>
            </a:ext>
          </a:extLst>
        </xdr:cNvPr>
        <xdr:cNvSpPr txBox="1"/>
      </xdr:nvSpPr>
      <xdr:spPr>
        <a:xfrm>
          <a:off x="927744" y="14203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4463</xdr:rowOff>
    </xdr:from>
    <xdr:ext cx="405111" cy="259045"/>
    <xdr:sp macro="" textlink="">
      <xdr:nvSpPr>
        <xdr:cNvPr id="318" name="n_1mainValue【公営住宅】&#10;有形固定資産減価償却率">
          <a:extLst>
            <a:ext uri="{FF2B5EF4-FFF2-40B4-BE49-F238E27FC236}">
              <a16:creationId xmlns:a16="http://schemas.microsoft.com/office/drawing/2014/main" id="{C8ED2F1B-A238-4D0E-8B7D-FAB6C27422B2}"/>
            </a:ext>
          </a:extLst>
        </xdr:cNvPr>
        <xdr:cNvSpPr txBox="1"/>
      </xdr:nvSpPr>
      <xdr:spPr>
        <a:xfrm>
          <a:off x="3582044" y="135490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41622</xdr:rowOff>
    </xdr:from>
    <xdr:ext cx="405111" cy="259045"/>
    <xdr:sp macro="" textlink="">
      <xdr:nvSpPr>
        <xdr:cNvPr id="319" name="n_2mainValue【公営住宅】&#10;有形固定資産減価償却率">
          <a:extLst>
            <a:ext uri="{FF2B5EF4-FFF2-40B4-BE49-F238E27FC236}">
              <a16:creationId xmlns:a16="http://schemas.microsoft.com/office/drawing/2014/main" id="{C4CB87E6-BDE1-4BA6-AA08-7653A3A69A75}"/>
            </a:ext>
          </a:extLst>
        </xdr:cNvPr>
        <xdr:cNvSpPr txBox="1"/>
      </xdr:nvSpPr>
      <xdr:spPr>
        <a:xfrm>
          <a:off x="2705744" y="13514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105427</xdr:rowOff>
    </xdr:from>
    <xdr:ext cx="405111" cy="259045"/>
    <xdr:sp macro="" textlink="">
      <xdr:nvSpPr>
        <xdr:cNvPr id="320" name="n_3mainValue【公営住宅】&#10;有形固定資産減価償却率">
          <a:extLst>
            <a:ext uri="{FF2B5EF4-FFF2-40B4-BE49-F238E27FC236}">
              <a16:creationId xmlns:a16="http://schemas.microsoft.com/office/drawing/2014/main" id="{539D450B-321F-47C5-AA96-6E5AE1C1B76D}"/>
            </a:ext>
          </a:extLst>
        </xdr:cNvPr>
        <xdr:cNvSpPr txBox="1"/>
      </xdr:nvSpPr>
      <xdr:spPr>
        <a:xfrm>
          <a:off x="1816744" y="1347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71138</xdr:rowOff>
    </xdr:from>
    <xdr:ext cx="405111" cy="259045"/>
    <xdr:sp macro="" textlink="">
      <xdr:nvSpPr>
        <xdr:cNvPr id="321" name="n_4mainValue【公営住宅】&#10;有形固定資産減価償却率">
          <a:extLst>
            <a:ext uri="{FF2B5EF4-FFF2-40B4-BE49-F238E27FC236}">
              <a16:creationId xmlns:a16="http://schemas.microsoft.com/office/drawing/2014/main" id="{47E07BA5-5A19-4B47-8DC8-1DDD07DD8D2D}"/>
            </a:ext>
          </a:extLst>
        </xdr:cNvPr>
        <xdr:cNvSpPr txBox="1"/>
      </xdr:nvSpPr>
      <xdr:spPr>
        <a:xfrm>
          <a:off x="927744" y="13444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a:extLst>
            <a:ext uri="{FF2B5EF4-FFF2-40B4-BE49-F238E27FC236}">
              <a16:creationId xmlns:a16="http://schemas.microsoft.com/office/drawing/2014/main" id="{16DDEE56-74A0-481B-AE5A-23DEA210C3C7}"/>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a:extLst>
            <a:ext uri="{FF2B5EF4-FFF2-40B4-BE49-F238E27FC236}">
              <a16:creationId xmlns:a16="http://schemas.microsoft.com/office/drawing/2014/main" id="{DD229996-67CC-463E-B19F-C5587B06FAFE}"/>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a:extLst>
            <a:ext uri="{FF2B5EF4-FFF2-40B4-BE49-F238E27FC236}">
              <a16:creationId xmlns:a16="http://schemas.microsoft.com/office/drawing/2014/main" id="{B881C67A-B039-4BC6-B358-A1EC658FD67E}"/>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a:extLst>
            <a:ext uri="{FF2B5EF4-FFF2-40B4-BE49-F238E27FC236}">
              <a16:creationId xmlns:a16="http://schemas.microsoft.com/office/drawing/2014/main" id="{22F3574B-6D2C-4ADB-B891-BF35D829FDBE}"/>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a:extLst>
            <a:ext uri="{FF2B5EF4-FFF2-40B4-BE49-F238E27FC236}">
              <a16:creationId xmlns:a16="http://schemas.microsoft.com/office/drawing/2014/main" id="{4BF89AC1-DCCF-46AF-9B6C-95FB9868C014}"/>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a:extLst>
            <a:ext uri="{FF2B5EF4-FFF2-40B4-BE49-F238E27FC236}">
              <a16:creationId xmlns:a16="http://schemas.microsoft.com/office/drawing/2014/main" id="{A24CBD69-2E2E-4D91-B758-505DB2DF7E49}"/>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a:extLst>
            <a:ext uri="{FF2B5EF4-FFF2-40B4-BE49-F238E27FC236}">
              <a16:creationId xmlns:a16="http://schemas.microsoft.com/office/drawing/2014/main" id="{B6BBFECD-94BE-4655-BE8B-F31B57011A31}"/>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a:extLst>
            <a:ext uri="{FF2B5EF4-FFF2-40B4-BE49-F238E27FC236}">
              <a16:creationId xmlns:a16="http://schemas.microsoft.com/office/drawing/2014/main" id="{A8C33EE0-26C6-4926-A656-03C0EE60C60C}"/>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0" name="テキスト ボックス 329">
          <a:extLst>
            <a:ext uri="{FF2B5EF4-FFF2-40B4-BE49-F238E27FC236}">
              <a16:creationId xmlns:a16="http://schemas.microsoft.com/office/drawing/2014/main" id="{4C752A01-6CA6-4760-B459-5A194B3CE185}"/>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a:extLst>
            <a:ext uri="{FF2B5EF4-FFF2-40B4-BE49-F238E27FC236}">
              <a16:creationId xmlns:a16="http://schemas.microsoft.com/office/drawing/2014/main" id="{499A0776-D979-4C7D-A58D-4D97609ECDB2}"/>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2" name="直線コネクタ 331">
          <a:extLst>
            <a:ext uri="{FF2B5EF4-FFF2-40B4-BE49-F238E27FC236}">
              <a16:creationId xmlns:a16="http://schemas.microsoft.com/office/drawing/2014/main" id="{852F3A3E-43E8-4938-8B5E-E643868580A5}"/>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3" name="テキスト ボックス 332">
          <a:extLst>
            <a:ext uri="{FF2B5EF4-FFF2-40B4-BE49-F238E27FC236}">
              <a16:creationId xmlns:a16="http://schemas.microsoft.com/office/drawing/2014/main" id="{73CB161F-6309-4FFA-9F6D-13E65D1E6091}"/>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4" name="直線コネクタ 333">
          <a:extLst>
            <a:ext uri="{FF2B5EF4-FFF2-40B4-BE49-F238E27FC236}">
              <a16:creationId xmlns:a16="http://schemas.microsoft.com/office/drawing/2014/main" id="{C81D1EBF-0C7F-45F0-9A8D-4C95EFF69CD4}"/>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5" name="テキスト ボックス 334">
          <a:extLst>
            <a:ext uri="{FF2B5EF4-FFF2-40B4-BE49-F238E27FC236}">
              <a16:creationId xmlns:a16="http://schemas.microsoft.com/office/drawing/2014/main" id="{A2C6A65F-84DD-4D4C-84B3-56A82A378A4E}"/>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6" name="直線コネクタ 335">
          <a:extLst>
            <a:ext uri="{FF2B5EF4-FFF2-40B4-BE49-F238E27FC236}">
              <a16:creationId xmlns:a16="http://schemas.microsoft.com/office/drawing/2014/main" id="{5401F575-DA22-4969-A846-D95B5BA23B0D}"/>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7" name="テキスト ボックス 336">
          <a:extLst>
            <a:ext uri="{FF2B5EF4-FFF2-40B4-BE49-F238E27FC236}">
              <a16:creationId xmlns:a16="http://schemas.microsoft.com/office/drawing/2014/main" id="{9E41E8F3-9D47-4520-B1F0-3BD0EDCC626C}"/>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8" name="直線コネクタ 337">
          <a:extLst>
            <a:ext uri="{FF2B5EF4-FFF2-40B4-BE49-F238E27FC236}">
              <a16:creationId xmlns:a16="http://schemas.microsoft.com/office/drawing/2014/main" id="{B90C145C-7AD1-434B-907D-B510B6DEE25F}"/>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9" name="テキスト ボックス 338">
          <a:extLst>
            <a:ext uri="{FF2B5EF4-FFF2-40B4-BE49-F238E27FC236}">
              <a16:creationId xmlns:a16="http://schemas.microsoft.com/office/drawing/2014/main" id="{31A2DB20-B31A-40EE-8C8E-0FC81D444E3A}"/>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0" name="直線コネクタ 339">
          <a:extLst>
            <a:ext uri="{FF2B5EF4-FFF2-40B4-BE49-F238E27FC236}">
              <a16:creationId xmlns:a16="http://schemas.microsoft.com/office/drawing/2014/main" id="{CA9A0ED7-8B28-43A6-ADA9-F94EC074DF72}"/>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1" name="テキスト ボックス 340">
          <a:extLst>
            <a:ext uri="{FF2B5EF4-FFF2-40B4-BE49-F238E27FC236}">
              <a16:creationId xmlns:a16="http://schemas.microsoft.com/office/drawing/2014/main" id="{2FE5214F-8107-4CFD-95E8-A7C243D9B379}"/>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2" name="直線コネクタ 341">
          <a:extLst>
            <a:ext uri="{FF2B5EF4-FFF2-40B4-BE49-F238E27FC236}">
              <a16:creationId xmlns:a16="http://schemas.microsoft.com/office/drawing/2014/main" id="{2FE36FF1-4CF3-4898-9417-764361BC44BB}"/>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43" name="テキスト ボックス 342">
          <a:extLst>
            <a:ext uri="{FF2B5EF4-FFF2-40B4-BE49-F238E27FC236}">
              <a16:creationId xmlns:a16="http://schemas.microsoft.com/office/drawing/2014/main" id="{A75C2729-38B1-4954-93B4-BF93A723A143}"/>
            </a:ext>
          </a:extLst>
        </xdr:cNvPr>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4" name="【公営住宅】&#10;一人当たり面積グラフ枠">
          <a:extLst>
            <a:ext uri="{FF2B5EF4-FFF2-40B4-BE49-F238E27FC236}">
              <a16:creationId xmlns:a16="http://schemas.microsoft.com/office/drawing/2014/main" id="{1E0E62EF-0ED0-4A6B-B695-6DC2861E506E}"/>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61340</xdr:rowOff>
    </xdr:from>
    <xdr:to>
      <xdr:col>54</xdr:col>
      <xdr:colOff>189865</xdr:colOff>
      <xdr:row>86</xdr:row>
      <xdr:rowOff>107442</xdr:rowOff>
    </xdr:to>
    <xdr:cxnSp macro="">
      <xdr:nvCxnSpPr>
        <xdr:cNvPr id="345" name="直線コネクタ 344">
          <a:extLst>
            <a:ext uri="{FF2B5EF4-FFF2-40B4-BE49-F238E27FC236}">
              <a16:creationId xmlns:a16="http://schemas.microsoft.com/office/drawing/2014/main" id="{65009975-1948-46F1-AEA5-E3A4F08ADDDF}"/>
            </a:ext>
          </a:extLst>
        </xdr:cNvPr>
        <xdr:cNvCxnSpPr/>
      </xdr:nvCxnSpPr>
      <xdr:spPr>
        <a:xfrm flipV="1">
          <a:off x="10476865" y="13434440"/>
          <a:ext cx="0" cy="14177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1269</xdr:rowOff>
    </xdr:from>
    <xdr:ext cx="469744" cy="259045"/>
    <xdr:sp macro="" textlink="">
      <xdr:nvSpPr>
        <xdr:cNvPr id="346" name="【公営住宅】&#10;一人当たり面積最小値テキスト">
          <a:extLst>
            <a:ext uri="{FF2B5EF4-FFF2-40B4-BE49-F238E27FC236}">
              <a16:creationId xmlns:a16="http://schemas.microsoft.com/office/drawing/2014/main" id="{8BDFB0B0-352E-41C6-8B04-A1B50B7DF736}"/>
            </a:ext>
          </a:extLst>
        </xdr:cNvPr>
        <xdr:cNvSpPr txBox="1"/>
      </xdr:nvSpPr>
      <xdr:spPr>
        <a:xfrm>
          <a:off x="10515600" y="148559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7442</xdr:rowOff>
    </xdr:from>
    <xdr:to>
      <xdr:col>55</xdr:col>
      <xdr:colOff>88900</xdr:colOff>
      <xdr:row>86</xdr:row>
      <xdr:rowOff>107442</xdr:rowOff>
    </xdr:to>
    <xdr:cxnSp macro="">
      <xdr:nvCxnSpPr>
        <xdr:cNvPr id="347" name="直線コネクタ 346">
          <a:extLst>
            <a:ext uri="{FF2B5EF4-FFF2-40B4-BE49-F238E27FC236}">
              <a16:creationId xmlns:a16="http://schemas.microsoft.com/office/drawing/2014/main" id="{1B53FDB3-1AD9-43C8-ABC1-72FC6D659FA8}"/>
            </a:ext>
          </a:extLst>
        </xdr:cNvPr>
        <xdr:cNvCxnSpPr/>
      </xdr:nvCxnSpPr>
      <xdr:spPr>
        <a:xfrm>
          <a:off x="10388600" y="148521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8017</xdr:rowOff>
    </xdr:from>
    <xdr:ext cx="469744" cy="259045"/>
    <xdr:sp macro="" textlink="">
      <xdr:nvSpPr>
        <xdr:cNvPr id="348" name="【公営住宅】&#10;一人当たり面積最大値テキスト">
          <a:extLst>
            <a:ext uri="{FF2B5EF4-FFF2-40B4-BE49-F238E27FC236}">
              <a16:creationId xmlns:a16="http://schemas.microsoft.com/office/drawing/2014/main" id="{26F4BDE3-D6FA-49E7-AD63-816749C2CCBF}"/>
            </a:ext>
          </a:extLst>
        </xdr:cNvPr>
        <xdr:cNvSpPr txBox="1"/>
      </xdr:nvSpPr>
      <xdr:spPr>
        <a:xfrm>
          <a:off x="10515600" y="13209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61340</xdr:rowOff>
    </xdr:from>
    <xdr:to>
      <xdr:col>55</xdr:col>
      <xdr:colOff>88900</xdr:colOff>
      <xdr:row>78</xdr:row>
      <xdr:rowOff>61340</xdr:rowOff>
    </xdr:to>
    <xdr:cxnSp macro="">
      <xdr:nvCxnSpPr>
        <xdr:cNvPr id="349" name="直線コネクタ 348">
          <a:extLst>
            <a:ext uri="{FF2B5EF4-FFF2-40B4-BE49-F238E27FC236}">
              <a16:creationId xmlns:a16="http://schemas.microsoft.com/office/drawing/2014/main" id="{F3956E9E-3537-4593-95DF-CB91580EE07E}"/>
            </a:ext>
          </a:extLst>
        </xdr:cNvPr>
        <xdr:cNvCxnSpPr/>
      </xdr:nvCxnSpPr>
      <xdr:spPr>
        <a:xfrm>
          <a:off x="10388600" y="13434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57993</xdr:rowOff>
    </xdr:from>
    <xdr:ext cx="469744" cy="259045"/>
    <xdr:sp macro="" textlink="">
      <xdr:nvSpPr>
        <xdr:cNvPr id="350" name="【公営住宅】&#10;一人当たり面積平均値テキスト">
          <a:extLst>
            <a:ext uri="{FF2B5EF4-FFF2-40B4-BE49-F238E27FC236}">
              <a16:creationId xmlns:a16="http://schemas.microsoft.com/office/drawing/2014/main" id="{6012D216-CBED-4EF2-91E2-A4DA2C9C75F2}"/>
            </a:ext>
          </a:extLst>
        </xdr:cNvPr>
        <xdr:cNvSpPr txBox="1"/>
      </xdr:nvSpPr>
      <xdr:spPr>
        <a:xfrm>
          <a:off x="10515600" y="1428834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35116</xdr:rowOff>
    </xdr:from>
    <xdr:to>
      <xdr:col>55</xdr:col>
      <xdr:colOff>50800</xdr:colOff>
      <xdr:row>84</xdr:row>
      <xdr:rowOff>136716</xdr:rowOff>
    </xdr:to>
    <xdr:sp macro="" textlink="">
      <xdr:nvSpPr>
        <xdr:cNvPr id="351" name="フローチャート: 判断 350">
          <a:extLst>
            <a:ext uri="{FF2B5EF4-FFF2-40B4-BE49-F238E27FC236}">
              <a16:creationId xmlns:a16="http://schemas.microsoft.com/office/drawing/2014/main" id="{1724A191-58D2-43CC-A7EE-CDB8D361EF85}"/>
            </a:ext>
          </a:extLst>
        </xdr:cNvPr>
        <xdr:cNvSpPr/>
      </xdr:nvSpPr>
      <xdr:spPr>
        <a:xfrm>
          <a:off x="10426700" y="14436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36258</xdr:rowOff>
    </xdr:from>
    <xdr:to>
      <xdr:col>50</xdr:col>
      <xdr:colOff>165100</xdr:colOff>
      <xdr:row>84</xdr:row>
      <xdr:rowOff>137858</xdr:rowOff>
    </xdr:to>
    <xdr:sp macro="" textlink="">
      <xdr:nvSpPr>
        <xdr:cNvPr id="352" name="フローチャート: 判断 351">
          <a:extLst>
            <a:ext uri="{FF2B5EF4-FFF2-40B4-BE49-F238E27FC236}">
              <a16:creationId xmlns:a16="http://schemas.microsoft.com/office/drawing/2014/main" id="{C9A68667-1B28-4C1A-8DA1-532C25E8B3A0}"/>
            </a:ext>
          </a:extLst>
        </xdr:cNvPr>
        <xdr:cNvSpPr/>
      </xdr:nvSpPr>
      <xdr:spPr>
        <a:xfrm>
          <a:off x="9588500" y="144380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72834</xdr:rowOff>
    </xdr:from>
    <xdr:to>
      <xdr:col>46</xdr:col>
      <xdr:colOff>38100</xdr:colOff>
      <xdr:row>85</xdr:row>
      <xdr:rowOff>2984</xdr:rowOff>
    </xdr:to>
    <xdr:sp macro="" textlink="">
      <xdr:nvSpPr>
        <xdr:cNvPr id="353" name="フローチャート: 判断 352">
          <a:extLst>
            <a:ext uri="{FF2B5EF4-FFF2-40B4-BE49-F238E27FC236}">
              <a16:creationId xmlns:a16="http://schemas.microsoft.com/office/drawing/2014/main" id="{68BC9065-4907-41FA-AF4D-5E6153FE523F}"/>
            </a:ext>
          </a:extLst>
        </xdr:cNvPr>
        <xdr:cNvSpPr/>
      </xdr:nvSpPr>
      <xdr:spPr>
        <a:xfrm>
          <a:off x="8699500" y="14474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55880</xdr:rowOff>
    </xdr:from>
    <xdr:to>
      <xdr:col>41</xdr:col>
      <xdr:colOff>101600</xdr:colOff>
      <xdr:row>84</xdr:row>
      <xdr:rowOff>157480</xdr:rowOff>
    </xdr:to>
    <xdr:sp macro="" textlink="">
      <xdr:nvSpPr>
        <xdr:cNvPr id="354" name="フローチャート: 判断 353">
          <a:extLst>
            <a:ext uri="{FF2B5EF4-FFF2-40B4-BE49-F238E27FC236}">
              <a16:creationId xmlns:a16="http://schemas.microsoft.com/office/drawing/2014/main" id="{2A16B9E5-8B4F-4017-BE7E-40876784A6E3}"/>
            </a:ext>
          </a:extLst>
        </xdr:cNvPr>
        <xdr:cNvSpPr/>
      </xdr:nvSpPr>
      <xdr:spPr>
        <a:xfrm>
          <a:off x="7810500" y="1445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42163</xdr:rowOff>
    </xdr:from>
    <xdr:to>
      <xdr:col>36</xdr:col>
      <xdr:colOff>165100</xdr:colOff>
      <xdr:row>84</xdr:row>
      <xdr:rowOff>143763</xdr:rowOff>
    </xdr:to>
    <xdr:sp macro="" textlink="">
      <xdr:nvSpPr>
        <xdr:cNvPr id="355" name="フローチャート: 判断 354">
          <a:extLst>
            <a:ext uri="{FF2B5EF4-FFF2-40B4-BE49-F238E27FC236}">
              <a16:creationId xmlns:a16="http://schemas.microsoft.com/office/drawing/2014/main" id="{E8F617BD-D861-469D-BD35-54298D56AA19}"/>
            </a:ext>
          </a:extLst>
        </xdr:cNvPr>
        <xdr:cNvSpPr/>
      </xdr:nvSpPr>
      <xdr:spPr>
        <a:xfrm>
          <a:off x="6921500" y="14443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34B3532D-75D4-4476-9360-1694A8B69CAD}"/>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E862EEF0-1FA2-4873-BCF5-5DC411010E56}"/>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7A5091CF-70B2-475B-A69F-65B9FAD06ED3}"/>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EEFAAB72-4848-4CE8-B23C-401773FC0308}"/>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299C09CB-4653-482D-9BBB-63A060E4567A}"/>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825</xdr:rowOff>
    </xdr:from>
    <xdr:to>
      <xdr:col>55</xdr:col>
      <xdr:colOff>50800</xdr:colOff>
      <xdr:row>86</xdr:row>
      <xdr:rowOff>102425</xdr:rowOff>
    </xdr:to>
    <xdr:sp macro="" textlink="">
      <xdr:nvSpPr>
        <xdr:cNvPr id="361" name="楕円 360">
          <a:extLst>
            <a:ext uri="{FF2B5EF4-FFF2-40B4-BE49-F238E27FC236}">
              <a16:creationId xmlns:a16="http://schemas.microsoft.com/office/drawing/2014/main" id="{730CA1E0-8DF1-49FA-8414-D04D5A6243B7}"/>
            </a:ext>
          </a:extLst>
        </xdr:cNvPr>
        <xdr:cNvSpPr/>
      </xdr:nvSpPr>
      <xdr:spPr>
        <a:xfrm>
          <a:off x="10426700" y="14745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87202</xdr:rowOff>
    </xdr:from>
    <xdr:ext cx="469744" cy="259045"/>
    <xdr:sp macro="" textlink="">
      <xdr:nvSpPr>
        <xdr:cNvPr id="362" name="【公営住宅】&#10;一人当たり面積該当値テキスト">
          <a:extLst>
            <a:ext uri="{FF2B5EF4-FFF2-40B4-BE49-F238E27FC236}">
              <a16:creationId xmlns:a16="http://schemas.microsoft.com/office/drawing/2014/main" id="{9F702722-BEB3-4957-B5A8-6E437685B9C7}"/>
            </a:ext>
          </a:extLst>
        </xdr:cNvPr>
        <xdr:cNvSpPr txBox="1"/>
      </xdr:nvSpPr>
      <xdr:spPr>
        <a:xfrm>
          <a:off x="10515600" y="146604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1778</xdr:rowOff>
    </xdr:from>
    <xdr:to>
      <xdr:col>50</xdr:col>
      <xdr:colOff>165100</xdr:colOff>
      <xdr:row>86</xdr:row>
      <xdr:rowOff>103378</xdr:rowOff>
    </xdr:to>
    <xdr:sp macro="" textlink="">
      <xdr:nvSpPr>
        <xdr:cNvPr id="363" name="楕円 362">
          <a:extLst>
            <a:ext uri="{FF2B5EF4-FFF2-40B4-BE49-F238E27FC236}">
              <a16:creationId xmlns:a16="http://schemas.microsoft.com/office/drawing/2014/main" id="{CD888781-D974-4634-AB97-2458B13D79AE}"/>
            </a:ext>
          </a:extLst>
        </xdr:cNvPr>
        <xdr:cNvSpPr/>
      </xdr:nvSpPr>
      <xdr:spPr>
        <a:xfrm>
          <a:off x="9588500" y="14746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51625</xdr:rowOff>
    </xdr:from>
    <xdr:to>
      <xdr:col>55</xdr:col>
      <xdr:colOff>0</xdr:colOff>
      <xdr:row>86</xdr:row>
      <xdr:rowOff>52578</xdr:rowOff>
    </xdr:to>
    <xdr:cxnSp macro="">
      <xdr:nvCxnSpPr>
        <xdr:cNvPr id="364" name="直線コネクタ 363">
          <a:extLst>
            <a:ext uri="{FF2B5EF4-FFF2-40B4-BE49-F238E27FC236}">
              <a16:creationId xmlns:a16="http://schemas.microsoft.com/office/drawing/2014/main" id="{8BC8F85E-02EB-4C7E-A6E0-BA1CDFB36B65}"/>
            </a:ext>
          </a:extLst>
        </xdr:cNvPr>
        <xdr:cNvCxnSpPr/>
      </xdr:nvCxnSpPr>
      <xdr:spPr>
        <a:xfrm flipV="1">
          <a:off x="9639300" y="14796325"/>
          <a:ext cx="838200" cy="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2921</xdr:rowOff>
    </xdr:from>
    <xdr:to>
      <xdr:col>46</xdr:col>
      <xdr:colOff>38100</xdr:colOff>
      <xdr:row>86</xdr:row>
      <xdr:rowOff>104521</xdr:rowOff>
    </xdr:to>
    <xdr:sp macro="" textlink="">
      <xdr:nvSpPr>
        <xdr:cNvPr id="365" name="楕円 364">
          <a:extLst>
            <a:ext uri="{FF2B5EF4-FFF2-40B4-BE49-F238E27FC236}">
              <a16:creationId xmlns:a16="http://schemas.microsoft.com/office/drawing/2014/main" id="{2E2CC3B8-1017-4ACC-953B-22EA2BB0AD9B}"/>
            </a:ext>
          </a:extLst>
        </xdr:cNvPr>
        <xdr:cNvSpPr/>
      </xdr:nvSpPr>
      <xdr:spPr>
        <a:xfrm>
          <a:off x="8699500" y="14747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52578</xdr:rowOff>
    </xdr:from>
    <xdr:to>
      <xdr:col>50</xdr:col>
      <xdr:colOff>114300</xdr:colOff>
      <xdr:row>86</xdr:row>
      <xdr:rowOff>53721</xdr:rowOff>
    </xdr:to>
    <xdr:cxnSp macro="">
      <xdr:nvCxnSpPr>
        <xdr:cNvPr id="366" name="直線コネクタ 365">
          <a:extLst>
            <a:ext uri="{FF2B5EF4-FFF2-40B4-BE49-F238E27FC236}">
              <a16:creationId xmlns:a16="http://schemas.microsoft.com/office/drawing/2014/main" id="{4DC127E9-51BA-4CD5-B14E-48D7F8EDBCC5}"/>
            </a:ext>
          </a:extLst>
        </xdr:cNvPr>
        <xdr:cNvCxnSpPr/>
      </xdr:nvCxnSpPr>
      <xdr:spPr>
        <a:xfrm flipV="1">
          <a:off x="8750300" y="14797278"/>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3683</xdr:rowOff>
    </xdr:from>
    <xdr:to>
      <xdr:col>41</xdr:col>
      <xdr:colOff>101600</xdr:colOff>
      <xdr:row>86</xdr:row>
      <xdr:rowOff>105283</xdr:rowOff>
    </xdr:to>
    <xdr:sp macro="" textlink="">
      <xdr:nvSpPr>
        <xdr:cNvPr id="367" name="楕円 366">
          <a:extLst>
            <a:ext uri="{FF2B5EF4-FFF2-40B4-BE49-F238E27FC236}">
              <a16:creationId xmlns:a16="http://schemas.microsoft.com/office/drawing/2014/main" id="{02B8EA6B-4BB3-4F9F-B4EC-17B226F24124}"/>
            </a:ext>
          </a:extLst>
        </xdr:cNvPr>
        <xdr:cNvSpPr/>
      </xdr:nvSpPr>
      <xdr:spPr>
        <a:xfrm>
          <a:off x="7810500" y="14748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53721</xdr:rowOff>
    </xdr:from>
    <xdr:to>
      <xdr:col>45</xdr:col>
      <xdr:colOff>177800</xdr:colOff>
      <xdr:row>86</xdr:row>
      <xdr:rowOff>54483</xdr:rowOff>
    </xdr:to>
    <xdr:cxnSp macro="">
      <xdr:nvCxnSpPr>
        <xdr:cNvPr id="368" name="直線コネクタ 367">
          <a:extLst>
            <a:ext uri="{FF2B5EF4-FFF2-40B4-BE49-F238E27FC236}">
              <a16:creationId xmlns:a16="http://schemas.microsoft.com/office/drawing/2014/main" id="{41E792B7-28B2-4A11-996B-0EC98179EE0C}"/>
            </a:ext>
          </a:extLst>
        </xdr:cNvPr>
        <xdr:cNvCxnSpPr/>
      </xdr:nvCxnSpPr>
      <xdr:spPr>
        <a:xfrm flipV="1">
          <a:off x="7861300" y="14798421"/>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6</xdr:row>
      <xdr:rowOff>4826</xdr:rowOff>
    </xdr:from>
    <xdr:to>
      <xdr:col>36</xdr:col>
      <xdr:colOff>165100</xdr:colOff>
      <xdr:row>86</xdr:row>
      <xdr:rowOff>106426</xdr:rowOff>
    </xdr:to>
    <xdr:sp macro="" textlink="">
      <xdr:nvSpPr>
        <xdr:cNvPr id="369" name="楕円 368">
          <a:extLst>
            <a:ext uri="{FF2B5EF4-FFF2-40B4-BE49-F238E27FC236}">
              <a16:creationId xmlns:a16="http://schemas.microsoft.com/office/drawing/2014/main" id="{056B7F95-332D-4976-9DED-0BCFA3D3FC06}"/>
            </a:ext>
          </a:extLst>
        </xdr:cNvPr>
        <xdr:cNvSpPr/>
      </xdr:nvSpPr>
      <xdr:spPr>
        <a:xfrm>
          <a:off x="6921500" y="14749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54483</xdr:rowOff>
    </xdr:from>
    <xdr:to>
      <xdr:col>41</xdr:col>
      <xdr:colOff>50800</xdr:colOff>
      <xdr:row>86</xdr:row>
      <xdr:rowOff>55626</xdr:rowOff>
    </xdr:to>
    <xdr:cxnSp macro="">
      <xdr:nvCxnSpPr>
        <xdr:cNvPr id="370" name="直線コネクタ 369">
          <a:extLst>
            <a:ext uri="{FF2B5EF4-FFF2-40B4-BE49-F238E27FC236}">
              <a16:creationId xmlns:a16="http://schemas.microsoft.com/office/drawing/2014/main" id="{EF774E9F-7DF1-441C-A6CC-CCDA1CD25144}"/>
            </a:ext>
          </a:extLst>
        </xdr:cNvPr>
        <xdr:cNvCxnSpPr/>
      </xdr:nvCxnSpPr>
      <xdr:spPr>
        <a:xfrm flipV="1">
          <a:off x="6972300" y="14799183"/>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154385</xdr:rowOff>
    </xdr:from>
    <xdr:ext cx="469744" cy="259045"/>
    <xdr:sp macro="" textlink="">
      <xdr:nvSpPr>
        <xdr:cNvPr id="371" name="n_1aveValue【公営住宅】&#10;一人当たり面積">
          <a:extLst>
            <a:ext uri="{FF2B5EF4-FFF2-40B4-BE49-F238E27FC236}">
              <a16:creationId xmlns:a16="http://schemas.microsoft.com/office/drawing/2014/main" id="{C24A896D-28D8-4A9B-BE88-FC846AB9D291}"/>
            </a:ext>
          </a:extLst>
        </xdr:cNvPr>
        <xdr:cNvSpPr txBox="1"/>
      </xdr:nvSpPr>
      <xdr:spPr>
        <a:xfrm>
          <a:off x="9391727" y="142132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9511</xdr:rowOff>
    </xdr:from>
    <xdr:ext cx="469744" cy="259045"/>
    <xdr:sp macro="" textlink="">
      <xdr:nvSpPr>
        <xdr:cNvPr id="372" name="n_2aveValue【公営住宅】&#10;一人当たり面積">
          <a:extLst>
            <a:ext uri="{FF2B5EF4-FFF2-40B4-BE49-F238E27FC236}">
              <a16:creationId xmlns:a16="http://schemas.microsoft.com/office/drawing/2014/main" id="{BE51B523-8820-4EBF-8E76-A80D746224A2}"/>
            </a:ext>
          </a:extLst>
        </xdr:cNvPr>
        <xdr:cNvSpPr txBox="1"/>
      </xdr:nvSpPr>
      <xdr:spPr>
        <a:xfrm>
          <a:off x="8515427" y="142498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2557</xdr:rowOff>
    </xdr:from>
    <xdr:ext cx="469744" cy="259045"/>
    <xdr:sp macro="" textlink="">
      <xdr:nvSpPr>
        <xdr:cNvPr id="373" name="n_3aveValue【公営住宅】&#10;一人当たり面積">
          <a:extLst>
            <a:ext uri="{FF2B5EF4-FFF2-40B4-BE49-F238E27FC236}">
              <a16:creationId xmlns:a16="http://schemas.microsoft.com/office/drawing/2014/main" id="{46089FE0-DD3A-40B8-BB0C-8276DAD1050F}"/>
            </a:ext>
          </a:extLst>
        </xdr:cNvPr>
        <xdr:cNvSpPr txBox="1"/>
      </xdr:nvSpPr>
      <xdr:spPr>
        <a:xfrm>
          <a:off x="7626427" y="14232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160290</xdr:rowOff>
    </xdr:from>
    <xdr:ext cx="469744" cy="259045"/>
    <xdr:sp macro="" textlink="">
      <xdr:nvSpPr>
        <xdr:cNvPr id="374" name="n_4aveValue【公営住宅】&#10;一人当たり面積">
          <a:extLst>
            <a:ext uri="{FF2B5EF4-FFF2-40B4-BE49-F238E27FC236}">
              <a16:creationId xmlns:a16="http://schemas.microsoft.com/office/drawing/2014/main" id="{670EF726-F550-4220-9E53-847555D2C990}"/>
            </a:ext>
          </a:extLst>
        </xdr:cNvPr>
        <xdr:cNvSpPr txBox="1"/>
      </xdr:nvSpPr>
      <xdr:spPr>
        <a:xfrm>
          <a:off x="6737427" y="14219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94505</xdr:rowOff>
    </xdr:from>
    <xdr:ext cx="469744" cy="259045"/>
    <xdr:sp macro="" textlink="">
      <xdr:nvSpPr>
        <xdr:cNvPr id="375" name="n_1mainValue【公営住宅】&#10;一人当たり面積">
          <a:extLst>
            <a:ext uri="{FF2B5EF4-FFF2-40B4-BE49-F238E27FC236}">
              <a16:creationId xmlns:a16="http://schemas.microsoft.com/office/drawing/2014/main" id="{C7502FEF-9DE0-47D0-8DB2-6A026FB601C1}"/>
            </a:ext>
          </a:extLst>
        </xdr:cNvPr>
        <xdr:cNvSpPr txBox="1"/>
      </xdr:nvSpPr>
      <xdr:spPr>
        <a:xfrm>
          <a:off x="9391727" y="148392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95648</xdr:rowOff>
    </xdr:from>
    <xdr:ext cx="469744" cy="259045"/>
    <xdr:sp macro="" textlink="">
      <xdr:nvSpPr>
        <xdr:cNvPr id="376" name="n_2mainValue【公営住宅】&#10;一人当たり面積">
          <a:extLst>
            <a:ext uri="{FF2B5EF4-FFF2-40B4-BE49-F238E27FC236}">
              <a16:creationId xmlns:a16="http://schemas.microsoft.com/office/drawing/2014/main" id="{77BEFCD7-3C3B-48A3-B1C7-E795A7E080D7}"/>
            </a:ext>
          </a:extLst>
        </xdr:cNvPr>
        <xdr:cNvSpPr txBox="1"/>
      </xdr:nvSpPr>
      <xdr:spPr>
        <a:xfrm>
          <a:off x="8515427" y="148403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96410</xdr:rowOff>
    </xdr:from>
    <xdr:ext cx="469744" cy="259045"/>
    <xdr:sp macro="" textlink="">
      <xdr:nvSpPr>
        <xdr:cNvPr id="377" name="n_3mainValue【公営住宅】&#10;一人当たり面積">
          <a:extLst>
            <a:ext uri="{FF2B5EF4-FFF2-40B4-BE49-F238E27FC236}">
              <a16:creationId xmlns:a16="http://schemas.microsoft.com/office/drawing/2014/main" id="{01008ED4-C12E-488B-A1A4-82EB7A0E9A76}"/>
            </a:ext>
          </a:extLst>
        </xdr:cNvPr>
        <xdr:cNvSpPr txBox="1"/>
      </xdr:nvSpPr>
      <xdr:spPr>
        <a:xfrm>
          <a:off x="7626427" y="148411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97553</xdr:rowOff>
    </xdr:from>
    <xdr:ext cx="469744" cy="259045"/>
    <xdr:sp macro="" textlink="">
      <xdr:nvSpPr>
        <xdr:cNvPr id="378" name="n_4mainValue【公営住宅】&#10;一人当たり面積">
          <a:extLst>
            <a:ext uri="{FF2B5EF4-FFF2-40B4-BE49-F238E27FC236}">
              <a16:creationId xmlns:a16="http://schemas.microsoft.com/office/drawing/2014/main" id="{5699406E-B38B-4880-A18A-71A5E21422E8}"/>
            </a:ext>
          </a:extLst>
        </xdr:cNvPr>
        <xdr:cNvSpPr txBox="1"/>
      </xdr:nvSpPr>
      <xdr:spPr>
        <a:xfrm>
          <a:off x="6737427" y="14842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9" name="正方形/長方形 378">
          <a:extLst>
            <a:ext uri="{FF2B5EF4-FFF2-40B4-BE49-F238E27FC236}">
              <a16:creationId xmlns:a16="http://schemas.microsoft.com/office/drawing/2014/main" id="{862174D2-56B6-4E55-8446-8023E3774D7B}"/>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0" name="正方形/長方形 379">
          <a:extLst>
            <a:ext uri="{FF2B5EF4-FFF2-40B4-BE49-F238E27FC236}">
              <a16:creationId xmlns:a16="http://schemas.microsoft.com/office/drawing/2014/main" id="{B4A214DD-0DD9-4C0A-B13C-F4A3C7982775}"/>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1" name="正方形/長方形 380">
          <a:extLst>
            <a:ext uri="{FF2B5EF4-FFF2-40B4-BE49-F238E27FC236}">
              <a16:creationId xmlns:a16="http://schemas.microsoft.com/office/drawing/2014/main" id="{E6C7A556-4938-4981-A7C8-49974B4072AF}"/>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2" name="正方形/長方形 381">
          <a:extLst>
            <a:ext uri="{FF2B5EF4-FFF2-40B4-BE49-F238E27FC236}">
              <a16:creationId xmlns:a16="http://schemas.microsoft.com/office/drawing/2014/main" id="{D4B45C64-BE79-4D97-AEDC-25C6A12A56EF}"/>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3" name="正方形/長方形 382">
          <a:extLst>
            <a:ext uri="{FF2B5EF4-FFF2-40B4-BE49-F238E27FC236}">
              <a16:creationId xmlns:a16="http://schemas.microsoft.com/office/drawing/2014/main" id="{3C2A86E8-E5DF-4D59-9B5B-8A9CCA4D6E12}"/>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4" name="正方形/長方形 383">
          <a:extLst>
            <a:ext uri="{FF2B5EF4-FFF2-40B4-BE49-F238E27FC236}">
              <a16:creationId xmlns:a16="http://schemas.microsoft.com/office/drawing/2014/main" id="{1F8E2CDE-44BC-4AF7-BF9D-5863DBADADFD}"/>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5" name="正方形/長方形 384">
          <a:extLst>
            <a:ext uri="{FF2B5EF4-FFF2-40B4-BE49-F238E27FC236}">
              <a16:creationId xmlns:a16="http://schemas.microsoft.com/office/drawing/2014/main" id="{59AE1AD1-8DF9-45DA-94B9-07B4706BFDD4}"/>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a:extLst>
            <a:ext uri="{FF2B5EF4-FFF2-40B4-BE49-F238E27FC236}">
              <a16:creationId xmlns:a16="http://schemas.microsoft.com/office/drawing/2014/main" id="{9E7DEB14-81F3-4B88-82AC-5CA62B88961E}"/>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7" name="テキスト ボックス 386">
          <a:extLst>
            <a:ext uri="{FF2B5EF4-FFF2-40B4-BE49-F238E27FC236}">
              <a16:creationId xmlns:a16="http://schemas.microsoft.com/office/drawing/2014/main" id="{AC872DF5-C0DA-42F0-9089-E80EF28A89B3}"/>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8" name="直線コネクタ 387">
          <a:extLst>
            <a:ext uri="{FF2B5EF4-FFF2-40B4-BE49-F238E27FC236}">
              <a16:creationId xmlns:a16="http://schemas.microsoft.com/office/drawing/2014/main" id="{CACA4F8B-BCC2-4CD9-B1CB-CE0B89F3FAA4}"/>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9" name="テキスト ボックス 388">
          <a:extLst>
            <a:ext uri="{FF2B5EF4-FFF2-40B4-BE49-F238E27FC236}">
              <a16:creationId xmlns:a16="http://schemas.microsoft.com/office/drawing/2014/main" id="{590F7610-9E16-49EE-98D9-3868D194F311}"/>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90" name="直線コネクタ 389">
          <a:extLst>
            <a:ext uri="{FF2B5EF4-FFF2-40B4-BE49-F238E27FC236}">
              <a16:creationId xmlns:a16="http://schemas.microsoft.com/office/drawing/2014/main" id="{D5361DB7-FADB-46E9-AB17-7DEFB41CEB40}"/>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1" name="テキスト ボックス 390">
          <a:extLst>
            <a:ext uri="{FF2B5EF4-FFF2-40B4-BE49-F238E27FC236}">
              <a16:creationId xmlns:a16="http://schemas.microsoft.com/office/drawing/2014/main" id="{19D6D5CF-9A71-42A9-A398-9F0324FEBBB3}"/>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2" name="直線コネクタ 391">
          <a:extLst>
            <a:ext uri="{FF2B5EF4-FFF2-40B4-BE49-F238E27FC236}">
              <a16:creationId xmlns:a16="http://schemas.microsoft.com/office/drawing/2014/main" id="{3C849EEB-3FA1-4537-A64D-E3DC034DBD00}"/>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3" name="テキスト ボックス 392">
          <a:extLst>
            <a:ext uri="{FF2B5EF4-FFF2-40B4-BE49-F238E27FC236}">
              <a16:creationId xmlns:a16="http://schemas.microsoft.com/office/drawing/2014/main" id="{A9FB53D4-60B3-45FF-BE86-7CDA14D8E916}"/>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4" name="直線コネクタ 393">
          <a:extLst>
            <a:ext uri="{FF2B5EF4-FFF2-40B4-BE49-F238E27FC236}">
              <a16:creationId xmlns:a16="http://schemas.microsoft.com/office/drawing/2014/main" id="{284EDA0A-49F3-4A6A-919C-19D4B59F4FDA}"/>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5" name="テキスト ボックス 394">
          <a:extLst>
            <a:ext uri="{FF2B5EF4-FFF2-40B4-BE49-F238E27FC236}">
              <a16:creationId xmlns:a16="http://schemas.microsoft.com/office/drawing/2014/main" id="{613DA125-D705-47E4-AA09-20293008954C}"/>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6" name="直線コネクタ 395">
          <a:extLst>
            <a:ext uri="{FF2B5EF4-FFF2-40B4-BE49-F238E27FC236}">
              <a16:creationId xmlns:a16="http://schemas.microsoft.com/office/drawing/2014/main" id="{54DEC2CF-27D8-4F61-8AF9-76D1D328BC04}"/>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7" name="テキスト ボックス 396">
          <a:extLst>
            <a:ext uri="{FF2B5EF4-FFF2-40B4-BE49-F238E27FC236}">
              <a16:creationId xmlns:a16="http://schemas.microsoft.com/office/drawing/2014/main" id="{7FAD67B6-4D5B-4FFB-8569-3BAE0948B989}"/>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8" name="直線コネクタ 397">
          <a:extLst>
            <a:ext uri="{FF2B5EF4-FFF2-40B4-BE49-F238E27FC236}">
              <a16:creationId xmlns:a16="http://schemas.microsoft.com/office/drawing/2014/main" id="{FF78710F-4C04-4F1F-A86F-7D8030730A3C}"/>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9" name="テキスト ボックス 398">
          <a:extLst>
            <a:ext uri="{FF2B5EF4-FFF2-40B4-BE49-F238E27FC236}">
              <a16:creationId xmlns:a16="http://schemas.microsoft.com/office/drawing/2014/main" id="{7271B68F-2447-40BE-AB84-3B72BD0ED40B}"/>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400" name="直線コネクタ 399">
          <a:extLst>
            <a:ext uri="{FF2B5EF4-FFF2-40B4-BE49-F238E27FC236}">
              <a16:creationId xmlns:a16="http://schemas.microsoft.com/office/drawing/2014/main" id="{69B4D5D7-E1D7-4DAF-840A-A73102E5E8FB}"/>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1" name="テキスト ボックス 400">
          <a:extLst>
            <a:ext uri="{FF2B5EF4-FFF2-40B4-BE49-F238E27FC236}">
              <a16:creationId xmlns:a16="http://schemas.microsoft.com/office/drawing/2014/main" id="{E1F38D34-7FA8-45A6-85E0-D54D52C6E48A}"/>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2" name="直線コネクタ 401">
          <a:extLst>
            <a:ext uri="{FF2B5EF4-FFF2-40B4-BE49-F238E27FC236}">
              <a16:creationId xmlns:a16="http://schemas.microsoft.com/office/drawing/2014/main" id="{D35E863B-B340-4820-A69C-5340B12E3B95}"/>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3" name="【港湾・漁港】&#10;有形固定資産減価償却率グラフ枠">
          <a:extLst>
            <a:ext uri="{FF2B5EF4-FFF2-40B4-BE49-F238E27FC236}">
              <a16:creationId xmlns:a16="http://schemas.microsoft.com/office/drawing/2014/main" id="{1266FF46-4E18-4340-BA95-F2D68F1D13FC}"/>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90895</xdr:rowOff>
    </xdr:from>
    <xdr:to>
      <xdr:col>24</xdr:col>
      <xdr:colOff>62865</xdr:colOff>
      <xdr:row>108</xdr:row>
      <xdr:rowOff>110489</xdr:rowOff>
    </xdr:to>
    <xdr:cxnSp macro="">
      <xdr:nvCxnSpPr>
        <xdr:cNvPr id="404" name="直線コネクタ 403">
          <a:extLst>
            <a:ext uri="{FF2B5EF4-FFF2-40B4-BE49-F238E27FC236}">
              <a16:creationId xmlns:a16="http://schemas.microsoft.com/office/drawing/2014/main" id="{6831A747-7690-4485-8816-EE6122CDF93E}"/>
            </a:ext>
          </a:extLst>
        </xdr:cNvPr>
        <xdr:cNvCxnSpPr/>
      </xdr:nvCxnSpPr>
      <xdr:spPr>
        <a:xfrm flipV="1">
          <a:off x="4634865" y="17235895"/>
          <a:ext cx="0" cy="13911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14316</xdr:rowOff>
    </xdr:from>
    <xdr:ext cx="405111" cy="259045"/>
    <xdr:sp macro="" textlink="">
      <xdr:nvSpPr>
        <xdr:cNvPr id="405" name="【港湾・漁港】&#10;有形固定資産減価償却率最小値テキスト">
          <a:extLst>
            <a:ext uri="{FF2B5EF4-FFF2-40B4-BE49-F238E27FC236}">
              <a16:creationId xmlns:a16="http://schemas.microsoft.com/office/drawing/2014/main" id="{481E50D9-C9FE-4815-805D-5065C6990E7E}"/>
            </a:ext>
          </a:extLst>
        </xdr:cNvPr>
        <xdr:cNvSpPr txBox="1"/>
      </xdr:nvSpPr>
      <xdr:spPr>
        <a:xfrm>
          <a:off x="4673600" y="186309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10489</xdr:rowOff>
    </xdr:from>
    <xdr:to>
      <xdr:col>24</xdr:col>
      <xdr:colOff>152400</xdr:colOff>
      <xdr:row>108</xdr:row>
      <xdr:rowOff>110489</xdr:rowOff>
    </xdr:to>
    <xdr:cxnSp macro="">
      <xdr:nvCxnSpPr>
        <xdr:cNvPr id="406" name="直線コネクタ 405">
          <a:extLst>
            <a:ext uri="{FF2B5EF4-FFF2-40B4-BE49-F238E27FC236}">
              <a16:creationId xmlns:a16="http://schemas.microsoft.com/office/drawing/2014/main" id="{5C5C3B03-0D84-4BFA-A012-FA4F10798F01}"/>
            </a:ext>
          </a:extLst>
        </xdr:cNvPr>
        <xdr:cNvCxnSpPr/>
      </xdr:nvCxnSpPr>
      <xdr:spPr>
        <a:xfrm>
          <a:off x="4546600" y="186270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37572</xdr:rowOff>
    </xdr:from>
    <xdr:ext cx="340478" cy="259045"/>
    <xdr:sp macro="" textlink="">
      <xdr:nvSpPr>
        <xdr:cNvPr id="407" name="【港湾・漁港】&#10;有形固定資産減価償却率最大値テキスト">
          <a:extLst>
            <a:ext uri="{FF2B5EF4-FFF2-40B4-BE49-F238E27FC236}">
              <a16:creationId xmlns:a16="http://schemas.microsoft.com/office/drawing/2014/main" id="{395AE259-5242-49BE-A207-5E16D8DE3003}"/>
            </a:ext>
          </a:extLst>
        </xdr:cNvPr>
        <xdr:cNvSpPr txBox="1"/>
      </xdr:nvSpPr>
      <xdr:spPr>
        <a:xfrm>
          <a:off x="4673600" y="1701112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90895</xdr:rowOff>
    </xdr:from>
    <xdr:to>
      <xdr:col>24</xdr:col>
      <xdr:colOff>152400</xdr:colOff>
      <xdr:row>100</xdr:row>
      <xdr:rowOff>90895</xdr:rowOff>
    </xdr:to>
    <xdr:cxnSp macro="">
      <xdr:nvCxnSpPr>
        <xdr:cNvPr id="408" name="直線コネクタ 407">
          <a:extLst>
            <a:ext uri="{FF2B5EF4-FFF2-40B4-BE49-F238E27FC236}">
              <a16:creationId xmlns:a16="http://schemas.microsoft.com/office/drawing/2014/main" id="{992B6C12-C5CF-435C-92F4-C247AC4DA9ED}"/>
            </a:ext>
          </a:extLst>
        </xdr:cNvPr>
        <xdr:cNvCxnSpPr/>
      </xdr:nvCxnSpPr>
      <xdr:spPr>
        <a:xfrm>
          <a:off x="4546600" y="172358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40988</xdr:rowOff>
    </xdr:from>
    <xdr:ext cx="405111" cy="259045"/>
    <xdr:sp macro="" textlink="">
      <xdr:nvSpPr>
        <xdr:cNvPr id="409" name="【港湾・漁港】&#10;有形固定資産減価償却率平均値テキスト">
          <a:extLst>
            <a:ext uri="{FF2B5EF4-FFF2-40B4-BE49-F238E27FC236}">
              <a16:creationId xmlns:a16="http://schemas.microsoft.com/office/drawing/2014/main" id="{71FD7B28-643F-4B7C-ADE6-7748ECE19928}"/>
            </a:ext>
          </a:extLst>
        </xdr:cNvPr>
        <xdr:cNvSpPr txBox="1"/>
      </xdr:nvSpPr>
      <xdr:spPr>
        <a:xfrm>
          <a:off x="4673600" y="179717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62561</xdr:rowOff>
    </xdr:from>
    <xdr:to>
      <xdr:col>24</xdr:col>
      <xdr:colOff>114300</xdr:colOff>
      <xdr:row>105</xdr:row>
      <xdr:rowOff>92711</xdr:rowOff>
    </xdr:to>
    <xdr:sp macro="" textlink="">
      <xdr:nvSpPr>
        <xdr:cNvPr id="410" name="フローチャート: 判断 409">
          <a:extLst>
            <a:ext uri="{FF2B5EF4-FFF2-40B4-BE49-F238E27FC236}">
              <a16:creationId xmlns:a16="http://schemas.microsoft.com/office/drawing/2014/main" id="{FED4FBF9-81C5-42BB-8337-7994F72D73BD}"/>
            </a:ext>
          </a:extLst>
        </xdr:cNvPr>
        <xdr:cNvSpPr/>
      </xdr:nvSpPr>
      <xdr:spPr>
        <a:xfrm>
          <a:off x="4584700" y="1799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28270</xdr:rowOff>
    </xdr:from>
    <xdr:to>
      <xdr:col>20</xdr:col>
      <xdr:colOff>38100</xdr:colOff>
      <xdr:row>105</xdr:row>
      <xdr:rowOff>58420</xdr:rowOff>
    </xdr:to>
    <xdr:sp macro="" textlink="">
      <xdr:nvSpPr>
        <xdr:cNvPr id="411" name="フローチャート: 判断 410">
          <a:extLst>
            <a:ext uri="{FF2B5EF4-FFF2-40B4-BE49-F238E27FC236}">
              <a16:creationId xmlns:a16="http://schemas.microsoft.com/office/drawing/2014/main" id="{583F6116-B99D-4237-9E27-CF2877219A22}"/>
            </a:ext>
          </a:extLst>
        </xdr:cNvPr>
        <xdr:cNvSpPr/>
      </xdr:nvSpPr>
      <xdr:spPr>
        <a:xfrm>
          <a:off x="3746500" y="1795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20501</xdr:rowOff>
    </xdr:from>
    <xdr:to>
      <xdr:col>15</xdr:col>
      <xdr:colOff>101600</xdr:colOff>
      <xdr:row>104</xdr:row>
      <xdr:rowOff>122101</xdr:rowOff>
    </xdr:to>
    <xdr:sp macro="" textlink="">
      <xdr:nvSpPr>
        <xdr:cNvPr id="412" name="フローチャート: 判断 411">
          <a:extLst>
            <a:ext uri="{FF2B5EF4-FFF2-40B4-BE49-F238E27FC236}">
              <a16:creationId xmlns:a16="http://schemas.microsoft.com/office/drawing/2014/main" id="{3E3AF792-FB07-4E2F-ABB4-4A149167770A}"/>
            </a:ext>
          </a:extLst>
        </xdr:cNvPr>
        <xdr:cNvSpPr/>
      </xdr:nvSpPr>
      <xdr:spPr>
        <a:xfrm>
          <a:off x="2857500" y="17851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165826</xdr:rowOff>
    </xdr:from>
    <xdr:to>
      <xdr:col>10</xdr:col>
      <xdr:colOff>165100</xdr:colOff>
      <xdr:row>104</xdr:row>
      <xdr:rowOff>95976</xdr:rowOff>
    </xdr:to>
    <xdr:sp macro="" textlink="">
      <xdr:nvSpPr>
        <xdr:cNvPr id="413" name="フローチャート: 判断 412">
          <a:extLst>
            <a:ext uri="{FF2B5EF4-FFF2-40B4-BE49-F238E27FC236}">
              <a16:creationId xmlns:a16="http://schemas.microsoft.com/office/drawing/2014/main" id="{EEFC4CDA-6BB7-4773-9182-1B7378634669}"/>
            </a:ext>
          </a:extLst>
        </xdr:cNvPr>
        <xdr:cNvSpPr/>
      </xdr:nvSpPr>
      <xdr:spPr>
        <a:xfrm>
          <a:off x="1968500" y="17825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97245</xdr:rowOff>
    </xdr:from>
    <xdr:to>
      <xdr:col>6</xdr:col>
      <xdr:colOff>38100</xdr:colOff>
      <xdr:row>105</xdr:row>
      <xdr:rowOff>27395</xdr:rowOff>
    </xdr:to>
    <xdr:sp macro="" textlink="">
      <xdr:nvSpPr>
        <xdr:cNvPr id="414" name="フローチャート: 判断 413">
          <a:extLst>
            <a:ext uri="{FF2B5EF4-FFF2-40B4-BE49-F238E27FC236}">
              <a16:creationId xmlns:a16="http://schemas.microsoft.com/office/drawing/2014/main" id="{E4E6C9C9-F09A-4D10-8EF8-9AB2C5D1C99D}"/>
            </a:ext>
          </a:extLst>
        </xdr:cNvPr>
        <xdr:cNvSpPr/>
      </xdr:nvSpPr>
      <xdr:spPr>
        <a:xfrm>
          <a:off x="1079500" y="17928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id="{6C440497-6ABD-4D3B-B507-D2B631A7B69F}"/>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6" name="テキスト ボックス 415">
          <a:extLst>
            <a:ext uri="{FF2B5EF4-FFF2-40B4-BE49-F238E27FC236}">
              <a16:creationId xmlns:a16="http://schemas.microsoft.com/office/drawing/2014/main" id="{DB7078C7-03DE-4441-B9B6-9C3B929BA212}"/>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7" name="テキスト ボックス 416">
          <a:extLst>
            <a:ext uri="{FF2B5EF4-FFF2-40B4-BE49-F238E27FC236}">
              <a16:creationId xmlns:a16="http://schemas.microsoft.com/office/drawing/2014/main" id="{FCFE6774-44AA-4CBC-9E12-4115454B687C}"/>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8" name="テキスト ボックス 417">
          <a:extLst>
            <a:ext uri="{FF2B5EF4-FFF2-40B4-BE49-F238E27FC236}">
              <a16:creationId xmlns:a16="http://schemas.microsoft.com/office/drawing/2014/main" id="{A1696FA3-ACDE-486A-B889-6089DDFFE63B}"/>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9" name="テキスト ボックス 418">
          <a:extLst>
            <a:ext uri="{FF2B5EF4-FFF2-40B4-BE49-F238E27FC236}">
              <a16:creationId xmlns:a16="http://schemas.microsoft.com/office/drawing/2014/main" id="{4F369FA0-9F58-425D-80EF-F6313D6BBCFC}"/>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2</xdr:row>
      <xdr:rowOff>28666</xdr:rowOff>
    </xdr:from>
    <xdr:to>
      <xdr:col>24</xdr:col>
      <xdr:colOff>114300</xdr:colOff>
      <xdr:row>102</xdr:row>
      <xdr:rowOff>130266</xdr:rowOff>
    </xdr:to>
    <xdr:sp macro="" textlink="">
      <xdr:nvSpPr>
        <xdr:cNvPr id="420" name="楕円 419">
          <a:extLst>
            <a:ext uri="{FF2B5EF4-FFF2-40B4-BE49-F238E27FC236}">
              <a16:creationId xmlns:a16="http://schemas.microsoft.com/office/drawing/2014/main" id="{C7CB92E6-5C7B-486B-B730-8DC091A592C8}"/>
            </a:ext>
          </a:extLst>
        </xdr:cNvPr>
        <xdr:cNvSpPr/>
      </xdr:nvSpPr>
      <xdr:spPr>
        <a:xfrm>
          <a:off x="4584700" y="17516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1</xdr:row>
      <xdr:rowOff>51543</xdr:rowOff>
    </xdr:from>
    <xdr:ext cx="405111" cy="259045"/>
    <xdr:sp macro="" textlink="">
      <xdr:nvSpPr>
        <xdr:cNvPr id="421" name="【港湾・漁港】&#10;有形固定資産減価償却率該当値テキスト">
          <a:extLst>
            <a:ext uri="{FF2B5EF4-FFF2-40B4-BE49-F238E27FC236}">
              <a16:creationId xmlns:a16="http://schemas.microsoft.com/office/drawing/2014/main" id="{0E60E2E7-D769-4FEE-8385-E1FD3C88E304}"/>
            </a:ext>
          </a:extLst>
        </xdr:cNvPr>
        <xdr:cNvSpPr txBox="1"/>
      </xdr:nvSpPr>
      <xdr:spPr>
        <a:xfrm>
          <a:off x="4673600" y="173679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9071</xdr:rowOff>
    </xdr:from>
    <xdr:to>
      <xdr:col>20</xdr:col>
      <xdr:colOff>38100</xdr:colOff>
      <xdr:row>102</xdr:row>
      <xdr:rowOff>110671</xdr:rowOff>
    </xdr:to>
    <xdr:sp macro="" textlink="">
      <xdr:nvSpPr>
        <xdr:cNvPr id="422" name="楕円 421">
          <a:extLst>
            <a:ext uri="{FF2B5EF4-FFF2-40B4-BE49-F238E27FC236}">
              <a16:creationId xmlns:a16="http://schemas.microsoft.com/office/drawing/2014/main" id="{27C83716-EB96-4CD2-8327-3C5ECDF263A5}"/>
            </a:ext>
          </a:extLst>
        </xdr:cNvPr>
        <xdr:cNvSpPr/>
      </xdr:nvSpPr>
      <xdr:spPr>
        <a:xfrm>
          <a:off x="3746500" y="17496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2</xdr:row>
      <xdr:rowOff>59871</xdr:rowOff>
    </xdr:from>
    <xdr:to>
      <xdr:col>24</xdr:col>
      <xdr:colOff>63500</xdr:colOff>
      <xdr:row>102</xdr:row>
      <xdr:rowOff>79466</xdr:rowOff>
    </xdr:to>
    <xdr:cxnSp macro="">
      <xdr:nvCxnSpPr>
        <xdr:cNvPr id="423" name="直線コネクタ 422">
          <a:extLst>
            <a:ext uri="{FF2B5EF4-FFF2-40B4-BE49-F238E27FC236}">
              <a16:creationId xmlns:a16="http://schemas.microsoft.com/office/drawing/2014/main" id="{A2C14E73-DBFE-424B-8685-E5CE429FB846}"/>
            </a:ext>
          </a:extLst>
        </xdr:cNvPr>
        <xdr:cNvCxnSpPr/>
      </xdr:nvCxnSpPr>
      <xdr:spPr>
        <a:xfrm>
          <a:off x="3797300" y="17547771"/>
          <a:ext cx="838200" cy="19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1</xdr:row>
      <xdr:rowOff>147864</xdr:rowOff>
    </xdr:from>
    <xdr:to>
      <xdr:col>15</xdr:col>
      <xdr:colOff>101600</xdr:colOff>
      <xdr:row>102</xdr:row>
      <xdr:rowOff>78014</xdr:rowOff>
    </xdr:to>
    <xdr:sp macro="" textlink="">
      <xdr:nvSpPr>
        <xdr:cNvPr id="424" name="楕円 423">
          <a:extLst>
            <a:ext uri="{FF2B5EF4-FFF2-40B4-BE49-F238E27FC236}">
              <a16:creationId xmlns:a16="http://schemas.microsoft.com/office/drawing/2014/main" id="{8C01D6FC-BD90-4C5A-8E60-297F19FE9957}"/>
            </a:ext>
          </a:extLst>
        </xdr:cNvPr>
        <xdr:cNvSpPr/>
      </xdr:nvSpPr>
      <xdr:spPr>
        <a:xfrm>
          <a:off x="2857500" y="17464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2</xdr:row>
      <xdr:rowOff>27214</xdr:rowOff>
    </xdr:from>
    <xdr:to>
      <xdr:col>19</xdr:col>
      <xdr:colOff>177800</xdr:colOff>
      <xdr:row>102</xdr:row>
      <xdr:rowOff>59871</xdr:rowOff>
    </xdr:to>
    <xdr:cxnSp macro="">
      <xdr:nvCxnSpPr>
        <xdr:cNvPr id="425" name="直線コネクタ 424">
          <a:extLst>
            <a:ext uri="{FF2B5EF4-FFF2-40B4-BE49-F238E27FC236}">
              <a16:creationId xmlns:a16="http://schemas.microsoft.com/office/drawing/2014/main" id="{1245D806-7C5F-4F72-9DC3-A2E2C2564F1C}"/>
            </a:ext>
          </a:extLst>
        </xdr:cNvPr>
        <xdr:cNvCxnSpPr/>
      </xdr:nvCxnSpPr>
      <xdr:spPr>
        <a:xfrm>
          <a:off x="2908300" y="17515114"/>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1</xdr:row>
      <xdr:rowOff>115207</xdr:rowOff>
    </xdr:from>
    <xdr:to>
      <xdr:col>10</xdr:col>
      <xdr:colOff>165100</xdr:colOff>
      <xdr:row>102</xdr:row>
      <xdr:rowOff>45357</xdr:rowOff>
    </xdr:to>
    <xdr:sp macro="" textlink="">
      <xdr:nvSpPr>
        <xdr:cNvPr id="426" name="楕円 425">
          <a:extLst>
            <a:ext uri="{FF2B5EF4-FFF2-40B4-BE49-F238E27FC236}">
              <a16:creationId xmlns:a16="http://schemas.microsoft.com/office/drawing/2014/main" id="{FD0682AB-9284-4598-A0C4-0661CFF59F3A}"/>
            </a:ext>
          </a:extLst>
        </xdr:cNvPr>
        <xdr:cNvSpPr/>
      </xdr:nvSpPr>
      <xdr:spPr>
        <a:xfrm>
          <a:off x="1968500" y="17431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1</xdr:row>
      <xdr:rowOff>166007</xdr:rowOff>
    </xdr:from>
    <xdr:to>
      <xdr:col>15</xdr:col>
      <xdr:colOff>50800</xdr:colOff>
      <xdr:row>102</xdr:row>
      <xdr:rowOff>27214</xdr:rowOff>
    </xdr:to>
    <xdr:cxnSp macro="">
      <xdr:nvCxnSpPr>
        <xdr:cNvPr id="427" name="直線コネクタ 426">
          <a:extLst>
            <a:ext uri="{FF2B5EF4-FFF2-40B4-BE49-F238E27FC236}">
              <a16:creationId xmlns:a16="http://schemas.microsoft.com/office/drawing/2014/main" id="{87AB739F-A77E-4370-AEA6-BBB210C1FA27}"/>
            </a:ext>
          </a:extLst>
        </xdr:cNvPr>
        <xdr:cNvCxnSpPr/>
      </xdr:nvCxnSpPr>
      <xdr:spPr>
        <a:xfrm>
          <a:off x="2019300" y="17482457"/>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1</xdr:row>
      <xdr:rowOff>82550</xdr:rowOff>
    </xdr:from>
    <xdr:to>
      <xdr:col>6</xdr:col>
      <xdr:colOff>38100</xdr:colOff>
      <xdr:row>102</xdr:row>
      <xdr:rowOff>12700</xdr:rowOff>
    </xdr:to>
    <xdr:sp macro="" textlink="">
      <xdr:nvSpPr>
        <xdr:cNvPr id="428" name="楕円 427">
          <a:extLst>
            <a:ext uri="{FF2B5EF4-FFF2-40B4-BE49-F238E27FC236}">
              <a16:creationId xmlns:a16="http://schemas.microsoft.com/office/drawing/2014/main" id="{8AF61358-7143-4F75-9AB5-FD2DDD33B4F2}"/>
            </a:ext>
          </a:extLst>
        </xdr:cNvPr>
        <xdr:cNvSpPr/>
      </xdr:nvSpPr>
      <xdr:spPr>
        <a:xfrm>
          <a:off x="1079500" y="1739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1</xdr:row>
      <xdr:rowOff>133350</xdr:rowOff>
    </xdr:from>
    <xdr:to>
      <xdr:col>10</xdr:col>
      <xdr:colOff>114300</xdr:colOff>
      <xdr:row>101</xdr:row>
      <xdr:rowOff>166007</xdr:rowOff>
    </xdr:to>
    <xdr:cxnSp macro="">
      <xdr:nvCxnSpPr>
        <xdr:cNvPr id="429" name="直線コネクタ 428">
          <a:extLst>
            <a:ext uri="{FF2B5EF4-FFF2-40B4-BE49-F238E27FC236}">
              <a16:creationId xmlns:a16="http://schemas.microsoft.com/office/drawing/2014/main" id="{35401551-86B1-4657-B75D-E96813E50268}"/>
            </a:ext>
          </a:extLst>
        </xdr:cNvPr>
        <xdr:cNvCxnSpPr/>
      </xdr:nvCxnSpPr>
      <xdr:spPr>
        <a:xfrm>
          <a:off x="1130300" y="1744980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49547</xdr:rowOff>
    </xdr:from>
    <xdr:ext cx="405111" cy="259045"/>
    <xdr:sp macro="" textlink="">
      <xdr:nvSpPr>
        <xdr:cNvPr id="430" name="n_1aveValue【港湾・漁港】&#10;有形固定資産減価償却率">
          <a:extLst>
            <a:ext uri="{FF2B5EF4-FFF2-40B4-BE49-F238E27FC236}">
              <a16:creationId xmlns:a16="http://schemas.microsoft.com/office/drawing/2014/main" id="{8BB32618-281C-4E97-AB85-69D64E7C428A}"/>
            </a:ext>
          </a:extLst>
        </xdr:cNvPr>
        <xdr:cNvSpPr txBox="1"/>
      </xdr:nvSpPr>
      <xdr:spPr>
        <a:xfrm>
          <a:off x="3582044" y="18051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13228</xdr:rowOff>
    </xdr:from>
    <xdr:ext cx="405111" cy="259045"/>
    <xdr:sp macro="" textlink="">
      <xdr:nvSpPr>
        <xdr:cNvPr id="431" name="n_2aveValue【港湾・漁港】&#10;有形固定資産減価償却率">
          <a:extLst>
            <a:ext uri="{FF2B5EF4-FFF2-40B4-BE49-F238E27FC236}">
              <a16:creationId xmlns:a16="http://schemas.microsoft.com/office/drawing/2014/main" id="{C8960809-2A98-4CF4-93C8-8AADEF7934C4}"/>
            </a:ext>
          </a:extLst>
        </xdr:cNvPr>
        <xdr:cNvSpPr txBox="1"/>
      </xdr:nvSpPr>
      <xdr:spPr>
        <a:xfrm>
          <a:off x="2705744" y="179440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87103</xdr:rowOff>
    </xdr:from>
    <xdr:ext cx="405111" cy="259045"/>
    <xdr:sp macro="" textlink="">
      <xdr:nvSpPr>
        <xdr:cNvPr id="432" name="n_3aveValue【港湾・漁港】&#10;有形固定資産減価償却率">
          <a:extLst>
            <a:ext uri="{FF2B5EF4-FFF2-40B4-BE49-F238E27FC236}">
              <a16:creationId xmlns:a16="http://schemas.microsoft.com/office/drawing/2014/main" id="{422DE4C0-9D30-4E74-8D9F-14AAC1C492D0}"/>
            </a:ext>
          </a:extLst>
        </xdr:cNvPr>
        <xdr:cNvSpPr txBox="1"/>
      </xdr:nvSpPr>
      <xdr:spPr>
        <a:xfrm>
          <a:off x="1816744" y="179179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18522</xdr:rowOff>
    </xdr:from>
    <xdr:ext cx="405111" cy="259045"/>
    <xdr:sp macro="" textlink="">
      <xdr:nvSpPr>
        <xdr:cNvPr id="433" name="n_4aveValue【港湾・漁港】&#10;有形固定資産減価償却率">
          <a:extLst>
            <a:ext uri="{FF2B5EF4-FFF2-40B4-BE49-F238E27FC236}">
              <a16:creationId xmlns:a16="http://schemas.microsoft.com/office/drawing/2014/main" id="{28F1B711-456D-4EE6-898B-6952EEF1265C}"/>
            </a:ext>
          </a:extLst>
        </xdr:cNvPr>
        <xdr:cNvSpPr txBox="1"/>
      </xdr:nvSpPr>
      <xdr:spPr>
        <a:xfrm>
          <a:off x="927744" y="18020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0</xdr:row>
      <xdr:rowOff>127198</xdr:rowOff>
    </xdr:from>
    <xdr:ext cx="405111" cy="259045"/>
    <xdr:sp macro="" textlink="">
      <xdr:nvSpPr>
        <xdr:cNvPr id="434" name="n_1mainValue【港湾・漁港】&#10;有形固定資産減価償却率">
          <a:extLst>
            <a:ext uri="{FF2B5EF4-FFF2-40B4-BE49-F238E27FC236}">
              <a16:creationId xmlns:a16="http://schemas.microsoft.com/office/drawing/2014/main" id="{0D942753-E64D-492F-96FD-5FCBBB02BB7D}"/>
            </a:ext>
          </a:extLst>
        </xdr:cNvPr>
        <xdr:cNvSpPr txBox="1"/>
      </xdr:nvSpPr>
      <xdr:spPr>
        <a:xfrm>
          <a:off x="3582044" y="172721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0</xdr:row>
      <xdr:rowOff>94541</xdr:rowOff>
    </xdr:from>
    <xdr:ext cx="405111" cy="259045"/>
    <xdr:sp macro="" textlink="">
      <xdr:nvSpPr>
        <xdr:cNvPr id="435" name="n_2mainValue【港湾・漁港】&#10;有形固定資産減価償却率">
          <a:extLst>
            <a:ext uri="{FF2B5EF4-FFF2-40B4-BE49-F238E27FC236}">
              <a16:creationId xmlns:a16="http://schemas.microsoft.com/office/drawing/2014/main" id="{03C5C1EE-559F-41B1-AA60-44E41933879B}"/>
            </a:ext>
          </a:extLst>
        </xdr:cNvPr>
        <xdr:cNvSpPr txBox="1"/>
      </xdr:nvSpPr>
      <xdr:spPr>
        <a:xfrm>
          <a:off x="2705744" y="172395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0</xdr:row>
      <xdr:rowOff>61884</xdr:rowOff>
    </xdr:from>
    <xdr:ext cx="405111" cy="259045"/>
    <xdr:sp macro="" textlink="">
      <xdr:nvSpPr>
        <xdr:cNvPr id="436" name="n_3mainValue【港湾・漁港】&#10;有形固定資産減価償却率">
          <a:extLst>
            <a:ext uri="{FF2B5EF4-FFF2-40B4-BE49-F238E27FC236}">
              <a16:creationId xmlns:a16="http://schemas.microsoft.com/office/drawing/2014/main" id="{FEE041CF-CEF1-4E3D-9425-A7641EFB0B14}"/>
            </a:ext>
          </a:extLst>
        </xdr:cNvPr>
        <xdr:cNvSpPr txBox="1"/>
      </xdr:nvSpPr>
      <xdr:spPr>
        <a:xfrm>
          <a:off x="1816744" y="172068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0</xdr:row>
      <xdr:rowOff>29227</xdr:rowOff>
    </xdr:from>
    <xdr:ext cx="405111" cy="259045"/>
    <xdr:sp macro="" textlink="">
      <xdr:nvSpPr>
        <xdr:cNvPr id="437" name="n_4mainValue【港湾・漁港】&#10;有形固定資産減価償却率">
          <a:extLst>
            <a:ext uri="{FF2B5EF4-FFF2-40B4-BE49-F238E27FC236}">
              <a16:creationId xmlns:a16="http://schemas.microsoft.com/office/drawing/2014/main" id="{24C9192F-EFD9-4079-95FB-AF5B3518FCE9}"/>
            </a:ext>
          </a:extLst>
        </xdr:cNvPr>
        <xdr:cNvSpPr txBox="1"/>
      </xdr:nvSpPr>
      <xdr:spPr>
        <a:xfrm>
          <a:off x="927744" y="17174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8" name="正方形/長方形 437">
          <a:extLst>
            <a:ext uri="{FF2B5EF4-FFF2-40B4-BE49-F238E27FC236}">
              <a16:creationId xmlns:a16="http://schemas.microsoft.com/office/drawing/2014/main" id="{E77826FF-A0D4-4B80-A475-29C85948723F}"/>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9" name="正方形/長方形 438">
          <a:extLst>
            <a:ext uri="{FF2B5EF4-FFF2-40B4-BE49-F238E27FC236}">
              <a16:creationId xmlns:a16="http://schemas.microsoft.com/office/drawing/2014/main" id="{8A4FEA42-5ED1-46D9-BDBA-6D6766C19C2C}"/>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0" name="正方形/長方形 439">
          <a:extLst>
            <a:ext uri="{FF2B5EF4-FFF2-40B4-BE49-F238E27FC236}">
              <a16:creationId xmlns:a16="http://schemas.microsoft.com/office/drawing/2014/main" id="{A3E5151A-D3F0-4188-BD77-350696FD9C14}"/>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1" name="正方形/長方形 440">
          <a:extLst>
            <a:ext uri="{FF2B5EF4-FFF2-40B4-BE49-F238E27FC236}">
              <a16:creationId xmlns:a16="http://schemas.microsoft.com/office/drawing/2014/main" id="{57C7EF95-8CAB-4AF1-9F51-9DDEB6E7B388}"/>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2" name="正方形/長方形 441">
          <a:extLst>
            <a:ext uri="{FF2B5EF4-FFF2-40B4-BE49-F238E27FC236}">
              <a16:creationId xmlns:a16="http://schemas.microsoft.com/office/drawing/2014/main" id="{E196E823-A4D5-4C9E-9A61-42FF0CE48FFC}"/>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3" name="正方形/長方形 442">
          <a:extLst>
            <a:ext uri="{FF2B5EF4-FFF2-40B4-BE49-F238E27FC236}">
              <a16:creationId xmlns:a16="http://schemas.microsoft.com/office/drawing/2014/main" id="{D6EF9AD3-7667-413E-8FFF-7AF5DAFE082E}"/>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4" name="正方形/長方形 443">
          <a:extLst>
            <a:ext uri="{FF2B5EF4-FFF2-40B4-BE49-F238E27FC236}">
              <a16:creationId xmlns:a16="http://schemas.microsoft.com/office/drawing/2014/main" id="{36206799-96B2-42FB-9DEF-D3AA6E53D98C}"/>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5" name="正方形/長方形 444">
          <a:extLst>
            <a:ext uri="{FF2B5EF4-FFF2-40B4-BE49-F238E27FC236}">
              <a16:creationId xmlns:a16="http://schemas.microsoft.com/office/drawing/2014/main" id="{B36ADE22-971D-4C61-B882-B5CC1DA00873}"/>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6" name="テキスト ボックス 445">
          <a:extLst>
            <a:ext uri="{FF2B5EF4-FFF2-40B4-BE49-F238E27FC236}">
              <a16:creationId xmlns:a16="http://schemas.microsoft.com/office/drawing/2014/main" id="{0CE6D1E8-7E9E-4969-8AA0-9038412D96A9}"/>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7" name="直線コネクタ 446">
          <a:extLst>
            <a:ext uri="{FF2B5EF4-FFF2-40B4-BE49-F238E27FC236}">
              <a16:creationId xmlns:a16="http://schemas.microsoft.com/office/drawing/2014/main" id="{1DA63520-5D98-4933-9AB9-30A29A1E653F}"/>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8" name="直線コネクタ 447">
          <a:extLst>
            <a:ext uri="{FF2B5EF4-FFF2-40B4-BE49-F238E27FC236}">
              <a16:creationId xmlns:a16="http://schemas.microsoft.com/office/drawing/2014/main" id="{7B43A289-C8DD-4786-BD5F-6A7AAF57C4D6}"/>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449" name="テキスト ボックス 448">
          <a:extLst>
            <a:ext uri="{FF2B5EF4-FFF2-40B4-BE49-F238E27FC236}">
              <a16:creationId xmlns:a16="http://schemas.microsoft.com/office/drawing/2014/main" id="{81FCC3D8-92A6-4D7B-AC0C-7D0A139FE5DB}"/>
            </a:ext>
          </a:extLst>
        </xdr:cNvPr>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50" name="直線コネクタ 449">
          <a:extLst>
            <a:ext uri="{FF2B5EF4-FFF2-40B4-BE49-F238E27FC236}">
              <a16:creationId xmlns:a16="http://schemas.microsoft.com/office/drawing/2014/main" id="{A9A5A7E5-7E3F-432C-ACCA-FAFD9F48554A}"/>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105</xdr:row>
      <xdr:rowOff>143527</xdr:rowOff>
    </xdr:from>
    <xdr:ext cx="685572" cy="259045"/>
    <xdr:sp macro="" textlink="">
      <xdr:nvSpPr>
        <xdr:cNvPr id="451" name="テキスト ボックス 450">
          <a:extLst>
            <a:ext uri="{FF2B5EF4-FFF2-40B4-BE49-F238E27FC236}">
              <a16:creationId xmlns:a16="http://schemas.microsoft.com/office/drawing/2014/main" id="{028088D5-E63B-46E3-8A09-904A5CF0EB0A}"/>
            </a:ext>
          </a:extLst>
        </xdr:cNvPr>
        <xdr:cNvSpPr txBox="1"/>
      </xdr:nvSpPr>
      <xdr:spPr>
        <a:xfrm>
          <a:off x="5918428" y="1814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52" name="直線コネクタ 451">
          <a:extLst>
            <a:ext uri="{FF2B5EF4-FFF2-40B4-BE49-F238E27FC236}">
              <a16:creationId xmlns:a16="http://schemas.microsoft.com/office/drawing/2014/main" id="{2F483DF2-E130-4017-8F8D-1BF82B25A15B}"/>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103</xdr:row>
      <xdr:rowOff>105427</xdr:rowOff>
    </xdr:from>
    <xdr:ext cx="685572" cy="259045"/>
    <xdr:sp macro="" textlink="">
      <xdr:nvSpPr>
        <xdr:cNvPr id="453" name="テキスト ボックス 452">
          <a:extLst>
            <a:ext uri="{FF2B5EF4-FFF2-40B4-BE49-F238E27FC236}">
              <a16:creationId xmlns:a16="http://schemas.microsoft.com/office/drawing/2014/main" id="{E2185721-86D1-47E8-BC0E-C970B9B49C1F}"/>
            </a:ext>
          </a:extLst>
        </xdr:cNvPr>
        <xdr:cNvSpPr txBox="1"/>
      </xdr:nvSpPr>
      <xdr:spPr>
        <a:xfrm>
          <a:off x="5918428" y="1776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4" name="直線コネクタ 453">
          <a:extLst>
            <a:ext uri="{FF2B5EF4-FFF2-40B4-BE49-F238E27FC236}">
              <a16:creationId xmlns:a16="http://schemas.microsoft.com/office/drawing/2014/main" id="{B7416180-A165-4100-98DA-9F2A4947CA73}"/>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101</xdr:row>
      <xdr:rowOff>67327</xdr:rowOff>
    </xdr:from>
    <xdr:ext cx="685572" cy="259045"/>
    <xdr:sp macro="" textlink="">
      <xdr:nvSpPr>
        <xdr:cNvPr id="455" name="テキスト ボックス 454">
          <a:extLst>
            <a:ext uri="{FF2B5EF4-FFF2-40B4-BE49-F238E27FC236}">
              <a16:creationId xmlns:a16="http://schemas.microsoft.com/office/drawing/2014/main" id="{AB59130F-63F7-419F-8F83-3C99D0A98524}"/>
            </a:ext>
          </a:extLst>
        </xdr:cNvPr>
        <xdr:cNvSpPr txBox="1"/>
      </xdr:nvSpPr>
      <xdr:spPr>
        <a:xfrm>
          <a:off x="5918428" y="173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6" name="直線コネクタ 455">
          <a:extLst>
            <a:ext uri="{FF2B5EF4-FFF2-40B4-BE49-F238E27FC236}">
              <a16:creationId xmlns:a16="http://schemas.microsoft.com/office/drawing/2014/main" id="{DDEC00FA-F389-4FE3-B479-A0D9FAA2715C}"/>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9</xdr:row>
      <xdr:rowOff>29227</xdr:rowOff>
    </xdr:from>
    <xdr:ext cx="685572" cy="259045"/>
    <xdr:sp macro="" textlink="">
      <xdr:nvSpPr>
        <xdr:cNvPr id="457" name="テキスト ボックス 456">
          <a:extLst>
            <a:ext uri="{FF2B5EF4-FFF2-40B4-BE49-F238E27FC236}">
              <a16:creationId xmlns:a16="http://schemas.microsoft.com/office/drawing/2014/main" id="{45B205F5-7A85-4E1F-B553-87D08A10FFBD}"/>
            </a:ext>
          </a:extLst>
        </xdr:cNvPr>
        <xdr:cNvSpPr txBox="1"/>
      </xdr:nvSpPr>
      <xdr:spPr>
        <a:xfrm>
          <a:off x="5918428" y="1700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8" name="直線コネクタ 457">
          <a:extLst>
            <a:ext uri="{FF2B5EF4-FFF2-40B4-BE49-F238E27FC236}">
              <a16:creationId xmlns:a16="http://schemas.microsoft.com/office/drawing/2014/main" id="{472DB24D-5C6F-4FB8-960B-840BD14FDDCE}"/>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6</xdr:row>
      <xdr:rowOff>162577</xdr:rowOff>
    </xdr:from>
    <xdr:ext cx="685572" cy="259045"/>
    <xdr:sp macro="" textlink="">
      <xdr:nvSpPr>
        <xdr:cNvPr id="459" name="テキスト ボックス 458">
          <a:extLst>
            <a:ext uri="{FF2B5EF4-FFF2-40B4-BE49-F238E27FC236}">
              <a16:creationId xmlns:a16="http://schemas.microsoft.com/office/drawing/2014/main" id="{60C9CD52-5D45-4671-AA97-2EC366EB00A8}"/>
            </a:ext>
          </a:extLst>
        </xdr:cNvPr>
        <xdr:cNvSpPr txBox="1"/>
      </xdr:nvSpPr>
      <xdr:spPr>
        <a:xfrm>
          <a:off x="5918428" y="1662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0" name="【港湾・漁港】&#10;一人当たり有形固定資産（償却資産）額グラフ枠">
          <a:extLst>
            <a:ext uri="{FF2B5EF4-FFF2-40B4-BE49-F238E27FC236}">
              <a16:creationId xmlns:a16="http://schemas.microsoft.com/office/drawing/2014/main" id="{375764F4-99DC-44A5-B7AF-1F05B9C386AE}"/>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51481</xdr:rowOff>
    </xdr:from>
    <xdr:to>
      <xdr:col>54</xdr:col>
      <xdr:colOff>189865</xdr:colOff>
      <xdr:row>108</xdr:row>
      <xdr:rowOff>150840</xdr:rowOff>
    </xdr:to>
    <xdr:cxnSp macro="">
      <xdr:nvCxnSpPr>
        <xdr:cNvPr id="461" name="直線コネクタ 460">
          <a:extLst>
            <a:ext uri="{FF2B5EF4-FFF2-40B4-BE49-F238E27FC236}">
              <a16:creationId xmlns:a16="http://schemas.microsoft.com/office/drawing/2014/main" id="{1446995E-2F3F-4DE7-A116-1439018BE191}"/>
            </a:ext>
          </a:extLst>
        </xdr:cNvPr>
        <xdr:cNvCxnSpPr/>
      </xdr:nvCxnSpPr>
      <xdr:spPr>
        <a:xfrm flipV="1">
          <a:off x="10476865" y="17367931"/>
          <a:ext cx="0" cy="12995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54667</xdr:rowOff>
    </xdr:from>
    <xdr:ext cx="469744" cy="259045"/>
    <xdr:sp macro="" textlink="">
      <xdr:nvSpPr>
        <xdr:cNvPr id="462" name="【港湾・漁港】&#10;一人当たり有形固定資産（償却資産）額最小値テキスト">
          <a:extLst>
            <a:ext uri="{FF2B5EF4-FFF2-40B4-BE49-F238E27FC236}">
              <a16:creationId xmlns:a16="http://schemas.microsoft.com/office/drawing/2014/main" id="{5CBAEACB-7D59-44FD-B571-D33C8EA54779}"/>
            </a:ext>
          </a:extLst>
        </xdr:cNvPr>
        <xdr:cNvSpPr txBox="1"/>
      </xdr:nvSpPr>
      <xdr:spPr>
        <a:xfrm>
          <a:off x="10515600" y="18671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50840</xdr:rowOff>
    </xdr:from>
    <xdr:to>
      <xdr:col>55</xdr:col>
      <xdr:colOff>88900</xdr:colOff>
      <xdr:row>108</xdr:row>
      <xdr:rowOff>150840</xdr:rowOff>
    </xdr:to>
    <xdr:cxnSp macro="">
      <xdr:nvCxnSpPr>
        <xdr:cNvPr id="463" name="直線コネクタ 462">
          <a:extLst>
            <a:ext uri="{FF2B5EF4-FFF2-40B4-BE49-F238E27FC236}">
              <a16:creationId xmlns:a16="http://schemas.microsoft.com/office/drawing/2014/main" id="{5686131D-87F1-4923-9DC4-1009CE9FDCDA}"/>
            </a:ext>
          </a:extLst>
        </xdr:cNvPr>
        <xdr:cNvCxnSpPr/>
      </xdr:nvCxnSpPr>
      <xdr:spPr>
        <a:xfrm>
          <a:off x="10388600" y="18667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69608</xdr:rowOff>
    </xdr:from>
    <xdr:ext cx="690189" cy="259045"/>
    <xdr:sp macro="" textlink="">
      <xdr:nvSpPr>
        <xdr:cNvPr id="464" name="【港湾・漁港】&#10;一人当たり有形固定資産（償却資産）額最大値テキスト">
          <a:extLst>
            <a:ext uri="{FF2B5EF4-FFF2-40B4-BE49-F238E27FC236}">
              <a16:creationId xmlns:a16="http://schemas.microsoft.com/office/drawing/2014/main" id="{D6E0900E-75B3-4D5A-9F50-5BEDFA38ADE9}"/>
            </a:ext>
          </a:extLst>
        </xdr:cNvPr>
        <xdr:cNvSpPr txBox="1"/>
      </xdr:nvSpPr>
      <xdr:spPr>
        <a:xfrm>
          <a:off x="10515600" y="1714315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14,8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51481</xdr:rowOff>
    </xdr:from>
    <xdr:to>
      <xdr:col>55</xdr:col>
      <xdr:colOff>88900</xdr:colOff>
      <xdr:row>101</xdr:row>
      <xdr:rowOff>51481</xdr:rowOff>
    </xdr:to>
    <xdr:cxnSp macro="">
      <xdr:nvCxnSpPr>
        <xdr:cNvPr id="465" name="直線コネクタ 464">
          <a:extLst>
            <a:ext uri="{FF2B5EF4-FFF2-40B4-BE49-F238E27FC236}">
              <a16:creationId xmlns:a16="http://schemas.microsoft.com/office/drawing/2014/main" id="{C00F2097-18BC-4DB6-895A-33BDD103657E}"/>
            </a:ext>
          </a:extLst>
        </xdr:cNvPr>
        <xdr:cNvCxnSpPr/>
      </xdr:nvCxnSpPr>
      <xdr:spPr>
        <a:xfrm>
          <a:off x="10388600" y="173679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29024</xdr:rowOff>
    </xdr:from>
    <xdr:ext cx="599010" cy="259045"/>
    <xdr:sp macro="" textlink="">
      <xdr:nvSpPr>
        <xdr:cNvPr id="466" name="【港湾・漁港】&#10;一人当たり有形固定資産（償却資産）額平均値テキスト">
          <a:extLst>
            <a:ext uri="{FF2B5EF4-FFF2-40B4-BE49-F238E27FC236}">
              <a16:creationId xmlns:a16="http://schemas.microsoft.com/office/drawing/2014/main" id="{5707AD85-6816-47CD-ACC1-587196D02631}"/>
            </a:ext>
          </a:extLst>
        </xdr:cNvPr>
        <xdr:cNvSpPr txBox="1"/>
      </xdr:nvSpPr>
      <xdr:spPr>
        <a:xfrm>
          <a:off x="10515600" y="1820272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0,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6147</xdr:rowOff>
    </xdr:from>
    <xdr:to>
      <xdr:col>55</xdr:col>
      <xdr:colOff>50800</xdr:colOff>
      <xdr:row>107</xdr:row>
      <xdr:rowOff>107747</xdr:rowOff>
    </xdr:to>
    <xdr:sp macro="" textlink="">
      <xdr:nvSpPr>
        <xdr:cNvPr id="467" name="フローチャート: 判断 466">
          <a:extLst>
            <a:ext uri="{FF2B5EF4-FFF2-40B4-BE49-F238E27FC236}">
              <a16:creationId xmlns:a16="http://schemas.microsoft.com/office/drawing/2014/main" id="{8AA95DCD-F7A3-4878-82E9-F29B382E08C6}"/>
            </a:ext>
          </a:extLst>
        </xdr:cNvPr>
        <xdr:cNvSpPr/>
      </xdr:nvSpPr>
      <xdr:spPr>
        <a:xfrm>
          <a:off x="10426700" y="18351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166728</xdr:rowOff>
    </xdr:from>
    <xdr:to>
      <xdr:col>50</xdr:col>
      <xdr:colOff>165100</xdr:colOff>
      <xdr:row>107</xdr:row>
      <xdr:rowOff>96878</xdr:rowOff>
    </xdr:to>
    <xdr:sp macro="" textlink="">
      <xdr:nvSpPr>
        <xdr:cNvPr id="468" name="フローチャート: 判断 467">
          <a:extLst>
            <a:ext uri="{FF2B5EF4-FFF2-40B4-BE49-F238E27FC236}">
              <a16:creationId xmlns:a16="http://schemas.microsoft.com/office/drawing/2014/main" id="{5C6B3C78-EFDC-48F8-B6CC-D8E158EF5E6B}"/>
            </a:ext>
          </a:extLst>
        </xdr:cNvPr>
        <xdr:cNvSpPr/>
      </xdr:nvSpPr>
      <xdr:spPr>
        <a:xfrm>
          <a:off x="9588500" y="18340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10562</xdr:rowOff>
    </xdr:from>
    <xdr:to>
      <xdr:col>46</xdr:col>
      <xdr:colOff>38100</xdr:colOff>
      <xdr:row>107</xdr:row>
      <xdr:rowOff>112162</xdr:rowOff>
    </xdr:to>
    <xdr:sp macro="" textlink="">
      <xdr:nvSpPr>
        <xdr:cNvPr id="469" name="フローチャート: 判断 468">
          <a:extLst>
            <a:ext uri="{FF2B5EF4-FFF2-40B4-BE49-F238E27FC236}">
              <a16:creationId xmlns:a16="http://schemas.microsoft.com/office/drawing/2014/main" id="{7BE45A83-E19F-43B5-A47E-512BC0CC4CA5}"/>
            </a:ext>
          </a:extLst>
        </xdr:cNvPr>
        <xdr:cNvSpPr/>
      </xdr:nvSpPr>
      <xdr:spPr>
        <a:xfrm>
          <a:off x="8699500" y="18355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171005</xdr:rowOff>
    </xdr:from>
    <xdr:to>
      <xdr:col>41</xdr:col>
      <xdr:colOff>101600</xdr:colOff>
      <xdr:row>107</xdr:row>
      <xdr:rowOff>101155</xdr:rowOff>
    </xdr:to>
    <xdr:sp macro="" textlink="">
      <xdr:nvSpPr>
        <xdr:cNvPr id="470" name="フローチャート: 判断 469">
          <a:extLst>
            <a:ext uri="{FF2B5EF4-FFF2-40B4-BE49-F238E27FC236}">
              <a16:creationId xmlns:a16="http://schemas.microsoft.com/office/drawing/2014/main" id="{378D95E9-8116-43CA-A746-7D7FE4AA177F}"/>
            </a:ext>
          </a:extLst>
        </xdr:cNvPr>
        <xdr:cNvSpPr/>
      </xdr:nvSpPr>
      <xdr:spPr>
        <a:xfrm>
          <a:off x="7810500" y="18344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127758</xdr:rowOff>
    </xdr:from>
    <xdr:to>
      <xdr:col>36</xdr:col>
      <xdr:colOff>165100</xdr:colOff>
      <xdr:row>107</xdr:row>
      <xdr:rowOff>57908</xdr:rowOff>
    </xdr:to>
    <xdr:sp macro="" textlink="">
      <xdr:nvSpPr>
        <xdr:cNvPr id="471" name="フローチャート: 判断 470">
          <a:extLst>
            <a:ext uri="{FF2B5EF4-FFF2-40B4-BE49-F238E27FC236}">
              <a16:creationId xmlns:a16="http://schemas.microsoft.com/office/drawing/2014/main" id="{16F98328-43C8-4D97-9F8B-31C05A342597}"/>
            </a:ext>
          </a:extLst>
        </xdr:cNvPr>
        <xdr:cNvSpPr/>
      </xdr:nvSpPr>
      <xdr:spPr>
        <a:xfrm>
          <a:off x="6921500" y="18301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2" name="テキスト ボックス 471">
          <a:extLst>
            <a:ext uri="{FF2B5EF4-FFF2-40B4-BE49-F238E27FC236}">
              <a16:creationId xmlns:a16="http://schemas.microsoft.com/office/drawing/2014/main" id="{DEC4212E-872F-445B-9C3D-41C7D877CC30}"/>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3" name="テキスト ボックス 472">
          <a:extLst>
            <a:ext uri="{FF2B5EF4-FFF2-40B4-BE49-F238E27FC236}">
              <a16:creationId xmlns:a16="http://schemas.microsoft.com/office/drawing/2014/main" id="{F55640C2-73EC-4A74-86A0-3594F5970464}"/>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4" name="テキスト ボックス 473">
          <a:extLst>
            <a:ext uri="{FF2B5EF4-FFF2-40B4-BE49-F238E27FC236}">
              <a16:creationId xmlns:a16="http://schemas.microsoft.com/office/drawing/2014/main" id="{B5CE6A0B-A8FF-4506-9828-3FE937DCE70A}"/>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5" name="テキスト ボックス 474">
          <a:extLst>
            <a:ext uri="{FF2B5EF4-FFF2-40B4-BE49-F238E27FC236}">
              <a16:creationId xmlns:a16="http://schemas.microsoft.com/office/drawing/2014/main" id="{8066EBD9-78D1-4E7E-B88B-CAB63A4F51AE}"/>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6" name="テキスト ボックス 475">
          <a:extLst>
            <a:ext uri="{FF2B5EF4-FFF2-40B4-BE49-F238E27FC236}">
              <a16:creationId xmlns:a16="http://schemas.microsoft.com/office/drawing/2014/main" id="{32D3E919-E266-474B-B69C-0ECB4C723701}"/>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8</xdr:row>
      <xdr:rowOff>97183</xdr:rowOff>
    </xdr:from>
    <xdr:to>
      <xdr:col>55</xdr:col>
      <xdr:colOff>50800</xdr:colOff>
      <xdr:row>109</xdr:row>
      <xdr:rowOff>27333</xdr:rowOff>
    </xdr:to>
    <xdr:sp macro="" textlink="">
      <xdr:nvSpPr>
        <xdr:cNvPr id="477" name="楕円 476">
          <a:extLst>
            <a:ext uri="{FF2B5EF4-FFF2-40B4-BE49-F238E27FC236}">
              <a16:creationId xmlns:a16="http://schemas.microsoft.com/office/drawing/2014/main" id="{02B6D045-F7C5-4856-B240-B8D529690390}"/>
            </a:ext>
          </a:extLst>
        </xdr:cNvPr>
        <xdr:cNvSpPr/>
      </xdr:nvSpPr>
      <xdr:spPr>
        <a:xfrm>
          <a:off x="10426700" y="18613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8</xdr:row>
      <xdr:rowOff>12110</xdr:rowOff>
    </xdr:from>
    <xdr:ext cx="534377" cy="259045"/>
    <xdr:sp macro="" textlink="">
      <xdr:nvSpPr>
        <xdr:cNvPr id="478" name="【港湾・漁港】&#10;一人当たり有形固定資産（償却資産）額該当値テキスト">
          <a:extLst>
            <a:ext uri="{FF2B5EF4-FFF2-40B4-BE49-F238E27FC236}">
              <a16:creationId xmlns:a16="http://schemas.microsoft.com/office/drawing/2014/main" id="{AD574644-CDB6-4068-8A9F-23D54274F244}"/>
            </a:ext>
          </a:extLst>
        </xdr:cNvPr>
        <xdr:cNvSpPr txBox="1"/>
      </xdr:nvSpPr>
      <xdr:spPr>
        <a:xfrm>
          <a:off x="10515600" y="18528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8</xdr:row>
      <xdr:rowOff>97402</xdr:rowOff>
    </xdr:from>
    <xdr:to>
      <xdr:col>50</xdr:col>
      <xdr:colOff>165100</xdr:colOff>
      <xdr:row>109</xdr:row>
      <xdr:rowOff>27552</xdr:rowOff>
    </xdr:to>
    <xdr:sp macro="" textlink="">
      <xdr:nvSpPr>
        <xdr:cNvPr id="479" name="楕円 478">
          <a:extLst>
            <a:ext uri="{FF2B5EF4-FFF2-40B4-BE49-F238E27FC236}">
              <a16:creationId xmlns:a16="http://schemas.microsoft.com/office/drawing/2014/main" id="{62B859CF-2EC6-41ED-A2CB-DBB2C946C062}"/>
            </a:ext>
          </a:extLst>
        </xdr:cNvPr>
        <xdr:cNvSpPr/>
      </xdr:nvSpPr>
      <xdr:spPr>
        <a:xfrm>
          <a:off x="9588500" y="18614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8</xdr:row>
      <xdr:rowOff>147983</xdr:rowOff>
    </xdr:from>
    <xdr:to>
      <xdr:col>55</xdr:col>
      <xdr:colOff>0</xdr:colOff>
      <xdr:row>108</xdr:row>
      <xdr:rowOff>148202</xdr:rowOff>
    </xdr:to>
    <xdr:cxnSp macro="">
      <xdr:nvCxnSpPr>
        <xdr:cNvPr id="480" name="直線コネクタ 479">
          <a:extLst>
            <a:ext uri="{FF2B5EF4-FFF2-40B4-BE49-F238E27FC236}">
              <a16:creationId xmlns:a16="http://schemas.microsoft.com/office/drawing/2014/main" id="{A680F6BC-6C2C-4DB1-A053-2BCC00C7CC25}"/>
            </a:ext>
          </a:extLst>
        </xdr:cNvPr>
        <xdr:cNvCxnSpPr/>
      </xdr:nvCxnSpPr>
      <xdr:spPr>
        <a:xfrm flipV="1">
          <a:off x="9639300" y="18664583"/>
          <a:ext cx="838200" cy="2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8</xdr:row>
      <xdr:rowOff>97479</xdr:rowOff>
    </xdr:from>
    <xdr:to>
      <xdr:col>46</xdr:col>
      <xdr:colOff>38100</xdr:colOff>
      <xdr:row>109</xdr:row>
      <xdr:rowOff>27629</xdr:rowOff>
    </xdr:to>
    <xdr:sp macro="" textlink="">
      <xdr:nvSpPr>
        <xdr:cNvPr id="481" name="楕円 480">
          <a:extLst>
            <a:ext uri="{FF2B5EF4-FFF2-40B4-BE49-F238E27FC236}">
              <a16:creationId xmlns:a16="http://schemas.microsoft.com/office/drawing/2014/main" id="{2F151765-83C0-43D9-92AA-EAE64805230F}"/>
            </a:ext>
          </a:extLst>
        </xdr:cNvPr>
        <xdr:cNvSpPr/>
      </xdr:nvSpPr>
      <xdr:spPr>
        <a:xfrm>
          <a:off x="8699500" y="18614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148202</xdr:rowOff>
    </xdr:from>
    <xdr:to>
      <xdr:col>50</xdr:col>
      <xdr:colOff>114300</xdr:colOff>
      <xdr:row>108</xdr:row>
      <xdr:rowOff>148279</xdr:rowOff>
    </xdr:to>
    <xdr:cxnSp macro="">
      <xdr:nvCxnSpPr>
        <xdr:cNvPr id="482" name="直線コネクタ 481">
          <a:extLst>
            <a:ext uri="{FF2B5EF4-FFF2-40B4-BE49-F238E27FC236}">
              <a16:creationId xmlns:a16="http://schemas.microsoft.com/office/drawing/2014/main" id="{C9CF327A-C872-44E6-85A7-7E38FEE72380}"/>
            </a:ext>
          </a:extLst>
        </xdr:cNvPr>
        <xdr:cNvCxnSpPr/>
      </xdr:nvCxnSpPr>
      <xdr:spPr>
        <a:xfrm flipV="1">
          <a:off x="8750300" y="18664802"/>
          <a:ext cx="889000" cy="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8</xdr:row>
      <xdr:rowOff>97530</xdr:rowOff>
    </xdr:from>
    <xdr:to>
      <xdr:col>41</xdr:col>
      <xdr:colOff>101600</xdr:colOff>
      <xdr:row>109</xdr:row>
      <xdr:rowOff>27680</xdr:rowOff>
    </xdr:to>
    <xdr:sp macro="" textlink="">
      <xdr:nvSpPr>
        <xdr:cNvPr id="483" name="楕円 482">
          <a:extLst>
            <a:ext uri="{FF2B5EF4-FFF2-40B4-BE49-F238E27FC236}">
              <a16:creationId xmlns:a16="http://schemas.microsoft.com/office/drawing/2014/main" id="{EACE7FA9-FF88-42B1-BA98-696C12FB2A32}"/>
            </a:ext>
          </a:extLst>
        </xdr:cNvPr>
        <xdr:cNvSpPr/>
      </xdr:nvSpPr>
      <xdr:spPr>
        <a:xfrm>
          <a:off x="7810500" y="18614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148279</xdr:rowOff>
    </xdr:from>
    <xdr:to>
      <xdr:col>45</xdr:col>
      <xdr:colOff>177800</xdr:colOff>
      <xdr:row>108</xdr:row>
      <xdr:rowOff>148330</xdr:rowOff>
    </xdr:to>
    <xdr:cxnSp macro="">
      <xdr:nvCxnSpPr>
        <xdr:cNvPr id="484" name="直線コネクタ 483">
          <a:extLst>
            <a:ext uri="{FF2B5EF4-FFF2-40B4-BE49-F238E27FC236}">
              <a16:creationId xmlns:a16="http://schemas.microsoft.com/office/drawing/2014/main" id="{758C15A0-D150-4683-A478-96D5EDFF5B84}"/>
            </a:ext>
          </a:extLst>
        </xdr:cNvPr>
        <xdr:cNvCxnSpPr/>
      </xdr:nvCxnSpPr>
      <xdr:spPr>
        <a:xfrm flipV="1">
          <a:off x="7861300" y="18664879"/>
          <a:ext cx="889000" cy="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8</xdr:row>
      <xdr:rowOff>97602</xdr:rowOff>
    </xdr:from>
    <xdr:to>
      <xdr:col>36</xdr:col>
      <xdr:colOff>165100</xdr:colOff>
      <xdr:row>109</xdr:row>
      <xdr:rowOff>27752</xdr:rowOff>
    </xdr:to>
    <xdr:sp macro="" textlink="">
      <xdr:nvSpPr>
        <xdr:cNvPr id="485" name="楕円 484">
          <a:extLst>
            <a:ext uri="{FF2B5EF4-FFF2-40B4-BE49-F238E27FC236}">
              <a16:creationId xmlns:a16="http://schemas.microsoft.com/office/drawing/2014/main" id="{7C95F5D4-F929-43BB-B728-BB4CFDBC432D}"/>
            </a:ext>
          </a:extLst>
        </xdr:cNvPr>
        <xdr:cNvSpPr/>
      </xdr:nvSpPr>
      <xdr:spPr>
        <a:xfrm>
          <a:off x="6921500" y="18614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8</xdr:row>
      <xdr:rowOff>148330</xdr:rowOff>
    </xdr:from>
    <xdr:to>
      <xdr:col>41</xdr:col>
      <xdr:colOff>50800</xdr:colOff>
      <xdr:row>108</xdr:row>
      <xdr:rowOff>148402</xdr:rowOff>
    </xdr:to>
    <xdr:cxnSp macro="">
      <xdr:nvCxnSpPr>
        <xdr:cNvPr id="486" name="直線コネクタ 485">
          <a:extLst>
            <a:ext uri="{FF2B5EF4-FFF2-40B4-BE49-F238E27FC236}">
              <a16:creationId xmlns:a16="http://schemas.microsoft.com/office/drawing/2014/main" id="{822994E6-CAD7-4D5F-AD0E-AB5BBAE651D5}"/>
            </a:ext>
          </a:extLst>
        </xdr:cNvPr>
        <xdr:cNvCxnSpPr/>
      </xdr:nvCxnSpPr>
      <xdr:spPr>
        <a:xfrm flipV="1">
          <a:off x="6972300" y="18664930"/>
          <a:ext cx="889000" cy="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105</xdr:row>
      <xdr:rowOff>113405</xdr:rowOff>
    </xdr:from>
    <xdr:ext cx="599010" cy="259045"/>
    <xdr:sp macro="" textlink="">
      <xdr:nvSpPr>
        <xdr:cNvPr id="487" name="n_1aveValue【港湾・漁港】&#10;一人当たり有形固定資産（償却資産）額">
          <a:extLst>
            <a:ext uri="{FF2B5EF4-FFF2-40B4-BE49-F238E27FC236}">
              <a16:creationId xmlns:a16="http://schemas.microsoft.com/office/drawing/2014/main" id="{69558130-BED4-474D-8EF7-94E0DBCD6A4B}"/>
            </a:ext>
          </a:extLst>
        </xdr:cNvPr>
        <xdr:cNvSpPr txBox="1"/>
      </xdr:nvSpPr>
      <xdr:spPr>
        <a:xfrm>
          <a:off x="9327095" y="181156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9,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5</xdr:row>
      <xdr:rowOff>128689</xdr:rowOff>
    </xdr:from>
    <xdr:ext cx="599010" cy="259045"/>
    <xdr:sp macro="" textlink="">
      <xdr:nvSpPr>
        <xdr:cNvPr id="488" name="n_2aveValue【港湾・漁港】&#10;一人当たり有形固定資産（償却資産）額">
          <a:extLst>
            <a:ext uri="{FF2B5EF4-FFF2-40B4-BE49-F238E27FC236}">
              <a16:creationId xmlns:a16="http://schemas.microsoft.com/office/drawing/2014/main" id="{7DCB82C4-208E-4861-B895-FFD2D248E106}"/>
            </a:ext>
          </a:extLst>
        </xdr:cNvPr>
        <xdr:cNvSpPr txBox="1"/>
      </xdr:nvSpPr>
      <xdr:spPr>
        <a:xfrm>
          <a:off x="8450795" y="181309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5</xdr:row>
      <xdr:rowOff>117682</xdr:rowOff>
    </xdr:from>
    <xdr:ext cx="599010" cy="259045"/>
    <xdr:sp macro="" textlink="">
      <xdr:nvSpPr>
        <xdr:cNvPr id="489" name="n_3aveValue【港湾・漁港】&#10;一人当たり有形固定資産（償却資産）額">
          <a:extLst>
            <a:ext uri="{FF2B5EF4-FFF2-40B4-BE49-F238E27FC236}">
              <a16:creationId xmlns:a16="http://schemas.microsoft.com/office/drawing/2014/main" id="{277905A8-1849-4809-8433-BF68DC442B16}"/>
            </a:ext>
          </a:extLst>
        </xdr:cNvPr>
        <xdr:cNvSpPr txBox="1"/>
      </xdr:nvSpPr>
      <xdr:spPr>
        <a:xfrm>
          <a:off x="7561795" y="181199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7,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105</xdr:row>
      <xdr:rowOff>74435</xdr:rowOff>
    </xdr:from>
    <xdr:ext cx="599010" cy="259045"/>
    <xdr:sp macro="" textlink="">
      <xdr:nvSpPr>
        <xdr:cNvPr id="490" name="n_4aveValue【港湾・漁港】&#10;一人当たり有形固定資産（償却資産）額">
          <a:extLst>
            <a:ext uri="{FF2B5EF4-FFF2-40B4-BE49-F238E27FC236}">
              <a16:creationId xmlns:a16="http://schemas.microsoft.com/office/drawing/2014/main" id="{DDD6A273-5EC5-40C6-B8EF-365AF7D3A17C}"/>
            </a:ext>
          </a:extLst>
        </xdr:cNvPr>
        <xdr:cNvSpPr txBox="1"/>
      </xdr:nvSpPr>
      <xdr:spPr>
        <a:xfrm>
          <a:off x="6672795" y="180766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9</xdr:row>
      <xdr:rowOff>18679</xdr:rowOff>
    </xdr:from>
    <xdr:ext cx="534377" cy="259045"/>
    <xdr:sp macro="" textlink="">
      <xdr:nvSpPr>
        <xdr:cNvPr id="491" name="n_1mainValue【港湾・漁港】&#10;一人当たり有形固定資産（償却資産）額">
          <a:extLst>
            <a:ext uri="{FF2B5EF4-FFF2-40B4-BE49-F238E27FC236}">
              <a16:creationId xmlns:a16="http://schemas.microsoft.com/office/drawing/2014/main" id="{33281494-599F-4C58-9969-9661741CB92E}"/>
            </a:ext>
          </a:extLst>
        </xdr:cNvPr>
        <xdr:cNvSpPr txBox="1"/>
      </xdr:nvSpPr>
      <xdr:spPr>
        <a:xfrm>
          <a:off x="9359411" y="18706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9</xdr:row>
      <xdr:rowOff>18756</xdr:rowOff>
    </xdr:from>
    <xdr:ext cx="534377" cy="259045"/>
    <xdr:sp macro="" textlink="">
      <xdr:nvSpPr>
        <xdr:cNvPr id="492" name="n_2mainValue【港湾・漁港】&#10;一人当たり有形固定資産（償却資産）額">
          <a:extLst>
            <a:ext uri="{FF2B5EF4-FFF2-40B4-BE49-F238E27FC236}">
              <a16:creationId xmlns:a16="http://schemas.microsoft.com/office/drawing/2014/main" id="{50B1F039-4137-439C-AC83-77A9F605FEDA}"/>
            </a:ext>
          </a:extLst>
        </xdr:cNvPr>
        <xdr:cNvSpPr txBox="1"/>
      </xdr:nvSpPr>
      <xdr:spPr>
        <a:xfrm>
          <a:off x="8483111" y="18706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9</xdr:row>
      <xdr:rowOff>18807</xdr:rowOff>
    </xdr:from>
    <xdr:ext cx="534377" cy="259045"/>
    <xdr:sp macro="" textlink="">
      <xdr:nvSpPr>
        <xdr:cNvPr id="493" name="n_3mainValue【港湾・漁港】&#10;一人当たり有形固定資産（償却資産）額">
          <a:extLst>
            <a:ext uri="{FF2B5EF4-FFF2-40B4-BE49-F238E27FC236}">
              <a16:creationId xmlns:a16="http://schemas.microsoft.com/office/drawing/2014/main" id="{BFBF5921-A304-4FB2-9E5F-A523FF3FA6B2}"/>
            </a:ext>
          </a:extLst>
        </xdr:cNvPr>
        <xdr:cNvSpPr txBox="1"/>
      </xdr:nvSpPr>
      <xdr:spPr>
        <a:xfrm>
          <a:off x="7594111" y="18706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9</xdr:row>
      <xdr:rowOff>18879</xdr:rowOff>
    </xdr:from>
    <xdr:ext cx="534377" cy="259045"/>
    <xdr:sp macro="" textlink="">
      <xdr:nvSpPr>
        <xdr:cNvPr id="494" name="n_4mainValue【港湾・漁港】&#10;一人当たり有形固定資産（償却資産）額">
          <a:extLst>
            <a:ext uri="{FF2B5EF4-FFF2-40B4-BE49-F238E27FC236}">
              <a16:creationId xmlns:a16="http://schemas.microsoft.com/office/drawing/2014/main" id="{EA3760BA-AD79-42DD-BFDD-4AAF74B93187}"/>
            </a:ext>
          </a:extLst>
        </xdr:cNvPr>
        <xdr:cNvSpPr txBox="1"/>
      </xdr:nvSpPr>
      <xdr:spPr>
        <a:xfrm>
          <a:off x="6705111" y="18706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5" name="正方形/長方形 494">
          <a:extLst>
            <a:ext uri="{FF2B5EF4-FFF2-40B4-BE49-F238E27FC236}">
              <a16:creationId xmlns:a16="http://schemas.microsoft.com/office/drawing/2014/main" id="{593C8CDA-29D1-452D-8E4B-9665295F6371}"/>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6" name="正方形/長方形 495">
          <a:extLst>
            <a:ext uri="{FF2B5EF4-FFF2-40B4-BE49-F238E27FC236}">
              <a16:creationId xmlns:a16="http://schemas.microsoft.com/office/drawing/2014/main" id="{E478B6B2-2886-4387-86B6-11832451EC8D}"/>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7" name="正方形/長方形 496">
          <a:extLst>
            <a:ext uri="{FF2B5EF4-FFF2-40B4-BE49-F238E27FC236}">
              <a16:creationId xmlns:a16="http://schemas.microsoft.com/office/drawing/2014/main" id="{4BBF455F-B36C-4468-8CCB-F50E13BE4A38}"/>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8" name="正方形/長方形 497">
          <a:extLst>
            <a:ext uri="{FF2B5EF4-FFF2-40B4-BE49-F238E27FC236}">
              <a16:creationId xmlns:a16="http://schemas.microsoft.com/office/drawing/2014/main" id="{1CA621CF-E6C3-45C8-949A-954DDF918AAB}"/>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9" name="正方形/長方形 498">
          <a:extLst>
            <a:ext uri="{FF2B5EF4-FFF2-40B4-BE49-F238E27FC236}">
              <a16:creationId xmlns:a16="http://schemas.microsoft.com/office/drawing/2014/main" id="{AEB27E4F-2AAF-4E3E-B8D4-A8F17450C68F}"/>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0" name="正方形/長方形 499">
          <a:extLst>
            <a:ext uri="{FF2B5EF4-FFF2-40B4-BE49-F238E27FC236}">
              <a16:creationId xmlns:a16="http://schemas.microsoft.com/office/drawing/2014/main" id="{D9F621F8-388B-4A2F-8BE5-BA410FA03EEF}"/>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1" name="正方形/長方形 500">
          <a:extLst>
            <a:ext uri="{FF2B5EF4-FFF2-40B4-BE49-F238E27FC236}">
              <a16:creationId xmlns:a16="http://schemas.microsoft.com/office/drawing/2014/main" id="{D5D3ECC5-D62F-4E9B-B0C3-7E7EE23713EE}"/>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2" name="正方形/長方形 501">
          <a:extLst>
            <a:ext uri="{FF2B5EF4-FFF2-40B4-BE49-F238E27FC236}">
              <a16:creationId xmlns:a16="http://schemas.microsoft.com/office/drawing/2014/main" id="{D53017A4-21B5-4270-87D8-FA98A816E305}"/>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3" name="テキスト ボックス 502">
          <a:extLst>
            <a:ext uri="{FF2B5EF4-FFF2-40B4-BE49-F238E27FC236}">
              <a16:creationId xmlns:a16="http://schemas.microsoft.com/office/drawing/2014/main" id="{3CFDD9E4-DDE8-406D-A19B-1CA4F37FA307}"/>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4" name="直線コネクタ 503">
          <a:extLst>
            <a:ext uri="{FF2B5EF4-FFF2-40B4-BE49-F238E27FC236}">
              <a16:creationId xmlns:a16="http://schemas.microsoft.com/office/drawing/2014/main" id="{A30053E4-2625-44A8-A145-0A2BDA84FB72}"/>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5" name="テキスト ボックス 504">
          <a:extLst>
            <a:ext uri="{FF2B5EF4-FFF2-40B4-BE49-F238E27FC236}">
              <a16:creationId xmlns:a16="http://schemas.microsoft.com/office/drawing/2014/main" id="{7640B6C0-20FE-4AF1-AAD9-2EC2A928BD3F}"/>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6" name="直線コネクタ 505">
          <a:extLst>
            <a:ext uri="{FF2B5EF4-FFF2-40B4-BE49-F238E27FC236}">
              <a16:creationId xmlns:a16="http://schemas.microsoft.com/office/drawing/2014/main" id="{2B674030-356D-4DDC-9603-37A8E4ADC034}"/>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507" name="テキスト ボックス 506">
          <a:extLst>
            <a:ext uri="{FF2B5EF4-FFF2-40B4-BE49-F238E27FC236}">
              <a16:creationId xmlns:a16="http://schemas.microsoft.com/office/drawing/2014/main" id="{4E65FFE2-9455-4CD3-858A-874EB2B9AD93}"/>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8" name="直線コネクタ 507">
          <a:extLst>
            <a:ext uri="{FF2B5EF4-FFF2-40B4-BE49-F238E27FC236}">
              <a16:creationId xmlns:a16="http://schemas.microsoft.com/office/drawing/2014/main" id="{DB481558-0D01-4E43-B33D-F3DDE85EDE48}"/>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09" name="テキスト ボックス 508">
          <a:extLst>
            <a:ext uri="{FF2B5EF4-FFF2-40B4-BE49-F238E27FC236}">
              <a16:creationId xmlns:a16="http://schemas.microsoft.com/office/drawing/2014/main" id="{6A8FD5BC-33AD-449D-9CE9-E3A5A497C046}"/>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10" name="直線コネクタ 509">
          <a:extLst>
            <a:ext uri="{FF2B5EF4-FFF2-40B4-BE49-F238E27FC236}">
              <a16:creationId xmlns:a16="http://schemas.microsoft.com/office/drawing/2014/main" id="{5821CB1B-B4AF-46B7-9372-6A25195ED3BD}"/>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11" name="テキスト ボックス 510">
          <a:extLst>
            <a:ext uri="{FF2B5EF4-FFF2-40B4-BE49-F238E27FC236}">
              <a16:creationId xmlns:a16="http://schemas.microsoft.com/office/drawing/2014/main" id="{F4FBA50E-C542-469D-B636-F1B2F2A7F977}"/>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12" name="直線コネクタ 511">
          <a:extLst>
            <a:ext uri="{FF2B5EF4-FFF2-40B4-BE49-F238E27FC236}">
              <a16:creationId xmlns:a16="http://schemas.microsoft.com/office/drawing/2014/main" id="{8DF5FCC8-2639-40D1-BE73-A5717DF95C87}"/>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13" name="テキスト ボックス 512">
          <a:extLst>
            <a:ext uri="{FF2B5EF4-FFF2-40B4-BE49-F238E27FC236}">
              <a16:creationId xmlns:a16="http://schemas.microsoft.com/office/drawing/2014/main" id="{51276A41-CE53-4988-848A-7758B4AE916D}"/>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4" name="直線コネクタ 513">
          <a:extLst>
            <a:ext uri="{FF2B5EF4-FFF2-40B4-BE49-F238E27FC236}">
              <a16:creationId xmlns:a16="http://schemas.microsoft.com/office/drawing/2014/main" id="{2AC52DF4-6F18-424E-9658-AFD9543A5B81}"/>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5" name="テキスト ボックス 514">
          <a:extLst>
            <a:ext uri="{FF2B5EF4-FFF2-40B4-BE49-F238E27FC236}">
              <a16:creationId xmlns:a16="http://schemas.microsoft.com/office/drawing/2014/main" id="{0FA9A3A3-2B4F-406F-9E51-365CBAC2BB37}"/>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6" name="直線コネクタ 515">
          <a:extLst>
            <a:ext uri="{FF2B5EF4-FFF2-40B4-BE49-F238E27FC236}">
              <a16:creationId xmlns:a16="http://schemas.microsoft.com/office/drawing/2014/main" id="{383B6CF0-5149-4CB9-B9A4-9DA4C6BDDB78}"/>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517" name="テキスト ボックス 516">
          <a:extLst>
            <a:ext uri="{FF2B5EF4-FFF2-40B4-BE49-F238E27FC236}">
              <a16:creationId xmlns:a16="http://schemas.microsoft.com/office/drawing/2014/main" id="{4B23A751-40F8-4AE6-ADA1-5D6FDA2D0ECB}"/>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8" name="直線コネクタ 517">
          <a:extLst>
            <a:ext uri="{FF2B5EF4-FFF2-40B4-BE49-F238E27FC236}">
              <a16:creationId xmlns:a16="http://schemas.microsoft.com/office/drawing/2014/main" id="{C3C8B4DA-6311-467E-98DC-F56EE2C59A0C}"/>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519" name="【認定こども園・幼稚園・保育所】&#10;有形固定資産減価償却率グラフ枠">
          <a:extLst>
            <a:ext uri="{FF2B5EF4-FFF2-40B4-BE49-F238E27FC236}">
              <a16:creationId xmlns:a16="http://schemas.microsoft.com/office/drawing/2014/main" id="{93158299-F567-47D8-9F26-BC34AF612069}"/>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74567</xdr:rowOff>
    </xdr:from>
    <xdr:to>
      <xdr:col>85</xdr:col>
      <xdr:colOff>126364</xdr:colOff>
      <xdr:row>42</xdr:row>
      <xdr:rowOff>92528</xdr:rowOff>
    </xdr:to>
    <xdr:cxnSp macro="">
      <xdr:nvCxnSpPr>
        <xdr:cNvPr id="520" name="直線コネクタ 519">
          <a:extLst>
            <a:ext uri="{FF2B5EF4-FFF2-40B4-BE49-F238E27FC236}">
              <a16:creationId xmlns:a16="http://schemas.microsoft.com/office/drawing/2014/main" id="{B6FD13A8-2B38-4B2D-9F05-FD39D7514EA5}"/>
            </a:ext>
          </a:extLst>
        </xdr:cNvPr>
        <xdr:cNvCxnSpPr/>
      </xdr:nvCxnSpPr>
      <xdr:spPr>
        <a:xfrm flipV="1">
          <a:off x="16318864" y="5732417"/>
          <a:ext cx="0" cy="15610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521" name="【認定こども園・幼稚園・保育所】&#10;有形固定資産減価償却率最小値テキスト">
          <a:extLst>
            <a:ext uri="{FF2B5EF4-FFF2-40B4-BE49-F238E27FC236}">
              <a16:creationId xmlns:a16="http://schemas.microsoft.com/office/drawing/2014/main" id="{5AD6A92D-098C-4DA7-9844-79FF53840AC2}"/>
            </a:ext>
          </a:extLst>
        </xdr:cNvPr>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522" name="直線コネクタ 521">
          <a:extLst>
            <a:ext uri="{FF2B5EF4-FFF2-40B4-BE49-F238E27FC236}">
              <a16:creationId xmlns:a16="http://schemas.microsoft.com/office/drawing/2014/main" id="{47889480-19AE-43AF-8308-3028EE5A00D3}"/>
            </a:ext>
          </a:extLst>
        </xdr:cNvPr>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21244</xdr:rowOff>
    </xdr:from>
    <xdr:ext cx="340478" cy="259045"/>
    <xdr:sp macro="" textlink="">
      <xdr:nvSpPr>
        <xdr:cNvPr id="523" name="【認定こども園・幼稚園・保育所】&#10;有形固定資産減価償却率最大値テキスト">
          <a:extLst>
            <a:ext uri="{FF2B5EF4-FFF2-40B4-BE49-F238E27FC236}">
              <a16:creationId xmlns:a16="http://schemas.microsoft.com/office/drawing/2014/main" id="{7FA9334E-7516-434B-B063-8A7F234EB4A4}"/>
            </a:ext>
          </a:extLst>
        </xdr:cNvPr>
        <xdr:cNvSpPr txBox="1"/>
      </xdr:nvSpPr>
      <xdr:spPr>
        <a:xfrm>
          <a:off x="16357600" y="550764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74567</xdr:rowOff>
    </xdr:from>
    <xdr:to>
      <xdr:col>86</xdr:col>
      <xdr:colOff>25400</xdr:colOff>
      <xdr:row>33</xdr:row>
      <xdr:rowOff>74567</xdr:rowOff>
    </xdr:to>
    <xdr:cxnSp macro="">
      <xdr:nvCxnSpPr>
        <xdr:cNvPr id="524" name="直線コネクタ 523">
          <a:extLst>
            <a:ext uri="{FF2B5EF4-FFF2-40B4-BE49-F238E27FC236}">
              <a16:creationId xmlns:a16="http://schemas.microsoft.com/office/drawing/2014/main" id="{16CAA7F9-0EA2-4FA1-815F-BC721DE86BCC}"/>
            </a:ext>
          </a:extLst>
        </xdr:cNvPr>
        <xdr:cNvCxnSpPr/>
      </xdr:nvCxnSpPr>
      <xdr:spPr>
        <a:xfrm>
          <a:off x="16230600" y="5732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30316</xdr:rowOff>
    </xdr:from>
    <xdr:ext cx="405111" cy="259045"/>
    <xdr:sp macro="" textlink="">
      <xdr:nvSpPr>
        <xdr:cNvPr id="525" name="【認定こども園・幼稚園・保育所】&#10;有形固定資産減価償却率平均値テキスト">
          <a:extLst>
            <a:ext uri="{FF2B5EF4-FFF2-40B4-BE49-F238E27FC236}">
              <a16:creationId xmlns:a16="http://schemas.microsoft.com/office/drawing/2014/main" id="{0C0995A2-8199-4AB0-8C7E-49A68D455965}"/>
            </a:ext>
          </a:extLst>
        </xdr:cNvPr>
        <xdr:cNvSpPr txBox="1"/>
      </xdr:nvSpPr>
      <xdr:spPr>
        <a:xfrm>
          <a:off x="16357600" y="63739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438</xdr:rowOff>
    </xdr:from>
    <xdr:to>
      <xdr:col>85</xdr:col>
      <xdr:colOff>177800</xdr:colOff>
      <xdr:row>38</xdr:row>
      <xdr:rowOff>109038</xdr:rowOff>
    </xdr:to>
    <xdr:sp macro="" textlink="">
      <xdr:nvSpPr>
        <xdr:cNvPr id="526" name="フローチャート: 判断 525">
          <a:extLst>
            <a:ext uri="{FF2B5EF4-FFF2-40B4-BE49-F238E27FC236}">
              <a16:creationId xmlns:a16="http://schemas.microsoft.com/office/drawing/2014/main" id="{C54CFBF0-80ED-455B-886C-EBEC23CE0B3D}"/>
            </a:ext>
          </a:extLst>
        </xdr:cNvPr>
        <xdr:cNvSpPr/>
      </xdr:nvSpPr>
      <xdr:spPr>
        <a:xfrm>
          <a:off x="16268700" y="6522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64193</xdr:rowOff>
    </xdr:from>
    <xdr:to>
      <xdr:col>81</xdr:col>
      <xdr:colOff>101600</xdr:colOff>
      <xdr:row>38</xdr:row>
      <xdr:rowOff>94343</xdr:rowOff>
    </xdr:to>
    <xdr:sp macro="" textlink="">
      <xdr:nvSpPr>
        <xdr:cNvPr id="527" name="フローチャート: 判断 526">
          <a:extLst>
            <a:ext uri="{FF2B5EF4-FFF2-40B4-BE49-F238E27FC236}">
              <a16:creationId xmlns:a16="http://schemas.microsoft.com/office/drawing/2014/main" id="{2A06865B-D7BC-40AB-BE30-B0259FCDBC0E}"/>
            </a:ext>
          </a:extLst>
        </xdr:cNvPr>
        <xdr:cNvSpPr/>
      </xdr:nvSpPr>
      <xdr:spPr>
        <a:xfrm>
          <a:off x="15430500" y="650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70724</xdr:rowOff>
    </xdr:from>
    <xdr:to>
      <xdr:col>76</xdr:col>
      <xdr:colOff>165100</xdr:colOff>
      <xdr:row>38</xdr:row>
      <xdr:rowOff>100874</xdr:rowOff>
    </xdr:to>
    <xdr:sp macro="" textlink="">
      <xdr:nvSpPr>
        <xdr:cNvPr id="528" name="フローチャート: 判断 527">
          <a:extLst>
            <a:ext uri="{FF2B5EF4-FFF2-40B4-BE49-F238E27FC236}">
              <a16:creationId xmlns:a16="http://schemas.microsoft.com/office/drawing/2014/main" id="{AE126DBE-ABE0-4A50-AA62-FDAA68BD4B79}"/>
            </a:ext>
          </a:extLst>
        </xdr:cNvPr>
        <xdr:cNvSpPr/>
      </xdr:nvSpPr>
      <xdr:spPr>
        <a:xfrm>
          <a:off x="14541500" y="6514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25004</xdr:rowOff>
    </xdr:from>
    <xdr:to>
      <xdr:col>72</xdr:col>
      <xdr:colOff>38100</xdr:colOff>
      <xdr:row>38</xdr:row>
      <xdr:rowOff>55155</xdr:rowOff>
    </xdr:to>
    <xdr:sp macro="" textlink="">
      <xdr:nvSpPr>
        <xdr:cNvPr id="529" name="フローチャート: 判断 528">
          <a:extLst>
            <a:ext uri="{FF2B5EF4-FFF2-40B4-BE49-F238E27FC236}">
              <a16:creationId xmlns:a16="http://schemas.microsoft.com/office/drawing/2014/main" id="{9CDAD7F5-7AA2-43C1-B148-C70EDCBC6CE7}"/>
            </a:ext>
          </a:extLst>
        </xdr:cNvPr>
        <xdr:cNvSpPr/>
      </xdr:nvSpPr>
      <xdr:spPr>
        <a:xfrm>
          <a:off x="13652500" y="646865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03777</xdr:rowOff>
    </xdr:from>
    <xdr:to>
      <xdr:col>67</xdr:col>
      <xdr:colOff>101600</xdr:colOff>
      <xdr:row>38</xdr:row>
      <xdr:rowOff>33927</xdr:rowOff>
    </xdr:to>
    <xdr:sp macro="" textlink="">
      <xdr:nvSpPr>
        <xdr:cNvPr id="530" name="フローチャート: 判断 529">
          <a:extLst>
            <a:ext uri="{FF2B5EF4-FFF2-40B4-BE49-F238E27FC236}">
              <a16:creationId xmlns:a16="http://schemas.microsoft.com/office/drawing/2014/main" id="{64FA31FD-19C4-4D9D-B700-B8752F0E136F}"/>
            </a:ext>
          </a:extLst>
        </xdr:cNvPr>
        <xdr:cNvSpPr/>
      </xdr:nvSpPr>
      <xdr:spPr>
        <a:xfrm>
          <a:off x="12763500" y="6447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1" name="テキスト ボックス 530">
          <a:extLst>
            <a:ext uri="{FF2B5EF4-FFF2-40B4-BE49-F238E27FC236}">
              <a16:creationId xmlns:a16="http://schemas.microsoft.com/office/drawing/2014/main" id="{38544033-7564-42CD-B517-AB3EC5548823}"/>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id="{B90DF830-F5FC-49AD-A656-2DA5BA7CE80C}"/>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3" name="テキスト ボックス 532">
          <a:extLst>
            <a:ext uri="{FF2B5EF4-FFF2-40B4-BE49-F238E27FC236}">
              <a16:creationId xmlns:a16="http://schemas.microsoft.com/office/drawing/2014/main" id="{BD3DD57C-A74F-4BBB-91FD-4016EA61A0E4}"/>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4" name="テキスト ボックス 533">
          <a:extLst>
            <a:ext uri="{FF2B5EF4-FFF2-40B4-BE49-F238E27FC236}">
              <a16:creationId xmlns:a16="http://schemas.microsoft.com/office/drawing/2014/main" id="{CABC2754-D2B9-4DD9-9ED7-7E04D5A5F34B}"/>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5" name="テキスト ボックス 534">
          <a:extLst>
            <a:ext uri="{FF2B5EF4-FFF2-40B4-BE49-F238E27FC236}">
              <a16:creationId xmlns:a16="http://schemas.microsoft.com/office/drawing/2014/main" id="{0837DC77-0F94-4D6C-AEAE-594CC93CD144}"/>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2</xdr:row>
      <xdr:rowOff>25400</xdr:rowOff>
    </xdr:from>
    <xdr:to>
      <xdr:col>85</xdr:col>
      <xdr:colOff>177800</xdr:colOff>
      <xdr:row>42</xdr:row>
      <xdr:rowOff>127000</xdr:rowOff>
    </xdr:to>
    <xdr:sp macro="" textlink="">
      <xdr:nvSpPr>
        <xdr:cNvPr id="536" name="楕円 535">
          <a:extLst>
            <a:ext uri="{FF2B5EF4-FFF2-40B4-BE49-F238E27FC236}">
              <a16:creationId xmlns:a16="http://schemas.microsoft.com/office/drawing/2014/main" id="{32C87717-9355-4D9B-97D1-9F2F768D2D80}"/>
            </a:ext>
          </a:extLst>
        </xdr:cNvPr>
        <xdr:cNvSpPr/>
      </xdr:nvSpPr>
      <xdr:spPr>
        <a:xfrm>
          <a:off x="16268700" y="7226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111777</xdr:rowOff>
    </xdr:from>
    <xdr:ext cx="405111" cy="259045"/>
    <xdr:sp macro="" textlink="">
      <xdr:nvSpPr>
        <xdr:cNvPr id="537" name="【認定こども園・幼稚園・保育所】&#10;有形固定資産減価償却率該当値テキスト">
          <a:extLst>
            <a:ext uri="{FF2B5EF4-FFF2-40B4-BE49-F238E27FC236}">
              <a16:creationId xmlns:a16="http://schemas.microsoft.com/office/drawing/2014/main" id="{7A508D48-C97A-4012-A9D3-75DE4C4B9128}"/>
            </a:ext>
          </a:extLst>
        </xdr:cNvPr>
        <xdr:cNvSpPr txBox="1"/>
      </xdr:nvSpPr>
      <xdr:spPr>
        <a:xfrm>
          <a:off x="16357600" y="7141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1</xdr:row>
      <xdr:rowOff>160927</xdr:rowOff>
    </xdr:from>
    <xdr:to>
      <xdr:col>81</xdr:col>
      <xdr:colOff>101600</xdr:colOff>
      <xdr:row>42</xdr:row>
      <xdr:rowOff>91077</xdr:rowOff>
    </xdr:to>
    <xdr:sp macro="" textlink="">
      <xdr:nvSpPr>
        <xdr:cNvPr id="538" name="楕円 537">
          <a:extLst>
            <a:ext uri="{FF2B5EF4-FFF2-40B4-BE49-F238E27FC236}">
              <a16:creationId xmlns:a16="http://schemas.microsoft.com/office/drawing/2014/main" id="{A07442FD-8B32-45C7-A49A-FC671F3BF488}"/>
            </a:ext>
          </a:extLst>
        </xdr:cNvPr>
        <xdr:cNvSpPr/>
      </xdr:nvSpPr>
      <xdr:spPr>
        <a:xfrm>
          <a:off x="15430500" y="7190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2</xdr:row>
      <xdr:rowOff>40277</xdr:rowOff>
    </xdr:from>
    <xdr:to>
      <xdr:col>85</xdr:col>
      <xdr:colOff>127000</xdr:colOff>
      <xdr:row>42</xdr:row>
      <xdr:rowOff>76200</xdr:rowOff>
    </xdr:to>
    <xdr:cxnSp macro="">
      <xdr:nvCxnSpPr>
        <xdr:cNvPr id="539" name="直線コネクタ 538">
          <a:extLst>
            <a:ext uri="{FF2B5EF4-FFF2-40B4-BE49-F238E27FC236}">
              <a16:creationId xmlns:a16="http://schemas.microsoft.com/office/drawing/2014/main" id="{85DAB68A-0454-43A2-8CCC-96EC71F0E1AD}"/>
            </a:ext>
          </a:extLst>
        </xdr:cNvPr>
        <xdr:cNvCxnSpPr/>
      </xdr:nvCxnSpPr>
      <xdr:spPr>
        <a:xfrm>
          <a:off x="15481300" y="7241177"/>
          <a:ext cx="8382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1</xdr:row>
      <xdr:rowOff>125004</xdr:rowOff>
    </xdr:from>
    <xdr:to>
      <xdr:col>76</xdr:col>
      <xdr:colOff>165100</xdr:colOff>
      <xdr:row>42</xdr:row>
      <xdr:rowOff>55154</xdr:rowOff>
    </xdr:to>
    <xdr:sp macro="" textlink="">
      <xdr:nvSpPr>
        <xdr:cNvPr id="540" name="楕円 539">
          <a:extLst>
            <a:ext uri="{FF2B5EF4-FFF2-40B4-BE49-F238E27FC236}">
              <a16:creationId xmlns:a16="http://schemas.microsoft.com/office/drawing/2014/main" id="{AA2E7CDD-CB01-4F48-88AA-71AD4A632A36}"/>
            </a:ext>
          </a:extLst>
        </xdr:cNvPr>
        <xdr:cNvSpPr/>
      </xdr:nvSpPr>
      <xdr:spPr>
        <a:xfrm>
          <a:off x="14541500" y="7154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2</xdr:row>
      <xdr:rowOff>4354</xdr:rowOff>
    </xdr:from>
    <xdr:to>
      <xdr:col>81</xdr:col>
      <xdr:colOff>50800</xdr:colOff>
      <xdr:row>42</xdr:row>
      <xdr:rowOff>40277</xdr:rowOff>
    </xdr:to>
    <xdr:cxnSp macro="">
      <xdr:nvCxnSpPr>
        <xdr:cNvPr id="541" name="直線コネクタ 540">
          <a:extLst>
            <a:ext uri="{FF2B5EF4-FFF2-40B4-BE49-F238E27FC236}">
              <a16:creationId xmlns:a16="http://schemas.microsoft.com/office/drawing/2014/main" id="{91C2F6DA-44D6-41D8-A005-C9E7A906BF60}"/>
            </a:ext>
          </a:extLst>
        </xdr:cNvPr>
        <xdr:cNvCxnSpPr/>
      </xdr:nvCxnSpPr>
      <xdr:spPr>
        <a:xfrm>
          <a:off x="14592300" y="7205254"/>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1</xdr:row>
      <xdr:rowOff>89081</xdr:rowOff>
    </xdr:from>
    <xdr:to>
      <xdr:col>72</xdr:col>
      <xdr:colOff>38100</xdr:colOff>
      <xdr:row>42</xdr:row>
      <xdr:rowOff>19231</xdr:rowOff>
    </xdr:to>
    <xdr:sp macro="" textlink="">
      <xdr:nvSpPr>
        <xdr:cNvPr id="542" name="楕円 541">
          <a:extLst>
            <a:ext uri="{FF2B5EF4-FFF2-40B4-BE49-F238E27FC236}">
              <a16:creationId xmlns:a16="http://schemas.microsoft.com/office/drawing/2014/main" id="{3A3579F9-6EF6-4421-8F8A-0204AF03D4E1}"/>
            </a:ext>
          </a:extLst>
        </xdr:cNvPr>
        <xdr:cNvSpPr/>
      </xdr:nvSpPr>
      <xdr:spPr>
        <a:xfrm>
          <a:off x="13652500" y="7118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1</xdr:row>
      <xdr:rowOff>139881</xdr:rowOff>
    </xdr:from>
    <xdr:to>
      <xdr:col>76</xdr:col>
      <xdr:colOff>114300</xdr:colOff>
      <xdr:row>42</xdr:row>
      <xdr:rowOff>4354</xdr:rowOff>
    </xdr:to>
    <xdr:cxnSp macro="">
      <xdr:nvCxnSpPr>
        <xdr:cNvPr id="543" name="直線コネクタ 542">
          <a:extLst>
            <a:ext uri="{FF2B5EF4-FFF2-40B4-BE49-F238E27FC236}">
              <a16:creationId xmlns:a16="http://schemas.microsoft.com/office/drawing/2014/main" id="{52911E39-002B-40A1-BF29-CE18557E12A1}"/>
            </a:ext>
          </a:extLst>
        </xdr:cNvPr>
        <xdr:cNvCxnSpPr/>
      </xdr:nvCxnSpPr>
      <xdr:spPr>
        <a:xfrm>
          <a:off x="13703300" y="7169331"/>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1</xdr:row>
      <xdr:rowOff>53159</xdr:rowOff>
    </xdr:from>
    <xdr:to>
      <xdr:col>67</xdr:col>
      <xdr:colOff>101600</xdr:colOff>
      <xdr:row>41</xdr:row>
      <xdr:rowOff>154759</xdr:rowOff>
    </xdr:to>
    <xdr:sp macro="" textlink="">
      <xdr:nvSpPr>
        <xdr:cNvPr id="544" name="楕円 543">
          <a:extLst>
            <a:ext uri="{FF2B5EF4-FFF2-40B4-BE49-F238E27FC236}">
              <a16:creationId xmlns:a16="http://schemas.microsoft.com/office/drawing/2014/main" id="{E226DE2D-64A9-4CFD-96E9-A5DBB81AA7DE}"/>
            </a:ext>
          </a:extLst>
        </xdr:cNvPr>
        <xdr:cNvSpPr/>
      </xdr:nvSpPr>
      <xdr:spPr>
        <a:xfrm>
          <a:off x="12763500" y="7082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1</xdr:row>
      <xdr:rowOff>103959</xdr:rowOff>
    </xdr:from>
    <xdr:to>
      <xdr:col>71</xdr:col>
      <xdr:colOff>177800</xdr:colOff>
      <xdr:row>41</xdr:row>
      <xdr:rowOff>139881</xdr:rowOff>
    </xdr:to>
    <xdr:cxnSp macro="">
      <xdr:nvCxnSpPr>
        <xdr:cNvPr id="545" name="直線コネクタ 544">
          <a:extLst>
            <a:ext uri="{FF2B5EF4-FFF2-40B4-BE49-F238E27FC236}">
              <a16:creationId xmlns:a16="http://schemas.microsoft.com/office/drawing/2014/main" id="{F3EFFDB2-D9D8-40AB-B07C-2DAFBA5726CE}"/>
            </a:ext>
          </a:extLst>
        </xdr:cNvPr>
        <xdr:cNvCxnSpPr/>
      </xdr:nvCxnSpPr>
      <xdr:spPr>
        <a:xfrm>
          <a:off x="12814300" y="7133409"/>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10870</xdr:rowOff>
    </xdr:from>
    <xdr:ext cx="405111" cy="259045"/>
    <xdr:sp macro="" textlink="">
      <xdr:nvSpPr>
        <xdr:cNvPr id="546" name="n_1aveValue【認定こども園・幼稚園・保育所】&#10;有形固定資産減価償却率">
          <a:extLst>
            <a:ext uri="{FF2B5EF4-FFF2-40B4-BE49-F238E27FC236}">
              <a16:creationId xmlns:a16="http://schemas.microsoft.com/office/drawing/2014/main" id="{4F023A7C-6E63-4301-A12D-4F6D8E1C8D12}"/>
            </a:ext>
          </a:extLst>
        </xdr:cNvPr>
        <xdr:cNvSpPr txBox="1"/>
      </xdr:nvSpPr>
      <xdr:spPr>
        <a:xfrm>
          <a:off x="15266044" y="62830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17401</xdr:rowOff>
    </xdr:from>
    <xdr:ext cx="405111" cy="259045"/>
    <xdr:sp macro="" textlink="">
      <xdr:nvSpPr>
        <xdr:cNvPr id="547" name="n_2aveValue【認定こども園・幼稚園・保育所】&#10;有形固定資産減価償却率">
          <a:extLst>
            <a:ext uri="{FF2B5EF4-FFF2-40B4-BE49-F238E27FC236}">
              <a16:creationId xmlns:a16="http://schemas.microsoft.com/office/drawing/2014/main" id="{FEF37684-004B-49E6-B68A-118FD9E05215}"/>
            </a:ext>
          </a:extLst>
        </xdr:cNvPr>
        <xdr:cNvSpPr txBox="1"/>
      </xdr:nvSpPr>
      <xdr:spPr>
        <a:xfrm>
          <a:off x="14389744" y="62896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71681</xdr:rowOff>
    </xdr:from>
    <xdr:ext cx="405111" cy="259045"/>
    <xdr:sp macro="" textlink="">
      <xdr:nvSpPr>
        <xdr:cNvPr id="548" name="n_3aveValue【認定こども園・幼稚園・保育所】&#10;有形固定資産減価償却率">
          <a:extLst>
            <a:ext uri="{FF2B5EF4-FFF2-40B4-BE49-F238E27FC236}">
              <a16:creationId xmlns:a16="http://schemas.microsoft.com/office/drawing/2014/main" id="{67601A9D-1CCA-4B6B-BD5D-C86F7D5E961A}"/>
            </a:ext>
          </a:extLst>
        </xdr:cNvPr>
        <xdr:cNvSpPr txBox="1"/>
      </xdr:nvSpPr>
      <xdr:spPr>
        <a:xfrm>
          <a:off x="13500744" y="62438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50454</xdr:rowOff>
    </xdr:from>
    <xdr:ext cx="405111" cy="259045"/>
    <xdr:sp macro="" textlink="">
      <xdr:nvSpPr>
        <xdr:cNvPr id="549" name="n_4aveValue【認定こども園・幼稚園・保育所】&#10;有形固定資産減価償却率">
          <a:extLst>
            <a:ext uri="{FF2B5EF4-FFF2-40B4-BE49-F238E27FC236}">
              <a16:creationId xmlns:a16="http://schemas.microsoft.com/office/drawing/2014/main" id="{9CDDC7C9-4E4A-44EF-A097-788EB2AA1C53}"/>
            </a:ext>
          </a:extLst>
        </xdr:cNvPr>
        <xdr:cNvSpPr txBox="1"/>
      </xdr:nvSpPr>
      <xdr:spPr>
        <a:xfrm>
          <a:off x="12611744" y="62226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2</xdr:row>
      <xdr:rowOff>82204</xdr:rowOff>
    </xdr:from>
    <xdr:ext cx="405111" cy="259045"/>
    <xdr:sp macro="" textlink="">
      <xdr:nvSpPr>
        <xdr:cNvPr id="550" name="n_1mainValue【認定こども園・幼稚園・保育所】&#10;有形固定資産減価償却率">
          <a:extLst>
            <a:ext uri="{FF2B5EF4-FFF2-40B4-BE49-F238E27FC236}">
              <a16:creationId xmlns:a16="http://schemas.microsoft.com/office/drawing/2014/main" id="{BDCF01D3-2F3C-46DE-96E6-DAC21B3D0368}"/>
            </a:ext>
          </a:extLst>
        </xdr:cNvPr>
        <xdr:cNvSpPr txBox="1"/>
      </xdr:nvSpPr>
      <xdr:spPr>
        <a:xfrm>
          <a:off x="15266044" y="72831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2</xdr:row>
      <xdr:rowOff>46281</xdr:rowOff>
    </xdr:from>
    <xdr:ext cx="405111" cy="259045"/>
    <xdr:sp macro="" textlink="">
      <xdr:nvSpPr>
        <xdr:cNvPr id="551" name="n_2mainValue【認定こども園・幼稚園・保育所】&#10;有形固定資産減価償却率">
          <a:extLst>
            <a:ext uri="{FF2B5EF4-FFF2-40B4-BE49-F238E27FC236}">
              <a16:creationId xmlns:a16="http://schemas.microsoft.com/office/drawing/2014/main" id="{B5479271-FF94-4365-B02A-815EDE7C300E}"/>
            </a:ext>
          </a:extLst>
        </xdr:cNvPr>
        <xdr:cNvSpPr txBox="1"/>
      </xdr:nvSpPr>
      <xdr:spPr>
        <a:xfrm>
          <a:off x="14389744" y="72471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2</xdr:row>
      <xdr:rowOff>10358</xdr:rowOff>
    </xdr:from>
    <xdr:ext cx="405111" cy="259045"/>
    <xdr:sp macro="" textlink="">
      <xdr:nvSpPr>
        <xdr:cNvPr id="552" name="n_3mainValue【認定こども園・幼稚園・保育所】&#10;有形固定資産減価償却率">
          <a:extLst>
            <a:ext uri="{FF2B5EF4-FFF2-40B4-BE49-F238E27FC236}">
              <a16:creationId xmlns:a16="http://schemas.microsoft.com/office/drawing/2014/main" id="{1D363453-FFA9-4ADB-BF32-68844B41FEE3}"/>
            </a:ext>
          </a:extLst>
        </xdr:cNvPr>
        <xdr:cNvSpPr txBox="1"/>
      </xdr:nvSpPr>
      <xdr:spPr>
        <a:xfrm>
          <a:off x="13500744" y="7211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1</xdr:row>
      <xdr:rowOff>145886</xdr:rowOff>
    </xdr:from>
    <xdr:ext cx="405111" cy="259045"/>
    <xdr:sp macro="" textlink="">
      <xdr:nvSpPr>
        <xdr:cNvPr id="553" name="n_4mainValue【認定こども園・幼稚園・保育所】&#10;有形固定資産減価償却率">
          <a:extLst>
            <a:ext uri="{FF2B5EF4-FFF2-40B4-BE49-F238E27FC236}">
              <a16:creationId xmlns:a16="http://schemas.microsoft.com/office/drawing/2014/main" id="{0538DB09-7C25-4D75-8841-6FC650DE0B20}"/>
            </a:ext>
          </a:extLst>
        </xdr:cNvPr>
        <xdr:cNvSpPr txBox="1"/>
      </xdr:nvSpPr>
      <xdr:spPr>
        <a:xfrm>
          <a:off x="12611744" y="71753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4" name="正方形/長方形 553">
          <a:extLst>
            <a:ext uri="{FF2B5EF4-FFF2-40B4-BE49-F238E27FC236}">
              <a16:creationId xmlns:a16="http://schemas.microsoft.com/office/drawing/2014/main" id="{7F4EFF78-7649-476B-9559-4C5CB4EBB719}"/>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5" name="正方形/長方形 554">
          <a:extLst>
            <a:ext uri="{FF2B5EF4-FFF2-40B4-BE49-F238E27FC236}">
              <a16:creationId xmlns:a16="http://schemas.microsoft.com/office/drawing/2014/main" id="{71BFD42A-C29E-4B50-A122-4D795E622B19}"/>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6" name="正方形/長方形 555">
          <a:extLst>
            <a:ext uri="{FF2B5EF4-FFF2-40B4-BE49-F238E27FC236}">
              <a16:creationId xmlns:a16="http://schemas.microsoft.com/office/drawing/2014/main" id="{C736E9EC-C2E9-4545-82AA-2D35464E31C6}"/>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7" name="正方形/長方形 556">
          <a:extLst>
            <a:ext uri="{FF2B5EF4-FFF2-40B4-BE49-F238E27FC236}">
              <a16:creationId xmlns:a16="http://schemas.microsoft.com/office/drawing/2014/main" id="{7C38D2C5-E51D-46E8-9D84-EEEFDE734690}"/>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8" name="正方形/長方形 557">
          <a:extLst>
            <a:ext uri="{FF2B5EF4-FFF2-40B4-BE49-F238E27FC236}">
              <a16:creationId xmlns:a16="http://schemas.microsoft.com/office/drawing/2014/main" id="{FBEB4BAC-06F1-499D-88F6-51AE9F978319}"/>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9" name="正方形/長方形 558">
          <a:extLst>
            <a:ext uri="{FF2B5EF4-FFF2-40B4-BE49-F238E27FC236}">
              <a16:creationId xmlns:a16="http://schemas.microsoft.com/office/drawing/2014/main" id="{A873A855-FA43-4E35-92FA-D1E545335532}"/>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60" name="正方形/長方形 559">
          <a:extLst>
            <a:ext uri="{FF2B5EF4-FFF2-40B4-BE49-F238E27FC236}">
              <a16:creationId xmlns:a16="http://schemas.microsoft.com/office/drawing/2014/main" id="{7464B0A9-4AE9-406C-B053-2E92B070819C}"/>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1" name="正方形/長方形 560">
          <a:extLst>
            <a:ext uri="{FF2B5EF4-FFF2-40B4-BE49-F238E27FC236}">
              <a16:creationId xmlns:a16="http://schemas.microsoft.com/office/drawing/2014/main" id="{786BA2E9-A6F1-4DA8-8FE4-461FB53B2152}"/>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2" name="テキスト ボックス 561">
          <a:extLst>
            <a:ext uri="{FF2B5EF4-FFF2-40B4-BE49-F238E27FC236}">
              <a16:creationId xmlns:a16="http://schemas.microsoft.com/office/drawing/2014/main" id="{58FD5C56-C2D4-4AE6-AEFF-3B79AE3CD9DC}"/>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3" name="直線コネクタ 562">
          <a:extLst>
            <a:ext uri="{FF2B5EF4-FFF2-40B4-BE49-F238E27FC236}">
              <a16:creationId xmlns:a16="http://schemas.microsoft.com/office/drawing/2014/main" id="{D037396D-258A-44C6-BB1B-BDBBF7DBC891}"/>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64" name="直線コネクタ 563">
          <a:extLst>
            <a:ext uri="{FF2B5EF4-FFF2-40B4-BE49-F238E27FC236}">
              <a16:creationId xmlns:a16="http://schemas.microsoft.com/office/drawing/2014/main" id="{C0182F16-D34C-4B2E-987D-6C07621A2C12}"/>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565" name="テキスト ボックス 564">
          <a:extLst>
            <a:ext uri="{FF2B5EF4-FFF2-40B4-BE49-F238E27FC236}">
              <a16:creationId xmlns:a16="http://schemas.microsoft.com/office/drawing/2014/main" id="{F8BB0CC3-FDFF-46B2-9DEF-70266C27AC25}"/>
            </a:ext>
          </a:extLst>
        </xdr:cNvPr>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66" name="直線コネクタ 565">
          <a:extLst>
            <a:ext uri="{FF2B5EF4-FFF2-40B4-BE49-F238E27FC236}">
              <a16:creationId xmlns:a16="http://schemas.microsoft.com/office/drawing/2014/main" id="{4BCDBFD9-6F3E-42EC-B4A1-AC87F02CECFA}"/>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567" name="テキスト ボックス 566">
          <a:extLst>
            <a:ext uri="{FF2B5EF4-FFF2-40B4-BE49-F238E27FC236}">
              <a16:creationId xmlns:a16="http://schemas.microsoft.com/office/drawing/2014/main" id="{A85DB5EB-ED36-4E69-900F-5092FC87B3FC}"/>
            </a:ext>
          </a:extLst>
        </xdr:cNvPr>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68" name="直線コネクタ 567">
          <a:extLst>
            <a:ext uri="{FF2B5EF4-FFF2-40B4-BE49-F238E27FC236}">
              <a16:creationId xmlns:a16="http://schemas.microsoft.com/office/drawing/2014/main" id="{1650AF3F-03AA-47E2-A975-CAF8442AD371}"/>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569" name="テキスト ボックス 568">
          <a:extLst>
            <a:ext uri="{FF2B5EF4-FFF2-40B4-BE49-F238E27FC236}">
              <a16:creationId xmlns:a16="http://schemas.microsoft.com/office/drawing/2014/main" id="{B10E6BEF-D456-4B47-B69E-B13B4B28DBE8}"/>
            </a:ext>
          </a:extLst>
        </xdr:cNvPr>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70" name="直線コネクタ 569">
          <a:extLst>
            <a:ext uri="{FF2B5EF4-FFF2-40B4-BE49-F238E27FC236}">
              <a16:creationId xmlns:a16="http://schemas.microsoft.com/office/drawing/2014/main" id="{CD88D62C-5AC0-484A-852C-8BE5D3B2871E}"/>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571" name="テキスト ボックス 570">
          <a:extLst>
            <a:ext uri="{FF2B5EF4-FFF2-40B4-BE49-F238E27FC236}">
              <a16:creationId xmlns:a16="http://schemas.microsoft.com/office/drawing/2014/main" id="{86E426FF-9C0D-4AC6-974F-1BA55619F4A8}"/>
            </a:ext>
          </a:extLst>
        </xdr:cNvPr>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72" name="直線コネクタ 571">
          <a:extLst>
            <a:ext uri="{FF2B5EF4-FFF2-40B4-BE49-F238E27FC236}">
              <a16:creationId xmlns:a16="http://schemas.microsoft.com/office/drawing/2014/main" id="{5496847B-42C7-4294-894F-F85A9BDC5609}"/>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573" name="テキスト ボックス 572">
          <a:extLst>
            <a:ext uri="{FF2B5EF4-FFF2-40B4-BE49-F238E27FC236}">
              <a16:creationId xmlns:a16="http://schemas.microsoft.com/office/drawing/2014/main" id="{F289B7F7-BD2E-4DB2-A7F7-A2CEDD6F272C}"/>
            </a:ext>
          </a:extLst>
        </xdr:cNvPr>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4" name="直線コネクタ 573">
          <a:extLst>
            <a:ext uri="{FF2B5EF4-FFF2-40B4-BE49-F238E27FC236}">
              <a16:creationId xmlns:a16="http://schemas.microsoft.com/office/drawing/2014/main" id="{48D54B1C-74A3-49DE-B94C-DFEF20B36B13}"/>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75" name="テキスト ボックス 574">
          <a:extLst>
            <a:ext uri="{FF2B5EF4-FFF2-40B4-BE49-F238E27FC236}">
              <a16:creationId xmlns:a16="http://schemas.microsoft.com/office/drawing/2014/main" id="{B37D2B94-D574-442D-BAE9-5F4CA0020834}"/>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6" name="【認定こども園・幼稚園・保育所】&#10;一人当たり面積グラフ枠">
          <a:extLst>
            <a:ext uri="{FF2B5EF4-FFF2-40B4-BE49-F238E27FC236}">
              <a16:creationId xmlns:a16="http://schemas.microsoft.com/office/drawing/2014/main" id="{2A813007-2161-44B4-9E90-2025E22DC60B}"/>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41910</xdr:rowOff>
    </xdr:from>
    <xdr:to>
      <xdr:col>116</xdr:col>
      <xdr:colOff>62864</xdr:colOff>
      <xdr:row>41</xdr:row>
      <xdr:rowOff>142240</xdr:rowOff>
    </xdr:to>
    <xdr:cxnSp macro="">
      <xdr:nvCxnSpPr>
        <xdr:cNvPr id="577" name="直線コネクタ 576">
          <a:extLst>
            <a:ext uri="{FF2B5EF4-FFF2-40B4-BE49-F238E27FC236}">
              <a16:creationId xmlns:a16="http://schemas.microsoft.com/office/drawing/2014/main" id="{3D8B245D-7586-44FB-ACB4-895E6099598C}"/>
            </a:ext>
          </a:extLst>
        </xdr:cNvPr>
        <xdr:cNvCxnSpPr/>
      </xdr:nvCxnSpPr>
      <xdr:spPr>
        <a:xfrm flipV="1">
          <a:off x="22160864" y="5871210"/>
          <a:ext cx="0" cy="1300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46067</xdr:rowOff>
    </xdr:from>
    <xdr:ext cx="469744" cy="259045"/>
    <xdr:sp macro="" textlink="">
      <xdr:nvSpPr>
        <xdr:cNvPr id="578" name="【認定こども園・幼稚園・保育所】&#10;一人当たり面積最小値テキスト">
          <a:extLst>
            <a:ext uri="{FF2B5EF4-FFF2-40B4-BE49-F238E27FC236}">
              <a16:creationId xmlns:a16="http://schemas.microsoft.com/office/drawing/2014/main" id="{54A2F0EF-C6F0-472F-92CB-EE993ABF855F}"/>
            </a:ext>
          </a:extLst>
        </xdr:cNvPr>
        <xdr:cNvSpPr txBox="1"/>
      </xdr:nvSpPr>
      <xdr:spPr>
        <a:xfrm>
          <a:off x="22199600" y="7175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42240</xdr:rowOff>
    </xdr:from>
    <xdr:to>
      <xdr:col>116</xdr:col>
      <xdr:colOff>152400</xdr:colOff>
      <xdr:row>41</xdr:row>
      <xdr:rowOff>142240</xdr:rowOff>
    </xdr:to>
    <xdr:cxnSp macro="">
      <xdr:nvCxnSpPr>
        <xdr:cNvPr id="579" name="直線コネクタ 578">
          <a:extLst>
            <a:ext uri="{FF2B5EF4-FFF2-40B4-BE49-F238E27FC236}">
              <a16:creationId xmlns:a16="http://schemas.microsoft.com/office/drawing/2014/main" id="{73352974-3EDA-4D4D-AD17-D6190CF687FF}"/>
            </a:ext>
          </a:extLst>
        </xdr:cNvPr>
        <xdr:cNvCxnSpPr/>
      </xdr:nvCxnSpPr>
      <xdr:spPr>
        <a:xfrm>
          <a:off x="22072600" y="7171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60037</xdr:rowOff>
    </xdr:from>
    <xdr:ext cx="469744" cy="259045"/>
    <xdr:sp macro="" textlink="">
      <xdr:nvSpPr>
        <xdr:cNvPr id="580" name="【認定こども園・幼稚園・保育所】&#10;一人当たり面積最大値テキスト">
          <a:extLst>
            <a:ext uri="{FF2B5EF4-FFF2-40B4-BE49-F238E27FC236}">
              <a16:creationId xmlns:a16="http://schemas.microsoft.com/office/drawing/2014/main" id="{3FD4243E-B01F-4D22-A6B7-8F8FAD493D62}"/>
            </a:ext>
          </a:extLst>
        </xdr:cNvPr>
        <xdr:cNvSpPr txBox="1"/>
      </xdr:nvSpPr>
      <xdr:spPr>
        <a:xfrm>
          <a:off x="22199600" y="5646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41910</xdr:rowOff>
    </xdr:from>
    <xdr:to>
      <xdr:col>116</xdr:col>
      <xdr:colOff>152400</xdr:colOff>
      <xdr:row>34</xdr:row>
      <xdr:rowOff>41910</xdr:rowOff>
    </xdr:to>
    <xdr:cxnSp macro="">
      <xdr:nvCxnSpPr>
        <xdr:cNvPr id="581" name="直線コネクタ 580">
          <a:extLst>
            <a:ext uri="{FF2B5EF4-FFF2-40B4-BE49-F238E27FC236}">
              <a16:creationId xmlns:a16="http://schemas.microsoft.com/office/drawing/2014/main" id="{8243B636-BBC4-409D-B4B8-CA2541A198BE}"/>
            </a:ext>
          </a:extLst>
        </xdr:cNvPr>
        <xdr:cNvCxnSpPr/>
      </xdr:nvCxnSpPr>
      <xdr:spPr>
        <a:xfrm>
          <a:off x="22072600" y="5871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07967</xdr:rowOff>
    </xdr:from>
    <xdr:ext cx="469744" cy="259045"/>
    <xdr:sp macro="" textlink="">
      <xdr:nvSpPr>
        <xdr:cNvPr id="582" name="【認定こども園・幼稚園・保育所】&#10;一人当たり面積平均値テキスト">
          <a:extLst>
            <a:ext uri="{FF2B5EF4-FFF2-40B4-BE49-F238E27FC236}">
              <a16:creationId xmlns:a16="http://schemas.microsoft.com/office/drawing/2014/main" id="{6A622ECD-6BB2-4F3B-B21D-0FCD30C4563B}"/>
            </a:ext>
          </a:extLst>
        </xdr:cNvPr>
        <xdr:cNvSpPr txBox="1"/>
      </xdr:nvSpPr>
      <xdr:spPr>
        <a:xfrm>
          <a:off x="22199600" y="66230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85090</xdr:rowOff>
    </xdr:from>
    <xdr:to>
      <xdr:col>116</xdr:col>
      <xdr:colOff>114300</xdr:colOff>
      <xdr:row>40</xdr:row>
      <xdr:rowOff>15240</xdr:rowOff>
    </xdr:to>
    <xdr:sp macro="" textlink="">
      <xdr:nvSpPr>
        <xdr:cNvPr id="583" name="フローチャート: 判断 582">
          <a:extLst>
            <a:ext uri="{FF2B5EF4-FFF2-40B4-BE49-F238E27FC236}">
              <a16:creationId xmlns:a16="http://schemas.microsoft.com/office/drawing/2014/main" id="{E6D0CAEA-E7EB-4646-9978-99CBD7362AAC}"/>
            </a:ext>
          </a:extLst>
        </xdr:cNvPr>
        <xdr:cNvSpPr/>
      </xdr:nvSpPr>
      <xdr:spPr>
        <a:xfrm>
          <a:off x="22110700" y="6771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00330</xdr:rowOff>
    </xdr:from>
    <xdr:to>
      <xdr:col>112</xdr:col>
      <xdr:colOff>38100</xdr:colOff>
      <xdr:row>40</xdr:row>
      <xdr:rowOff>30480</xdr:rowOff>
    </xdr:to>
    <xdr:sp macro="" textlink="">
      <xdr:nvSpPr>
        <xdr:cNvPr id="584" name="フローチャート: 判断 583">
          <a:extLst>
            <a:ext uri="{FF2B5EF4-FFF2-40B4-BE49-F238E27FC236}">
              <a16:creationId xmlns:a16="http://schemas.microsoft.com/office/drawing/2014/main" id="{AEE0128F-4ED8-4AD1-AAB7-84492ADAB245}"/>
            </a:ext>
          </a:extLst>
        </xdr:cNvPr>
        <xdr:cNvSpPr/>
      </xdr:nvSpPr>
      <xdr:spPr>
        <a:xfrm>
          <a:off x="21272500" y="6786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33350</xdr:rowOff>
    </xdr:from>
    <xdr:to>
      <xdr:col>107</xdr:col>
      <xdr:colOff>101600</xdr:colOff>
      <xdr:row>40</xdr:row>
      <xdr:rowOff>63500</xdr:rowOff>
    </xdr:to>
    <xdr:sp macro="" textlink="">
      <xdr:nvSpPr>
        <xdr:cNvPr id="585" name="フローチャート: 判断 584">
          <a:extLst>
            <a:ext uri="{FF2B5EF4-FFF2-40B4-BE49-F238E27FC236}">
              <a16:creationId xmlns:a16="http://schemas.microsoft.com/office/drawing/2014/main" id="{E5474CED-A1A1-4BA6-AF1F-F2B89E74E3D9}"/>
            </a:ext>
          </a:extLst>
        </xdr:cNvPr>
        <xdr:cNvSpPr/>
      </xdr:nvSpPr>
      <xdr:spPr>
        <a:xfrm>
          <a:off x="20383500" y="681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11760</xdr:rowOff>
    </xdr:from>
    <xdr:to>
      <xdr:col>102</xdr:col>
      <xdr:colOff>165100</xdr:colOff>
      <xdr:row>40</xdr:row>
      <xdr:rowOff>41910</xdr:rowOff>
    </xdr:to>
    <xdr:sp macro="" textlink="">
      <xdr:nvSpPr>
        <xdr:cNvPr id="586" name="フローチャート: 判断 585">
          <a:extLst>
            <a:ext uri="{FF2B5EF4-FFF2-40B4-BE49-F238E27FC236}">
              <a16:creationId xmlns:a16="http://schemas.microsoft.com/office/drawing/2014/main" id="{F79EA229-FFC6-4D25-9182-1F3E18D39E6C}"/>
            </a:ext>
          </a:extLst>
        </xdr:cNvPr>
        <xdr:cNvSpPr/>
      </xdr:nvSpPr>
      <xdr:spPr>
        <a:xfrm>
          <a:off x="19494500" y="6798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52400</xdr:rowOff>
    </xdr:from>
    <xdr:to>
      <xdr:col>98</xdr:col>
      <xdr:colOff>38100</xdr:colOff>
      <xdr:row>40</xdr:row>
      <xdr:rowOff>82550</xdr:rowOff>
    </xdr:to>
    <xdr:sp macro="" textlink="">
      <xdr:nvSpPr>
        <xdr:cNvPr id="587" name="フローチャート: 判断 586">
          <a:extLst>
            <a:ext uri="{FF2B5EF4-FFF2-40B4-BE49-F238E27FC236}">
              <a16:creationId xmlns:a16="http://schemas.microsoft.com/office/drawing/2014/main" id="{CBD24A88-E523-45CE-9B38-52434C7B9A28}"/>
            </a:ext>
          </a:extLst>
        </xdr:cNvPr>
        <xdr:cNvSpPr/>
      </xdr:nvSpPr>
      <xdr:spPr>
        <a:xfrm>
          <a:off x="18605500" y="6838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8" name="テキスト ボックス 587">
          <a:extLst>
            <a:ext uri="{FF2B5EF4-FFF2-40B4-BE49-F238E27FC236}">
              <a16:creationId xmlns:a16="http://schemas.microsoft.com/office/drawing/2014/main" id="{8519091C-0738-4775-8EF8-1CE12FBAB841}"/>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9" name="テキスト ボックス 588">
          <a:extLst>
            <a:ext uri="{FF2B5EF4-FFF2-40B4-BE49-F238E27FC236}">
              <a16:creationId xmlns:a16="http://schemas.microsoft.com/office/drawing/2014/main" id="{BE302CB6-67F6-48ED-BED1-6452A52B1FDE}"/>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90" name="テキスト ボックス 589">
          <a:extLst>
            <a:ext uri="{FF2B5EF4-FFF2-40B4-BE49-F238E27FC236}">
              <a16:creationId xmlns:a16="http://schemas.microsoft.com/office/drawing/2014/main" id="{AA857B48-A67B-4CCF-9074-A37AAC17D834}"/>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1" name="テキスト ボックス 590">
          <a:extLst>
            <a:ext uri="{FF2B5EF4-FFF2-40B4-BE49-F238E27FC236}">
              <a16:creationId xmlns:a16="http://schemas.microsoft.com/office/drawing/2014/main" id="{73ECB8AC-FF14-41B0-B2D0-BC2539EEE235}"/>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2" name="テキスト ボックス 591">
          <a:extLst>
            <a:ext uri="{FF2B5EF4-FFF2-40B4-BE49-F238E27FC236}">
              <a16:creationId xmlns:a16="http://schemas.microsoft.com/office/drawing/2014/main" id="{551A8621-5CF7-4091-8161-35B9E3F4064E}"/>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38430</xdr:rowOff>
    </xdr:from>
    <xdr:to>
      <xdr:col>116</xdr:col>
      <xdr:colOff>114300</xdr:colOff>
      <xdr:row>41</xdr:row>
      <xdr:rowOff>68580</xdr:rowOff>
    </xdr:to>
    <xdr:sp macro="" textlink="">
      <xdr:nvSpPr>
        <xdr:cNvPr id="593" name="楕円 592">
          <a:extLst>
            <a:ext uri="{FF2B5EF4-FFF2-40B4-BE49-F238E27FC236}">
              <a16:creationId xmlns:a16="http://schemas.microsoft.com/office/drawing/2014/main" id="{65E23F13-3749-4AD4-85E4-EB92278B7AA8}"/>
            </a:ext>
          </a:extLst>
        </xdr:cNvPr>
        <xdr:cNvSpPr/>
      </xdr:nvSpPr>
      <xdr:spPr>
        <a:xfrm>
          <a:off x="22110700" y="6996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53357</xdr:rowOff>
    </xdr:from>
    <xdr:ext cx="469744" cy="259045"/>
    <xdr:sp macro="" textlink="">
      <xdr:nvSpPr>
        <xdr:cNvPr id="594" name="【認定こども園・幼稚園・保育所】&#10;一人当たり面積該当値テキスト">
          <a:extLst>
            <a:ext uri="{FF2B5EF4-FFF2-40B4-BE49-F238E27FC236}">
              <a16:creationId xmlns:a16="http://schemas.microsoft.com/office/drawing/2014/main" id="{ACE3F397-CF71-4EDD-9083-896D06A8E495}"/>
            </a:ext>
          </a:extLst>
        </xdr:cNvPr>
        <xdr:cNvSpPr txBox="1"/>
      </xdr:nvSpPr>
      <xdr:spPr>
        <a:xfrm>
          <a:off x="22199600" y="6911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42240</xdr:rowOff>
    </xdr:from>
    <xdr:to>
      <xdr:col>112</xdr:col>
      <xdr:colOff>38100</xdr:colOff>
      <xdr:row>41</xdr:row>
      <xdr:rowOff>72390</xdr:rowOff>
    </xdr:to>
    <xdr:sp macro="" textlink="">
      <xdr:nvSpPr>
        <xdr:cNvPr id="595" name="楕円 594">
          <a:extLst>
            <a:ext uri="{FF2B5EF4-FFF2-40B4-BE49-F238E27FC236}">
              <a16:creationId xmlns:a16="http://schemas.microsoft.com/office/drawing/2014/main" id="{2B553459-6C3A-4AC4-8ABF-43A7AF11BF90}"/>
            </a:ext>
          </a:extLst>
        </xdr:cNvPr>
        <xdr:cNvSpPr/>
      </xdr:nvSpPr>
      <xdr:spPr>
        <a:xfrm>
          <a:off x="21272500" y="7000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17780</xdr:rowOff>
    </xdr:from>
    <xdr:to>
      <xdr:col>116</xdr:col>
      <xdr:colOff>63500</xdr:colOff>
      <xdr:row>41</xdr:row>
      <xdr:rowOff>21590</xdr:rowOff>
    </xdr:to>
    <xdr:cxnSp macro="">
      <xdr:nvCxnSpPr>
        <xdr:cNvPr id="596" name="直線コネクタ 595">
          <a:extLst>
            <a:ext uri="{FF2B5EF4-FFF2-40B4-BE49-F238E27FC236}">
              <a16:creationId xmlns:a16="http://schemas.microsoft.com/office/drawing/2014/main" id="{CB951736-D11C-4CA1-A675-5C37B7411B01}"/>
            </a:ext>
          </a:extLst>
        </xdr:cNvPr>
        <xdr:cNvCxnSpPr/>
      </xdr:nvCxnSpPr>
      <xdr:spPr>
        <a:xfrm flipV="1">
          <a:off x="21323300" y="704723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44780</xdr:rowOff>
    </xdr:from>
    <xdr:to>
      <xdr:col>107</xdr:col>
      <xdr:colOff>101600</xdr:colOff>
      <xdr:row>41</xdr:row>
      <xdr:rowOff>74930</xdr:rowOff>
    </xdr:to>
    <xdr:sp macro="" textlink="">
      <xdr:nvSpPr>
        <xdr:cNvPr id="597" name="楕円 596">
          <a:extLst>
            <a:ext uri="{FF2B5EF4-FFF2-40B4-BE49-F238E27FC236}">
              <a16:creationId xmlns:a16="http://schemas.microsoft.com/office/drawing/2014/main" id="{2B711FF2-4C1C-453F-B443-880933F6396C}"/>
            </a:ext>
          </a:extLst>
        </xdr:cNvPr>
        <xdr:cNvSpPr/>
      </xdr:nvSpPr>
      <xdr:spPr>
        <a:xfrm>
          <a:off x="20383500" y="7002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21590</xdr:rowOff>
    </xdr:from>
    <xdr:to>
      <xdr:col>111</xdr:col>
      <xdr:colOff>177800</xdr:colOff>
      <xdr:row>41</xdr:row>
      <xdr:rowOff>24130</xdr:rowOff>
    </xdr:to>
    <xdr:cxnSp macro="">
      <xdr:nvCxnSpPr>
        <xdr:cNvPr id="598" name="直線コネクタ 597">
          <a:extLst>
            <a:ext uri="{FF2B5EF4-FFF2-40B4-BE49-F238E27FC236}">
              <a16:creationId xmlns:a16="http://schemas.microsoft.com/office/drawing/2014/main" id="{BF152B28-B895-4A90-99A4-B6AC7FEA01B4}"/>
            </a:ext>
          </a:extLst>
        </xdr:cNvPr>
        <xdr:cNvCxnSpPr/>
      </xdr:nvCxnSpPr>
      <xdr:spPr>
        <a:xfrm flipV="1">
          <a:off x="20434300" y="7051040"/>
          <a:ext cx="8890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47320</xdr:rowOff>
    </xdr:from>
    <xdr:to>
      <xdr:col>102</xdr:col>
      <xdr:colOff>165100</xdr:colOff>
      <xdr:row>41</xdr:row>
      <xdr:rowOff>77470</xdr:rowOff>
    </xdr:to>
    <xdr:sp macro="" textlink="">
      <xdr:nvSpPr>
        <xdr:cNvPr id="599" name="楕円 598">
          <a:extLst>
            <a:ext uri="{FF2B5EF4-FFF2-40B4-BE49-F238E27FC236}">
              <a16:creationId xmlns:a16="http://schemas.microsoft.com/office/drawing/2014/main" id="{1FE368E4-A788-467A-85D8-A07D4E82B05C}"/>
            </a:ext>
          </a:extLst>
        </xdr:cNvPr>
        <xdr:cNvSpPr/>
      </xdr:nvSpPr>
      <xdr:spPr>
        <a:xfrm>
          <a:off x="19494500" y="7005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24130</xdr:rowOff>
    </xdr:from>
    <xdr:to>
      <xdr:col>107</xdr:col>
      <xdr:colOff>50800</xdr:colOff>
      <xdr:row>41</xdr:row>
      <xdr:rowOff>26670</xdr:rowOff>
    </xdr:to>
    <xdr:cxnSp macro="">
      <xdr:nvCxnSpPr>
        <xdr:cNvPr id="600" name="直線コネクタ 599">
          <a:extLst>
            <a:ext uri="{FF2B5EF4-FFF2-40B4-BE49-F238E27FC236}">
              <a16:creationId xmlns:a16="http://schemas.microsoft.com/office/drawing/2014/main" id="{120B409F-FA29-4401-82C0-DE53B6355C8A}"/>
            </a:ext>
          </a:extLst>
        </xdr:cNvPr>
        <xdr:cNvCxnSpPr/>
      </xdr:nvCxnSpPr>
      <xdr:spPr>
        <a:xfrm flipV="1">
          <a:off x="19545300" y="7053580"/>
          <a:ext cx="8890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51130</xdr:rowOff>
    </xdr:from>
    <xdr:to>
      <xdr:col>98</xdr:col>
      <xdr:colOff>38100</xdr:colOff>
      <xdr:row>41</xdr:row>
      <xdr:rowOff>81280</xdr:rowOff>
    </xdr:to>
    <xdr:sp macro="" textlink="">
      <xdr:nvSpPr>
        <xdr:cNvPr id="601" name="楕円 600">
          <a:extLst>
            <a:ext uri="{FF2B5EF4-FFF2-40B4-BE49-F238E27FC236}">
              <a16:creationId xmlns:a16="http://schemas.microsoft.com/office/drawing/2014/main" id="{FE59BC64-1711-4007-B642-0AF0C76AAC53}"/>
            </a:ext>
          </a:extLst>
        </xdr:cNvPr>
        <xdr:cNvSpPr/>
      </xdr:nvSpPr>
      <xdr:spPr>
        <a:xfrm>
          <a:off x="18605500" y="7009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26670</xdr:rowOff>
    </xdr:from>
    <xdr:to>
      <xdr:col>102</xdr:col>
      <xdr:colOff>114300</xdr:colOff>
      <xdr:row>41</xdr:row>
      <xdr:rowOff>30480</xdr:rowOff>
    </xdr:to>
    <xdr:cxnSp macro="">
      <xdr:nvCxnSpPr>
        <xdr:cNvPr id="602" name="直線コネクタ 601">
          <a:extLst>
            <a:ext uri="{FF2B5EF4-FFF2-40B4-BE49-F238E27FC236}">
              <a16:creationId xmlns:a16="http://schemas.microsoft.com/office/drawing/2014/main" id="{40FCAED5-8687-4DA7-96FB-4921F29EE75C}"/>
            </a:ext>
          </a:extLst>
        </xdr:cNvPr>
        <xdr:cNvCxnSpPr/>
      </xdr:nvCxnSpPr>
      <xdr:spPr>
        <a:xfrm flipV="1">
          <a:off x="18656300" y="705612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47007</xdr:rowOff>
    </xdr:from>
    <xdr:ext cx="469744" cy="259045"/>
    <xdr:sp macro="" textlink="">
      <xdr:nvSpPr>
        <xdr:cNvPr id="603" name="n_1aveValue【認定こども園・幼稚園・保育所】&#10;一人当たり面積">
          <a:extLst>
            <a:ext uri="{FF2B5EF4-FFF2-40B4-BE49-F238E27FC236}">
              <a16:creationId xmlns:a16="http://schemas.microsoft.com/office/drawing/2014/main" id="{466ABDE5-62CD-4C2A-827C-EB4A8E93CB00}"/>
            </a:ext>
          </a:extLst>
        </xdr:cNvPr>
        <xdr:cNvSpPr txBox="1"/>
      </xdr:nvSpPr>
      <xdr:spPr>
        <a:xfrm>
          <a:off x="21075727" y="6562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80027</xdr:rowOff>
    </xdr:from>
    <xdr:ext cx="469744" cy="259045"/>
    <xdr:sp macro="" textlink="">
      <xdr:nvSpPr>
        <xdr:cNvPr id="604" name="n_2aveValue【認定こども園・幼稚園・保育所】&#10;一人当たり面積">
          <a:extLst>
            <a:ext uri="{FF2B5EF4-FFF2-40B4-BE49-F238E27FC236}">
              <a16:creationId xmlns:a16="http://schemas.microsoft.com/office/drawing/2014/main" id="{EC1E8352-2116-4511-886F-20B396E51A4B}"/>
            </a:ext>
          </a:extLst>
        </xdr:cNvPr>
        <xdr:cNvSpPr txBox="1"/>
      </xdr:nvSpPr>
      <xdr:spPr>
        <a:xfrm>
          <a:off x="20199427" y="659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58437</xdr:rowOff>
    </xdr:from>
    <xdr:ext cx="469744" cy="259045"/>
    <xdr:sp macro="" textlink="">
      <xdr:nvSpPr>
        <xdr:cNvPr id="605" name="n_3aveValue【認定こども園・幼稚園・保育所】&#10;一人当たり面積">
          <a:extLst>
            <a:ext uri="{FF2B5EF4-FFF2-40B4-BE49-F238E27FC236}">
              <a16:creationId xmlns:a16="http://schemas.microsoft.com/office/drawing/2014/main" id="{DE23BB20-48CE-475F-9680-7F5EFEDB75D5}"/>
            </a:ext>
          </a:extLst>
        </xdr:cNvPr>
        <xdr:cNvSpPr txBox="1"/>
      </xdr:nvSpPr>
      <xdr:spPr>
        <a:xfrm>
          <a:off x="19310427" y="6573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99077</xdr:rowOff>
    </xdr:from>
    <xdr:ext cx="469744" cy="259045"/>
    <xdr:sp macro="" textlink="">
      <xdr:nvSpPr>
        <xdr:cNvPr id="606" name="n_4aveValue【認定こども園・幼稚園・保育所】&#10;一人当たり面積">
          <a:extLst>
            <a:ext uri="{FF2B5EF4-FFF2-40B4-BE49-F238E27FC236}">
              <a16:creationId xmlns:a16="http://schemas.microsoft.com/office/drawing/2014/main" id="{902E3931-6BD5-493D-B114-CA215E33D857}"/>
            </a:ext>
          </a:extLst>
        </xdr:cNvPr>
        <xdr:cNvSpPr txBox="1"/>
      </xdr:nvSpPr>
      <xdr:spPr>
        <a:xfrm>
          <a:off x="18421427" y="6614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63517</xdr:rowOff>
    </xdr:from>
    <xdr:ext cx="469744" cy="259045"/>
    <xdr:sp macro="" textlink="">
      <xdr:nvSpPr>
        <xdr:cNvPr id="607" name="n_1mainValue【認定こども園・幼稚園・保育所】&#10;一人当たり面積">
          <a:extLst>
            <a:ext uri="{FF2B5EF4-FFF2-40B4-BE49-F238E27FC236}">
              <a16:creationId xmlns:a16="http://schemas.microsoft.com/office/drawing/2014/main" id="{61A8DD35-9FA3-456D-920A-6C1D6A477BE8}"/>
            </a:ext>
          </a:extLst>
        </xdr:cNvPr>
        <xdr:cNvSpPr txBox="1"/>
      </xdr:nvSpPr>
      <xdr:spPr>
        <a:xfrm>
          <a:off x="21075727" y="7092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66057</xdr:rowOff>
    </xdr:from>
    <xdr:ext cx="469744" cy="259045"/>
    <xdr:sp macro="" textlink="">
      <xdr:nvSpPr>
        <xdr:cNvPr id="608" name="n_2mainValue【認定こども園・幼稚園・保育所】&#10;一人当たり面積">
          <a:extLst>
            <a:ext uri="{FF2B5EF4-FFF2-40B4-BE49-F238E27FC236}">
              <a16:creationId xmlns:a16="http://schemas.microsoft.com/office/drawing/2014/main" id="{5FF909DD-8454-4ED2-8C9C-DB9929733D39}"/>
            </a:ext>
          </a:extLst>
        </xdr:cNvPr>
        <xdr:cNvSpPr txBox="1"/>
      </xdr:nvSpPr>
      <xdr:spPr>
        <a:xfrm>
          <a:off x="20199427" y="7095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68597</xdr:rowOff>
    </xdr:from>
    <xdr:ext cx="469744" cy="259045"/>
    <xdr:sp macro="" textlink="">
      <xdr:nvSpPr>
        <xdr:cNvPr id="609" name="n_3mainValue【認定こども園・幼稚園・保育所】&#10;一人当たり面積">
          <a:extLst>
            <a:ext uri="{FF2B5EF4-FFF2-40B4-BE49-F238E27FC236}">
              <a16:creationId xmlns:a16="http://schemas.microsoft.com/office/drawing/2014/main" id="{E3750DCD-DC04-4BFD-A13E-D27CE32E7A96}"/>
            </a:ext>
          </a:extLst>
        </xdr:cNvPr>
        <xdr:cNvSpPr txBox="1"/>
      </xdr:nvSpPr>
      <xdr:spPr>
        <a:xfrm>
          <a:off x="19310427" y="7098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72407</xdr:rowOff>
    </xdr:from>
    <xdr:ext cx="469744" cy="259045"/>
    <xdr:sp macro="" textlink="">
      <xdr:nvSpPr>
        <xdr:cNvPr id="610" name="n_4mainValue【認定こども園・幼稚園・保育所】&#10;一人当たり面積">
          <a:extLst>
            <a:ext uri="{FF2B5EF4-FFF2-40B4-BE49-F238E27FC236}">
              <a16:creationId xmlns:a16="http://schemas.microsoft.com/office/drawing/2014/main" id="{4B9E2A5A-4DAB-4D39-BC8E-450DEB856DBB}"/>
            </a:ext>
          </a:extLst>
        </xdr:cNvPr>
        <xdr:cNvSpPr txBox="1"/>
      </xdr:nvSpPr>
      <xdr:spPr>
        <a:xfrm>
          <a:off x="18421427" y="7101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1" name="正方形/長方形 610">
          <a:extLst>
            <a:ext uri="{FF2B5EF4-FFF2-40B4-BE49-F238E27FC236}">
              <a16:creationId xmlns:a16="http://schemas.microsoft.com/office/drawing/2014/main" id="{EF621021-67A3-4D94-BA8F-E7CAB5FB43CB}"/>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2" name="正方形/長方形 611">
          <a:extLst>
            <a:ext uri="{FF2B5EF4-FFF2-40B4-BE49-F238E27FC236}">
              <a16:creationId xmlns:a16="http://schemas.microsoft.com/office/drawing/2014/main" id="{FCF0AF97-CBE5-4D87-BC78-C235A537E8E6}"/>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3" name="正方形/長方形 612">
          <a:extLst>
            <a:ext uri="{FF2B5EF4-FFF2-40B4-BE49-F238E27FC236}">
              <a16:creationId xmlns:a16="http://schemas.microsoft.com/office/drawing/2014/main" id="{A65B8461-CA42-4114-BACC-56D824BD30E0}"/>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4" name="正方形/長方形 613">
          <a:extLst>
            <a:ext uri="{FF2B5EF4-FFF2-40B4-BE49-F238E27FC236}">
              <a16:creationId xmlns:a16="http://schemas.microsoft.com/office/drawing/2014/main" id="{60EF3FF6-8CF8-4B7F-BC63-C0F01CA9EE83}"/>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5" name="正方形/長方形 614">
          <a:extLst>
            <a:ext uri="{FF2B5EF4-FFF2-40B4-BE49-F238E27FC236}">
              <a16:creationId xmlns:a16="http://schemas.microsoft.com/office/drawing/2014/main" id="{13A1F6C6-F198-4A3C-86D0-BEEBB5FC5672}"/>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6" name="正方形/長方形 615">
          <a:extLst>
            <a:ext uri="{FF2B5EF4-FFF2-40B4-BE49-F238E27FC236}">
              <a16:creationId xmlns:a16="http://schemas.microsoft.com/office/drawing/2014/main" id="{4F92A877-F992-48B0-83DA-739A08D47EE5}"/>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7" name="正方形/長方形 616">
          <a:extLst>
            <a:ext uri="{FF2B5EF4-FFF2-40B4-BE49-F238E27FC236}">
              <a16:creationId xmlns:a16="http://schemas.microsoft.com/office/drawing/2014/main" id="{B10FA3AC-A456-449F-AB2B-FFAD0BFBB889}"/>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8" name="正方形/長方形 617">
          <a:extLst>
            <a:ext uri="{FF2B5EF4-FFF2-40B4-BE49-F238E27FC236}">
              <a16:creationId xmlns:a16="http://schemas.microsoft.com/office/drawing/2014/main" id="{32723444-1FB2-4DFC-A992-DC0BACE65F49}"/>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9" name="テキスト ボックス 618">
          <a:extLst>
            <a:ext uri="{FF2B5EF4-FFF2-40B4-BE49-F238E27FC236}">
              <a16:creationId xmlns:a16="http://schemas.microsoft.com/office/drawing/2014/main" id="{3F686F78-45E7-40C7-A759-2796A1F72A4A}"/>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20" name="直線コネクタ 619">
          <a:extLst>
            <a:ext uri="{FF2B5EF4-FFF2-40B4-BE49-F238E27FC236}">
              <a16:creationId xmlns:a16="http://schemas.microsoft.com/office/drawing/2014/main" id="{5C74F5BC-F3D6-4535-AD09-00CD949A9C82}"/>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21" name="テキスト ボックス 620">
          <a:extLst>
            <a:ext uri="{FF2B5EF4-FFF2-40B4-BE49-F238E27FC236}">
              <a16:creationId xmlns:a16="http://schemas.microsoft.com/office/drawing/2014/main" id="{50A7DF85-CC67-4763-9B48-BFB1B83319BE}"/>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622" name="直線コネクタ 621">
          <a:extLst>
            <a:ext uri="{FF2B5EF4-FFF2-40B4-BE49-F238E27FC236}">
              <a16:creationId xmlns:a16="http://schemas.microsoft.com/office/drawing/2014/main" id="{06F771E6-F3AC-45A4-B5A0-39C49272D93C}"/>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623" name="テキスト ボックス 622">
          <a:extLst>
            <a:ext uri="{FF2B5EF4-FFF2-40B4-BE49-F238E27FC236}">
              <a16:creationId xmlns:a16="http://schemas.microsoft.com/office/drawing/2014/main" id="{63F79661-C2F8-402C-8F17-23B9F005C9C7}"/>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624" name="直線コネクタ 623">
          <a:extLst>
            <a:ext uri="{FF2B5EF4-FFF2-40B4-BE49-F238E27FC236}">
              <a16:creationId xmlns:a16="http://schemas.microsoft.com/office/drawing/2014/main" id="{D391388C-C8E5-4CA6-A36A-080C43D35272}"/>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625" name="テキスト ボックス 624">
          <a:extLst>
            <a:ext uri="{FF2B5EF4-FFF2-40B4-BE49-F238E27FC236}">
              <a16:creationId xmlns:a16="http://schemas.microsoft.com/office/drawing/2014/main" id="{76C5F603-BF13-4B9F-8E56-8B955F108364}"/>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626" name="直線コネクタ 625">
          <a:extLst>
            <a:ext uri="{FF2B5EF4-FFF2-40B4-BE49-F238E27FC236}">
              <a16:creationId xmlns:a16="http://schemas.microsoft.com/office/drawing/2014/main" id="{81CE2D52-9240-4D0C-94EB-018D9FAD7582}"/>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627" name="テキスト ボックス 626">
          <a:extLst>
            <a:ext uri="{FF2B5EF4-FFF2-40B4-BE49-F238E27FC236}">
              <a16:creationId xmlns:a16="http://schemas.microsoft.com/office/drawing/2014/main" id="{CA4D0B8D-4ECB-4650-89FC-4D5192FFA459}"/>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628" name="直線コネクタ 627">
          <a:extLst>
            <a:ext uri="{FF2B5EF4-FFF2-40B4-BE49-F238E27FC236}">
              <a16:creationId xmlns:a16="http://schemas.microsoft.com/office/drawing/2014/main" id="{786E208C-466C-4151-B585-6091ECFB8BDB}"/>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629" name="テキスト ボックス 628">
          <a:extLst>
            <a:ext uri="{FF2B5EF4-FFF2-40B4-BE49-F238E27FC236}">
              <a16:creationId xmlns:a16="http://schemas.microsoft.com/office/drawing/2014/main" id="{BDDD277F-4E28-4AAE-9DAF-B4E24C3B82EF}"/>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630" name="直線コネクタ 629">
          <a:extLst>
            <a:ext uri="{FF2B5EF4-FFF2-40B4-BE49-F238E27FC236}">
              <a16:creationId xmlns:a16="http://schemas.microsoft.com/office/drawing/2014/main" id="{7897BF3F-9F28-4654-BFC4-E0506A4FADF3}"/>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631" name="テキスト ボックス 630">
          <a:extLst>
            <a:ext uri="{FF2B5EF4-FFF2-40B4-BE49-F238E27FC236}">
              <a16:creationId xmlns:a16="http://schemas.microsoft.com/office/drawing/2014/main" id="{308CE315-F366-482E-B324-6BDB2572B870}"/>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32" name="直線コネクタ 631">
          <a:extLst>
            <a:ext uri="{FF2B5EF4-FFF2-40B4-BE49-F238E27FC236}">
              <a16:creationId xmlns:a16="http://schemas.microsoft.com/office/drawing/2014/main" id="{3AB51AA1-EDC5-4C5D-A913-6B08686F186F}"/>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633" name="テキスト ボックス 632">
          <a:extLst>
            <a:ext uri="{FF2B5EF4-FFF2-40B4-BE49-F238E27FC236}">
              <a16:creationId xmlns:a16="http://schemas.microsoft.com/office/drawing/2014/main" id="{8D881BFE-5C69-4745-9C63-7A13D6982D1F}"/>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34" name="【学校施設】&#10;有形固定資産減価償却率グラフ枠">
          <a:extLst>
            <a:ext uri="{FF2B5EF4-FFF2-40B4-BE49-F238E27FC236}">
              <a16:creationId xmlns:a16="http://schemas.microsoft.com/office/drawing/2014/main" id="{1A5B0E25-2F5C-4DDE-9EF0-967CDCE01661}"/>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30480</xdr:rowOff>
    </xdr:from>
    <xdr:to>
      <xdr:col>85</xdr:col>
      <xdr:colOff>126364</xdr:colOff>
      <xdr:row>64</xdr:row>
      <xdr:rowOff>59055</xdr:rowOff>
    </xdr:to>
    <xdr:cxnSp macro="">
      <xdr:nvCxnSpPr>
        <xdr:cNvPr id="635" name="直線コネクタ 634">
          <a:extLst>
            <a:ext uri="{FF2B5EF4-FFF2-40B4-BE49-F238E27FC236}">
              <a16:creationId xmlns:a16="http://schemas.microsoft.com/office/drawing/2014/main" id="{06BEAA5B-A03C-44E5-9F45-8C809CA3D641}"/>
            </a:ext>
          </a:extLst>
        </xdr:cNvPr>
        <xdr:cNvCxnSpPr/>
      </xdr:nvCxnSpPr>
      <xdr:spPr>
        <a:xfrm flipV="1">
          <a:off x="16318864" y="9460230"/>
          <a:ext cx="0" cy="15716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62882</xdr:rowOff>
    </xdr:from>
    <xdr:ext cx="405111" cy="259045"/>
    <xdr:sp macro="" textlink="">
      <xdr:nvSpPr>
        <xdr:cNvPr id="636" name="【学校施設】&#10;有形固定資産減価償却率最小値テキスト">
          <a:extLst>
            <a:ext uri="{FF2B5EF4-FFF2-40B4-BE49-F238E27FC236}">
              <a16:creationId xmlns:a16="http://schemas.microsoft.com/office/drawing/2014/main" id="{8D8F70EB-9A11-4944-9EF3-27A58FA2AF4C}"/>
            </a:ext>
          </a:extLst>
        </xdr:cNvPr>
        <xdr:cNvSpPr txBox="1"/>
      </xdr:nvSpPr>
      <xdr:spPr>
        <a:xfrm>
          <a:off x="16357600" y="11035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59055</xdr:rowOff>
    </xdr:from>
    <xdr:to>
      <xdr:col>86</xdr:col>
      <xdr:colOff>25400</xdr:colOff>
      <xdr:row>64</xdr:row>
      <xdr:rowOff>59055</xdr:rowOff>
    </xdr:to>
    <xdr:cxnSp macro="">
      <xdr:nvCxnSpPr>
        <xdr:cNvPr id="637" name="直線コネクタ 636">
          <a:extLst>
            <a:ext uri="{FF2B5EF4-FFF2-40B4-BE49-F238E27FC236}">
              <a16:creationId xmlns:a16="http://schemas.microsoft.com/office/drawing/2014/main" id="{B88A5740-262C-4F21-B3A4-F660480B4721}"/>
            </a:ext>
          </a:extLst>
        </xdr:cNvPr>
        <xdr:cNvCxnSpPr/>
      </xdr:nvCxnSpPr>
      <xdr:spPr>
        <a:xfrm>
          <a:off x="16230600" y="11031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48607</xdr:rowOff>
    </xdr:from>
    <xdr:ext cx="405111" cy="259045"/>
    <xdr:sp macro="" textlink="">
      <xdr:nvSpPr>
        <xdr:cNvPr id="638" name="【学校施設】&#10;有形固定資産減価償却率最大値テキスト">
          <a:extLst>
            <a:ext uri="{FF2B5EF4-FFF2-40B4-BE49-F238E27FC236}">
              <a16:creationId xmlns:a16="http://schemas.microsoft.com/office/drawing/2014/main" id="{74FED00D-518C-4EA2-A41E-DD7A4B48FFAC}"/>
            </a:ext>
          </a:extLst>
        </xdr:cNvPr>
        <xdr:cNvSpPr txBox="1"/>
      </xdr:nvSpPr>
      <xdr:spPr>
        <a:xfrm>
          <a:off x="16357600" y="9235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30480</xdr:rowOff>
    </xdr:from>
    <xdr:to>
      <xdr:col>86</xdr:col>
      <xdr:colOff>25400</xdr:colOff>
      <xdr:row>55</xdr:row>
      <xdr:rowOff>30480</xdr:rowOff>
    </xdr:to>
    <xdr:cxnSp macro="">
      <xdr:nvCxnSpPr>
        <xdr:cNvPr id="639" name="直線コネクタ 638">
          <a:extLst>
            <a:ext uri="{FF2B5EF4-FFF2-40B4-BE49-F238E27FC236}">
              <a16:creationId xmlns:a16="http://schemas.microsoft.com/office/drawing/2014/main" id="{3BC8A14A-A596-441D-AB21-8460AE08C814}"/>
            </a:ext>
          </a:extLst>
        </xdr:cNvPr>
        <xdr:cNvCxnSpPr/>
      </xdr:nvCxnSpPr>
      <xdr:spPr>
        <a:xfrm>
          <a:off x="16230600" y="9460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8272</xdr:rowOff>
    </xdr:from>
    <xdr:ext cx="405111" cy="259045"/>
    <xdr:sp macro="" textlink="">
      <xdr:nvSpPr>
        <xdr:cNvPr id="640" name="【学校施設】&#10;有形固定資産減価償却率平均値テキスト">
          <a:extLst>
            <a:ext uri="{FF2B5EF4-FFF2-40B4-BE49-F238E27FC236}">
              <a16:creationId xmlns:a16="http://schemas.microsoft.com/office/drawing/2014/main" id="{48E08E5E-BCB3-446F-87F6-C6152983D952}"/>
            </a:ext>
          </a:extLst>
        </xdr:cNvPr>
        <xdr:cNvSpPr txBox="1"/>
      </xdr:nvSpPr>
      <xdr:spPr>
        <a:xfrm>
          <a:off x="16357600" y="101238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6845</xdr:rowOff>
    </xdr:from>
    <xdr:to>
      <xdr:col>85</xdr:col>
      <xdr:colOff>177800</xdr:colOff>
      <xdr:row>60</xdr:row>
      <xdr:rowOff>86995</xdr:rowOff>
    </xdr:to>
    <xdr:sp macro="" textlink="">
      <xdr:nvSpPr>
        <xdr:cNvPr id="641" name="フローチャート: 判断 640">
          <a:extLst>
            <a:ext uri="{FF2B5EF4-FFF2-40B4-BE49-F238E27FC236}">
              <a16:creationId xmlns:a16="http://schemas.microsoft.com/office/drawing/2014/main" id="{0CC9B1BD-BB1A-4E9F-9EF2-774B941C8D4C}"/>
            </a:ext>
          </a:extLst>
        </xdr:cNvPr>
        <xdr:cNvSpPr/>
      </xdr:nvSpPr>
      <xdr:spPr>
        <a:xfrm>
          <a:off x="16268700" y="10272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51130</xdr:rowOff>
    </xdr:from>
    <xdr:to>
      <xdr:col>81</xdr:col>
      <xdr:colOff>101600</xdr:colOff>
      <xdr:row>60</xdr:row>
      <xdr:rowOff>81280</xdr:rowOff>
    </xdr:to>
    <xdr:sp macro="" textlink="">
      <xdr:nvSpPr>
        <xdr:cNvPr id="642" name="フローチャート: 判断 641">
          <a:extLst>
            <a:ext uri="{FF2B5EF4-FFF2-40B4-BE49-F238E27FC236}">
              <a16:creationId xmlns:a16="http://schemas.microsoft.com/office/drawing/2014/main" id="{09007431-4F60-431A-96B7-4148B8BEAA0C}"/>
            </a:ext>
          </a:extLst>
        </xdr:cNvPr>
        <xdr:cNvSpPr/>
      </xdr:nvSpPr>
      <xdr:spPr>
        <a:xfrm>
          <a:off x="15430500" y="1026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39700</xdr:rowOff>
    </xdr:from>
    <xdr:to>
      <xdr:col>76</xdr:col>
      <xdr:colOff>165100</xdr:colOff>
      <xdr:row>60</xdr:row>
      <xdr:rowOff>69850</xdr:rowOff>
    </xdr:to>
    <xdr:sp macro="" textlink="">
      <xdr:nvSpPr>
        <xdr:cNvPr id="643" name="フローチャート: 判断 642">
          <a:extLst>
            <a:ext uri="{FF2B5EF4-FFF2-40B4-BE49-F238E27FC236}">
              <a16:creationId xmlns:a16="http://schemas.microsoft.com/office/drawing/2014/main" id="{53D6D270-33CA-4F7C-BAC2-A2FFF125A2A5}"/>
            </a:ext>
          </a:extLst>
        </xdr:cNvPr>
        <xdr:cNvSpPr/>
      </xdr:nvSpPr>
      <xdr:spPr>
        <a:xfrm>
          <a:off x="14541500" y="10255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68275</xdr:rowOff>
    </xdr:from>
    <xdr:to>
      <xdr:col>72</xdr:col>
      <xdr:colOff>38100</xdr:colOff>
      <xdr:row>60</xdr:row>
      <xdr:rowOff>98425</xdr:rowOff>
    </xdr:to>
    <xdr:sp macro="" textlink="">
      <xdr:nvSpPr>
        <xdr:cNvPr id="644" name="フローチャート: 判断 643">
          <a:extLst>
            <a:ext uri="{FF2B5EF4-FFF2-40B4-BE49-F238E27FC236}">
              <a16:creationId xmlns:a16="http://schemas.microsoft.com/office/drawing/2014/main" id="{282AB8DF-E374-4578-823A-CD0066EB5D7C}"/>
            </a:ext>
          </a:extLst>
        </xdr:cNvPr>
        <xdr:cNvSpPr/>
      </xdr:nvSpPr>
      <xdr:spPr>
        <a:xfrm>
          <a:off x="13652500" y="10283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41605</xdr:rowOff>
    </xdr:from>
    <xdr:to>
      <xdr:col>67</xdr:col>
      <xdr:colOff>101600</xdr:colOff>
      <xdr:row>60</xdr:row>
      <xdr:rowOff>71755</xdr:rowOff>
    </xdr:to>
    <xdr:sp macro="" textlink="">
      <xdr:nvSpPr>
        <xdr:cNvPr id="645" name="フローチャート: 判断 644">
          <a:extLst>
            <a:ext uri="{FF2B5EF4-FFF2-40B4-BE49-F238E27FC236}">
              <a16:creationId xmlns:a16="http://schemas.microsoft.com/office/drawing/2014/main" id="{48BAF036-3910-46C4-85F8-CA869A559ECA}"/>
            </a:ext>
          </a:extLst>
        </xdr:cNvPr>
        <xdr:cNvSpPr/>
      </xdr:nvSpPr>
      <xdr:spPr>
        <a:xfrm>
          <a:off x="12763500" y="10257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6" name="テキスト ボックス 645">
          <a:extLst>
            <a:ext uri="{FF2B5EF4-FFF2-40B4-BE49-F238E27FC236}">
              <a16:creationId xmlns:a16="http://schemas.microsoft.com/office/drawing/2014/main" id="{0D30AB07-E4AF-4877-92C3-AEE370DFBEF7}"/>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7" name="テキスト ボックス 646">
          <a:extLst>
            <a:ext uri="{FF2B5EF4-FFF2-40B4-BE49-F238E27FC236}">
              <a16:creationId xmlns:a16="http://schemas.microsoft.com/office/drawing/2014/main" id="{BEAD5C33-DE54-4394-B570-15B352AF80AF}"/>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8" name="テキスト ボックス 647">
          <a:extLst>
            <a:ext uri="{FF2B5EF4-FFF2-40B4-BE49-F238E27FC236}">
              <a16:creationId xmlns:a16="http://schemas.microsoft.com/office/drawing/2014/main" id="{E15B06A3-A925-4AEF-AC95-18E60FAC4CFF}"/>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9" name="テキスト ボックス 648">
          <a:extLst>
            <a:ext uri="{FF2B5EF4-FFF2-40B4-BE49-F238E27FC236}">
              <a16:creationId xmlns:a16="http://schemas.microsoft.com/office/drawing/2014/main" id="{46FBDCE3-55E7-4663-AB4E-67B8087283F7}"/>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50" name="テキスト ボックス 649">
          <a:extLst>
            <a:ext uri="{FF2B5EF4-FFF2-40B4-BE49-F238E27FC236}">
              <a16:creationId xmlns:a16="http://schemas.microsoft.com/office/drawing/2014/main" id="{28E329C9-C947-45F2-96EF-D7152185A713}"/>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3</xdr:row>
      <xdr:rowOff>21590</xdr:rowOff>
    </xdr:from>
    <xdr:to>
      <xdr:col>85</xdr:col>
      <xdr:colOff>177800</xdr:colOff>
      <xdr:row>63</xdr:row>
      <xdr:rowOff>123190</xdr:rowOff>
    </xdr:to>
    <xdr:sp macro="" textlink="">
      <xdr:nvSpPr>
        <xdr:cNvPr id="651" name="楕円 650">
          <a:extLst>
            <a:ext uri="{FF2B5EF4-FFF2-40B4-BE49-F238E27FC236}">
              <a16:creationId xmlns:a16="http://schemas.microsoft.com/office/drawing/2014/main" id="{6F34EA60-A1EC-40E4-B1C4-57747F6F748D}"/>
            </a:ext>
          </a:extLst>
        </xdr:cNvPr>
        <xdr:cNvSpPr/>
      </xdr:nvSpPr>
      <xdr:spPr>
        <a:xfrm>
          <a:off x="16268700" y="10822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3</xdr:row>
      <xdr:rowOff>17</xdr:rowOff>
    </xdr:from>
    <xdr:ext cx="405111" cy="259045"/>
    <xdr:sp macro="" textlink="">
      <xdr:nvSpPr>
        <xdr:cNvPr id="652" name="【学校施設】&#10;有形固定資産減価償却率該当値テキスト">
          <a:extLst>
            <a:ext uri="{FF2B5EF4-FFF2-40B4-BE49-F238E27FC236}">
              <a16:creationId xmlns:a16="http://schemas.microsoft.com/office/drawing/2014/main" id="{E0C553A2-97E7-43DA-A373-853E01501DC9}"/>
            </a:ext>
          </a:extLst>
        </xdr:cNvPr>
        <xdr:cNvSpPr txBox="1"/>
      </xdr:nvSpPr>
      <xdr:spPr>
        <a:xfrm>
          <a:off x="16357600" y="10801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168275</xdr:rowOff>
    </xdr:from>
    <xdr:to>
      <xdr:col>81</xdr:col>
      <xdr:colOff>101600</xdr:colOff>
      <xdr:row>63</xdr:row>
      <xdr:rowOff>98425</xdr:rowOff>
    </xdr:to>
    <xdr:sp macro="" textlink="">
      <xdr:nvSpPr>
        <xdr:cNvPr id="653" name="楕円 652">
          <a:extLst>
            <a:ext uri="{FF2B5EF4-FFF2-40B4-BE49-F238E27FC236}">
              <a16:creationId xmlns:a16="http://schemas.microsoft.com/office/drawing/2014/main" id="{C8461169-BB4A-481C-AA1B-AB683CCD94E8}"/>
            </a:ext>
          </a:extLst>
        </xdr:cNvPr>
        <xdr:cNvSpPr/>
      </xdr:nvSpPr>
      <xdr:spPr>
        <a:xfrm>
          <a:off x="15430500" y="10798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3</xdr:row>
      <xdr:rowOff>47625</xdr:rowOff>
    </xdr:from>
    <xdr:to>
      <xdr:col>85</xdr:col>
      <xdr:colOff>127000</xdr:colOff>
      <xdr:row>63</xdr:row>
      <xdr:rowOff>72390</xdr:rowOff>
    </xdr:to>
    <xdr:cxnSp macro="">
      <xdr:nvCxnSpPr>
        <xdr:cNvPr id="654" name="直線コネクタ 653">
          <a:extLst>
            <a:ext uri="{FF2B5EF4-FFF2-40B4-BE49-F238E27FC236}">
              <a16:creationId xmlns:a16="http://schemas.microsoft.com/office/drawing/2014/main" id="{849D322A-7984-4328-8A67-50359D06FF26}"/>
            </a:ext>
          </a:extLst>
        </xdr:cNvPr>
        <xdr:cNvCxnSpPr/>
      </xdr:nvCxnSpPr>
      <xdr:spPr>
        <a:xfrm>
          <a:off x="15481300" y="10848975"/>
          <a:ext cx="8382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143510</xdr:rowOff>
    </xdr:from>
    <xdr:to>
      <xdr:col>76</xdr:col>
      <xdr:colOff>165100</xdr:colOff>
      <xdr:row>63</xdr:row>
      <xdr:rowOff>73660</xdr:rowOff>
    </xdr:to>
    <xdr:sp macro="" textlink="">
      <xdr:nvSpPr>
        <xdr:cNvPr id="655" name="楕円 654">
          <a:extLst>
            <a:ext uri="{FF2B5EF4-FFF2-40B4-BE49-F238E27FC236}">
              <a16:creationId xmlns:a16="http://schemas.microsoft.com/office/drawing/2014/main" id="{2DBFA828-7A95-4B0F-A0F0-583C4B3098AD}"/>
            </a:ext>
          </a:extLst>
        </xdr:cNvPr>
        <xdr:cNvSpPr/>
      </xdr:nvSpPr>
      <xdr:spPr>
        <a:xfrm>
          <a:off x="14541500" y="10773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3</xdr:row>
      <xdr:rowOff>22860</xdr:rowOff>
    </xdr:from>
    <xdr:to>
      <xdr:col>81</xdr:col>
      <xdr:colOff>50800</xdr:colOff>
      <xdr:row>63</xdr:row>
      <xdr:rowOff>47625</xdr:rowOff>
    </xdr:to>
    <xdr:cxnSp macro="">
      <xdr:nvCxnSpPr>
        <xdr:cNvPr id="656" name="直線コネクタ 655">
          <a:extLst>
            <a:ext uri="{FF2B5EF4-FFF2-40B4-BE49-F238E27FC236}">
              <a16:creationId xmlns:a16="http://schemas.microsoft.com/office/drawing/2014/main" id="{361A0333-E7FB-4B2C-8323-E1A1B3EAB227}"/>
            </a:ext>
          </a:extLst>
        </xdr:cNvPr>
        <xdr:cNvCxnSpPr/>
      </xdr:nvCxnSpPr>
      <xdr:spPr>
        <a:xfrm>
          <a:off x="14592300" y="10824210"/>
          <a:ext cx="8890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109220</xdr:rowOff>
    </xdr:from>
    <xdr:to>
      <xdr:col>72</xdr:col>
      <xdr:colOff>38100</xdr:colOff>
      <xdr:row>63</xdr:row>
      <xdr:rowOff>39370</xdr:rowOff>
    </xdr:to>
    <xdr:sp macro="" textlink="">
      <xdr:nvSpPr>
        <xdr:cNvPr id="657" name="楕円 656">
          <a:extLst>
            <a:ext uri="{FF2B5EF4-FFF2-40B4-BE49-F238E27FC236}">
              <a16:creationId xmlns:a16="http://schemas.microsoft.com/office/drawing/2014/main" id="{75609724-5B9A-4F2C-9CF4-E6AC2618FF54}"/>
            </a:ext>
          </a:extLst>
        </xdr:cNvPr>
        <xdr:cNvSpPr/>
      </xdr:nvSpPr>
      <xdr:spPr>
        <a:xfrm>
          <a:off x="13652500" y="1073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160020</xdr:rowOff>
    </xdr:from>
    <xdr:to>
      <xdr:col>76</xdr:col>
      <xdr:colOff>114300</xdr:colOff>
      <xdr:row>63</xdr:row>
      <xdr:rowOff>22860</xdr:rowOff>
    </xdr:to>
    <xdr:cxnSp macro="">
      <xdr:nvCxnSpPr>
        <xdr:cNvPr id="658" name="直線コネクタ 657">
          <a:extLst>
            <a:ext uri="{FF2B5EF4-FFF2-40B4-BE49-F238E27FC236}">
              <a16:creationId xmlns:a16="http://schemas.microsoft.com/office/drawing/2014/main" id="{B9D4A2F0-8321-4A3F-BB67-5234F03D11EE}"/>
            </a:ext>
          </a:extLst>
        </xdr:cNvPr>
        <xdr:cNvCxnSpPr/>
      </xdr:nvCxnSpPr>
      <xdr:spPr>
        <a:xfrm>
          <a:off x="13703300" y="1078992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63500</xdr:rowOff>
    </xdr:from>
    <xdr:to>
      <xdr:col>67</xdr:col>
      <xdr:colOff>101600</xdr:colOff>
      <xdr:row>62</xdr:row>
      <xdr:rowOff>165100</xdr:rowOff>
    </xdr:to>
    <xdr:sp macro="" textlink="">
      <xdr:nvSpPr>
        <xdr:cNvPr id="659" name="楕円 658">
          <a:extLst>
            <a:ext uri="{FF2B5EF4-FFF2-40B4-BE49-F238E27FC236}">
              <a16:creationId xmlns:a16="http://schemas.microsoft.com/office/drawing/2014/main" id="{C636617C-F0AF-4817-BB64-61740425D7DD}"/>
            </a:ext>
          </a:extLst>
        </xdr:cNvPr>
        <xdr:cNvSpPr/>
      </xdr:nvSpPr>
      <xdr:spPr>
        <a:xfrm>
          <a:off x="127635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2</xdr:row>
      <xdr:rowOff>114300</xdr:rowOff>
    </xdr:from>
    <xdr:to>
      <xdr:col>71</xdr:col>
      <xdr:colOff>177800</xdr:colOff>
      <xdr:row>62</xdr:row>
      <xdr:rowOff>160020</xdr:rowOff>
    </xdr:to>
    <xdr:cxnSp macro="">
      <xdr:nvCxnSpPr>
        <xdr:cNvPr id="660" name="直線コネクタ 659">
          <a:extLst>
            <a:ext uri="{FF2B5EF4-FFF2-40B4-BE49-F238E27FC236}">
              <a16:creationId xmlns:a16="http://schemas.microsoft.com/office/drawing/2014/main" id="{4D92CF98-CC0F-4A4A-93D5-2F0009A03C4B}"/>
            </a:ext>
          </a:extLst>
        </xdr:cNvPr>
        <xdr:cNvCxnSpPr/>
      </xdr:nvCxnSpPr>
      <xdr:spPr>
        <a:xfrm>
          <a:off x="12814300" y="107442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97807</xdr:rowOff>
    </xdr:from>
    <xdr:ext cx="405111" cy="259045"/>
    <xdr:sp macro="" textlink="">
      <xdr:nvSpPr>
        <xdr:cNvPr id="661" name="n_1aveValue【学校施設】&#10;有形固定資産減価償却率">
          <a:extLst>
            <a:ext uri="{FF2B5EF4-FFF2-40B4-BE49-F238E27FC236}">
              <a16:creationId xmlns:a16="http://schemas.microsoft.com/office/drawing/2014/main" id="{55719EBD-9671-4472-BC0B-06B8A6C692C6}"/>
            </a:ext>
          </a:extLst>
        </xdr:cNvPr>
        <xdr:cNvSpPr txBox="1"/>
      </xdr:nvSpPr>
      <xdr:spPr>
        <a:xfrm>
          <a:off x="15266044" y="10041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86377</xdr:rowOff>
    </xdr:from>
    <xdr:ext cx="405111" cy="259045"/>
    <xdr:sp macro="" textlink="">
      <xdr:nvSpPr>
        <xdr:cNvPr id="662" name="n_2aveValue【学校施設】&#10;有形固定資産減価償却率">
          <a:extLst>
            <a:ext uri="{FF2B5EF4-FFF2-40B4-BE49-F238E27FC236}">
              <a16:creationId xmlns:a16="http://schemas.microsoft.com/office/drawing/2014/main" id="{259B8157-41CD-4DCF-86CC-C880FB4DF96B}"/>
            </a:ext>
          </a:extLst>
        </xdr:cNvPr>
        <xdr:cNvSpPr txBox="1"/>
      </xdr:nvSpPr>
      <xdr:spPr>
        <a:xfrm>
          <a:off x="14389744" y="10030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14952</xdr:rowOff>
    </xdr:from>
    <xdr:ext cx="405111" cy="259045"/>
    <xdr:sp macro="" textlink="">
      <xdr:nvSpPr>
        <xdr:cNvPr id="663" name="n_3aveValue【学校施設】&#10;有形固定資産減価償却率">
          <a:extLst>
            <a:ext uri="{FF2B5EF4-FFF2-40B4-BE49-F238E27FC236}">
              <a16:creationId xmlns:a16="http://schemas.microsoft.com/office/drawing/2014/main" id="{27ABFFEF-9B10-462C-93B4-04F086885B30}"/>
            </a:ext>
          </a:extLst>
        </xdr:cNvPr>
        <xdr:cNvSpPr txBox="1"/>
      </xdr:nvSpPr>
      <xdr:spPr>
        <a:xfrm>
          <a:off x="13500744" y="10059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88282</xdr:rowOff>
    </xdr:from>
    <xdr:ext cx="405111" cy="259045"/>
    <xdr:sp macro="" textlink="">
      <xdr:nvSpPr>
        <xdr:cNvPr id="664" name="n_4aveValue【学校施設】&#10;有形固定資産減価償却率">
          <a:extLst>
            <a:ext uri="{FF2B5EF4-FFF2-40B4-BE49-F238E27FC236}">
              <a16:creationId xmlns:a16="http://schemas.microsoft.com/office/drawing/2014/main" id="{1412BD10-E659-4A77-9437-054E922E8843}"/>
            </a:ext>
          </a:extLst>
        </xdr:cNvPr>
        <xdr:cNvSpPr txBox="1"/>
      </xdr:nvSpPr>
      <xdr:spPr>
        <a:xfrm>
          <a:off x="12611744" y="10032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89552</xdr:rowOff>
    </xdr:from>
    <xdr:ext cx="405111" cy="259045"/>
    <xdr:sp macro="" textlink="">
      <xdr:nvSpPr>
        <xdr:cNvPr id="665" name="n_1mainValue【学校施設】&#10;有形固定資産減価償却率">
          <a:extLst>
            <a:ext uri="{FF2B5EF4-FFF2-40B4-BE49-F238E27FC236}">
              <a16:creationId xmlns:a16="http://schemas.microsoft.com/office/drawing/2014/main" id="{4C8CECB1-AFBB-40F8-AF92-484B8C2CAB20}"/>
            </a:ext>
          </a:extLst>
        </xdr:cNvPr>
        <xdr:cNvSpPr txBox="1"/>
      </xdr:nvSpPr>
      <xdr:spPr>
        <a:xfrm>
          <a:off x="15266044" y="10890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64787</xdr:rowOff>
    </xdr:from>
    <xdr:ext cx="405111" cy="259045"/>
    <xdr:sp macro="" textlink="">
      <xdr:nvSpPr>
        <xdr:cNvPr id="666" name="n_2mainValue【学校施設】&#10;有形固定資産減価償却率">
          <a:extLst>
            <a:ext uri="{FF2B5EF4-FFF2-40B4-BE49-F238E27FC236}">
              <a16:creationId xmlns:a16="http://schemas.microsoft.com/office/drawing/2014/main" id="{957FC056-C544-49DB-9F1A-C40086EE92E0}"/>
            </a:ext>
          </a:extLst>
        </xdr:cNvPr>
        <xdr:cNvSpPr txBox="1"/>
      </xdr:nvSpPr>
      <xdr:spPr>
        <a:xfrm>
          <a:off x="14389744" y="10866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30497</xdr:rowOff>
    </xdr:from>
    <xdr:ext cx="405111" cy="259045"/>
    <xdr:sp macro="" textlink="">
      <xdr:nvSpPr>
        <xdr:cNvPr id="667" name="n_3mainValue【学校施設】&#10;有形固定資産減価償却率">
          <a:extLst>
            <a:ext uri="{FF2B5EF4-FFF2-40B4-BE49-F238E27FC236}">
              <a16:creationId xmlns:a16="http://schemas.microsoft.com/office/drawing/2014/main" id="{5810E340-896F-4734-A487-1B28452BFC79}"/>
            </a:ext>
          </a:extLst>
        </xdr:cNvPr>
        <xdr:cNvSpPr txBox="1"/>
      </xdr:nvSpPr>
      <xdr:spPr>
        <a:xfrm>
          <a:off x="13500744" y="10831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156227</xdr:rowOff>
    </xdr:from>
    <xdr:ext cx="405111" cy="259045"/>
    <xdr:sp macro="" textlink="">
      <xdr:nvSpPr>
        <xdr:cNvPr id="668" name="n_4mainValue【学校施設】&#10;有形固定資産減価償却率">
          <a:extLst>
            <a:ext uri="{FF2B5EF4-FFF2-40B4-BE49-F238E27FC236}">
              <a16:creationId xmlns:a16="http://schemas.microsoft.com/office/drawing/2014/main" id="{A461ED0C-E921-4198-BBD5-72AB1137AFE5}"/>
            </a:ext>
          </a:extLst>
        </xdr:cNvPr>
        <xdr:cNvSpPr txBox="1"/>
      </xdr:nvSpPr>
      <xdr:spPr>
        <a:xfrm>
          <a:off x="12611744" y="1078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9" name="正方形/長方形 668">
          <a:extLst>
            <a:ext uri="{FF2B5EF4-FFF2-40B4-BE49-F238E27FC236}">
              <a16:creationId xmlns:a16="http://schemas.microsoft.com/office/drawing/2014/main" id="{5AB5BE4A-192D-48AE-84C6-B92AE0F779A6}"/>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70" name="正方形/長方形 669">
          <a:extLst>
            <a:ext uri="{FF2B5EF4-FFF2-40B4-BE49-F238E27FC236}">
              <a16:creationId xmlns:a16="http://schemas.microsoft.com/office/drawing/2014/main" id="{E3E0CA09-924F-4EAE-BCE1-B9C1C49C1D1A}"/>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71" name="正方形/長方形 670">
          <a:extLst>
            <a:ext uri="{FF2B5EF4-FFF2-40B4-BE49-F238E27FC236}">
              <a16:creationId xmlns:a16="http://schemas.microsoft.com/office/drawing/2014/main" id="{61A673D6-F9A2-4CC1-8401-CB5FE558022E}"/>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72" name="正方形/長方形 671">
          <a:extLst>
            <a:ext uri="{FF2B5EF4-FFF2-40B4-BE49-F238E27FC236}">
              <a16:creationId xmlns:a16="http://schemas.microsoft.com/office/drawing/2014/main" id="{CFD6C938-D9CD-4B0A-9F04-C5C4A1A4C551}"/>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3" name="正方形/長方形 672">
          <a:extLst>
            <a:ext uri="{FF2B5EF4-FFF2-40B4-BE49-F238E27FC236}">
              <a16:creationId xmlns:a16="http://schemas.microsoft.com/office/drawing/2014/main" id="{3BFCF2B5-435B-4611-8668-FB65A74C2665}"/>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4" name="正方形/長方形 673">
          <a:extLst>
            <a:ext uri="{FF2B5EF4-FFF2-40B4-BE49-F238E27FC236}">
              <a16:creationId xmlns:a16="http://schemas.microsoft.com/office/drawing/2014/main" id="{E9D1BAB4-CC0F-4A9E-8A67-6A4A5EDE8720}"/>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5" name="正方形/長方形 674">
          <a:extLst>
            <a:ext uri="{FF2B5EF4-FFF2-40B4-BE49-F238E27FC236}">
              <a16:creationId xmlns:a16="http://schemas.microsoft.com/office/drawing/2014/main" id="{0F98601B-1649-4EA7-9DAB-88D88A9B4A67}"/>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6" name="正方形/長方形 675">
          <a:extLst>
            <a:ext uri="{FF2B5EF4-FFF2-40B4-BE49-F238E27FC236}">
              <a16:creationId xmlns:a16="http://schemas.microsoft.com/office/drawing/2014/main" id="{13983479-DF0B-443A-B408-AEC953867C83}"/>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7" name="テキスト ボックス 676">
          <a:extLst>
            <a:ext uri="{FF2B5EF4-FFF2-40B4-BE49-F238E27FC236}">
              <a16:creationId xmlns:a16="http://schemas.microsoft.com/office/drawing/2014/main" id="{B9052603-F7F3-4A1B-8278-8F72A7BC3664}"/>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8" name="直線コネクタ 677">
          <a:extLst>
            <a:ext uri="{FF2B5EF4-FFF2-40B4-BE49-F238E27FC236}">
              <a16:creationId xmlns:a16="http://schemas.microsoft.com/office/drawing/2014/main" id="{FC0252C3-84A1-4DF9-B50A-F3057300DCC3}"/>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79" name="テキスト ボックス 678">
          <a:extLst>
            <a:ext uri="{FF2B5EF4-FFF2-40B4-BE49-F238E27FC236}">
              <a16:creationId xmlns:a16="http://schemas.microsoft.com/office/drawing/2014/main" id="{30B86896-425D-47F7-83C7-3550E64AE09B}"/>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680" name="直線コネクタ 679">
          <a:extLst>
            <a:ext uri="{FF2B5EF4-FFF2-40B4-BE49-F238E27FC236}">
              <a16:creationId xmlns:a16="http://schemas.microsoft.com/office/drawing/2014/main" id="{E1133E78-B999-42A1-9EE5-E7BFE6D8DC31}"/>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81" name="テキスト ボックス 680">
          <a:extLst>
            <a:ext uri="{FF2B5EF4-FFF2-40B4-BE49-F238E27FC236}">
              <a16:creationId xmlns:a16="http://schemas.microsoft.com/office/drawing/2014/main" id="{73814DAA-6AA7-400A-93D4-3698F0C169D5}"/>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82" name="直線コネクタ 681">
          <a:extLst>
            <a:ext uri="{FF2B5EF4-FFF2-40B4-BE49-F238E27FC236}">
              <a16:creationId xmlns:a16="http://schemas.microsoft.com/office/drawing/2014/main" id="{2409DFE9-34FC-47A4-AFF7-31DD1C94089E}"/>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83" name="テキスト ボックス 682">
          <a:extLst>
            <a:ext uri="{FF2B5EF4-FFF2-40B4-BE49-F238E27FC236}">
              <a16:creationId xmlns:a16="http://schemas.microsoft.com/office/drawing/2014/main" id="{23BB88EE-A5BB-4934-B1E9-67783E3A553F}"/>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84" name="直線コネクタ 683">
          <a:extLst>
            <a:ext uri="{FF2B5EF4-FFF2-40B4-BE49-F238E27FC236}">
              <a16:creationId xmlns:a16="http://schemas.microsoft.com/office/drawing/2014/main" id="{31838196-4C7C-493F-A955-0B17BFFFD82A}"/>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85" name="テキスト ボックス 684">
          <a:extLst>
            <a:ext uri="{FF2B5EF4-FFF2-40B4-BE49-F238E27FC236}">
              <a16:creationId xmlns:a16="http://schemas.microsoft.com/office/drawing/2014/main" id="{AB2947C2-81E8-4C9F-9E7C-E1D5271E45C3}"/>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86" name="直線コネクタ 685">
          <a:extLst>
            <a:ext uri="{FF2B5EF4-FFF2-40B4-BE49-F238E27FC236}">
              <a16:creationId xmlns:a16="http://schemas.microsoft.com/office/drawing/2014/main" id="{95C46842-E43D-41AA-939E-BED7C5332E29}"/>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87" name="テキスト ボックス 686">
          <a:extLst>
            <a:ext uri="{FF2B5EF4-FFF2-40B4-BE49-F238E27FC236}">
              <a16:creationId xmlns:a16="http://schemas.microsoft.com/office/drawing/2014/main" id="{D86BB330-B816-4F83-B8B3-89F842E261EE}"/>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88" name="直線コネクタ 687">
          <a:extLst>
            <a:ext uri="{FF2B5EF4-FFF2-40B4-BE49-F238E27FC236}">
              <a16:creationId xmlns:a16="http://schemas.microsoft.com/office/drawing/2014/main" id="{925FD06C-13D6-4791-863E-76CE58726E72}"/>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89" name="テキスト ボックス 688">
          <a:extLst>
            <a:ext uri="{FF2B5EF4-FFF2-40B4-BE49-F238E27FC236}">
              <a16:creationId xmlns:a16="http://schemas.microsoft.com/office/drawing/2014/main" id="{2F3C6993-173E-4059-ADB4-F517C4B457C3}"/>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90" name="直線コネクタ 689">
          <a:extLst>
            <a:ext uri="{FF2B5EF4-FFF2-40B4-BE49-F238E27FC236}">
              <a16:creationId xmlns:a16="http://schemas.microsoft.com/office/drawing/2014/main" id="{74935AD0-10DE-41D7-8FD7-7F095BD8D857}"/>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91" name="テキスト ボックス 690">
          <a:extLst>
            <a:ext uri="{FF2B5EF4-FFF2-40B4-BE49-F238E27FC236}">
              <a16:creationId xmlns:a16="http://schemas.microsoft.com/office/drawing/2014/main" id="{14073189-6283-4687-957E-C4FA000882D1}"/>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92" name="直線コネクタ 691">
          <a:extLst>
            <a:ext uri="{FF2B5EF4-FFF2-40B4-BE49-F238E27FC236}">
              <a16:creationId xmlns:a16="http://schemas.microsoft.com/office/drawing/2014/main" id="{9C1ED382-71E1-4DDD-B96D-C60891429CDB}"/>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93" name="テキスト ボックス 692">
          <a:extLst>
            <a:ext uri="{FF2B5EF4-FFF2-40B4-BE49-F238E27FC236}">
              <a16:creationId xmlns:a16="http://schemas.microsoft.com/office/drawing/2014/main" id="{8A7C70D9-9570-44FB-B210-DCC2148B1986}"/>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94" name="【学校施設】&#10;一人当たり面積グラフ枠">
          <a:extLst>
            <a:ext uri="{FF2B5EF4-FFF2-40B4-BE49-F238E27FC236}">
              <a16:creationId xmlns:a16="http://schemas.microsoft.com/office/drawing/2014/main" id="{6F285EEF-AC9E-4840-89B1-619468C6EE1B}"/>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28669</xdr:rowOff>
    </xdr:from>
    <xdr:to>
      <xdr:col>116</xdr:col>
      <xdr:colOff>62864</xdr:colOff>
      <xdr:row>64</xdr:row>
      <xdr:rowOff>143691</xdr:rowOff>
    </xdr:to>
    <xdr:cxnSp macro="">
      <xdr:nvCxnSpPr>
        <xdr:cNvPr id="695" name="直線コネクタ 694">
          <a:extLst>
            <a:ext uri="{FF2B5EF4-FFF2-40B4-BE49-F238E27FC236}">
              <a16:creationId xmlns:a16="http://schemas.microsoft.com/office/drawing/2014/main" id="{FB7E58A6-568C-42B8-90A5-789F8D4852EC}"/>
            </a:ext>
          </a:extLst>
        </xdr:cNvPr>
        <xdr:cNvCxnSpPr/>
      </xdr:nvCxnSpPr>
      <xdr:spPr>
        <a:xfrm flipV="1">
          <a:off x="22160864" y="9558419"/>
          <a:ext cx="0" cy="15580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47518</xdr:rowOff>
    </xdr:from>
    <xdr:ext cx="469744" cy="259045"/>
    <xdr:sp macro="" textlink="">
      <xdr:nvSpPr>
        <xdr:cNvPr id="696" name="【学校施設】&#10;一人当たり面積最小値テキスト">
          <a:extLst>
            <a:ext uri="{FF2B5EF4-FFF2-40B4-BE49-F238E27FC236}">
              <a16:creationId xmlns:a16="http://schemas.microsoft.com/office/drawing/2014/main" id="{DE395513-57CC-4DE9-ACFA-584D620BE567}"/>
            </a:ext>
          </a:extLst>
        </xdr:cNvPr>
        <xdr:cNvSpPr txBox="1"/>
      </xdr:nvSpPr>
      <xdr:spPr>
        <a:xfrm>
          <a:off x="22199600" y="111203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43691</xdr:rowOff>
    </xdr:from>
    <xdr:to>
      <xdr:col>116</xdr:col>
      <xdr:colOff>152400</xdr:colOff>
      <xdr:row>64</xdr:row>
      <xdr:rowOff>143691</xdr:rowOff>
    </xdr:to>
    <xdr:cxnSp macro="">
      <xdr:nvCxnSpPr>
        <xdr:cNvPr id="697" name="直線コネクタ 696">
          <a:extLst>
            <a:ext uri="{FF2B5EF4-FFF2-40B4-BE49-F238E27FC236}">
              <a16:creationId xmlns:a16="http://schemas.microsoft.com/office/drawing/2014/main" id="{748F59FF-1124-49E7-82F9-478748379497}"/>
            </a:ext>
          </a:extLst>
        </xdr:cNvPr>
        <xdr:cNvCxnSpPr/>
      </xdr:nvCxnSpPr>
      <xdr:spPr>
        <a:xfrm>
          <a:off x="22072600" y="111164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75346</xdr:rowOff>
    </xdr:from>
    <xdr:ext cx="469744" cy="259045"/>
    <xdr:sp macro="" textlink="">
      <xdr:nvSpPr>
        <xdr:cNvPr id="698" name="【学校施設】&#10;一人当たり面積最大値テキスト">
          <a:extLst>
            <a:ext uri="{FF2B5EF4-FFF2-40B4-BE49-F238E27FC236}">
              <a16:creationId xmlns:a16="http://schemas.microsoft.com/office/drawing/2014/main" id="{434C35E4-4A6F-4B8D-B2E3-7DAE481165B8}"/>
            </a:ext>
          </a:extLst>
        </xdr:cNvPr>
        <xdr:cNvSpPr txBox="1"/>
      </xdr:nvSpPr>
      <xdr:spPr>
        <a:xfrm>
          <a:off x="22199600" y="93336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28669</xdr:rowOff>
    </xdr:from>
    <xdr:to>
      <xdr:col>116</xdr:col>
      <xdr:colOff>152400</xdr:colOff>
      <xdr:row>55</xdr:row>
      <xdr:rowOff>128669</xdr:rowOff>
    </xdr:to>
    <xdr:cxnSp macro="">
      <xdr:nvCxnSpPr>
        <xdr:cNvPr id="699" name="直線コネクタ 698">
          <a:extLst>
            <a:ext uri="{FF2B5EF4-FFF2-40B4-BE49-F238E27FC236}">
              <a16:creationId xmlns:a16="http://schemas.microsoft.com/office/drawing/2014/main" id="{C7F6A58B-9D03-42AE-94E3-CED714C0A42D}"/>
            </a:ext>
          </a:extLst>
        </xdr:cNvPr>
        <xdr:cNvCxnSpPr/>
      </xdr:nvCxnSpPr>
      <xdr:spPr>
        <a:xfrm>
          <a:off x="22072600" y="95584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99730</xdr:rowOff>
    </xdr:from>
    <xdr:ext cx="469744" cy="259045"/>
    <xdr:sp macro="" textlink="">
      <xdr:nvSpPr>
        <xdr:cNvPr id="700" name="【学校施設】&#10;一人当たり面積平均値テキスト">
          <a:extLst>
            <a:ext uri="{FF2B5EF4-FFF2-40B4-BE49-F238E27FC236}">
              <a16:creationId xmlns:a16="http://schemas.microsoft.com/office/drawing/2014/main" id="{898B7273-7D98-4AFB-BDD7-579FB09E6AC0}"/>
            </a:ext>
          </a:extLst>
        </xdr:cNvPr>
        <xdr:cNvSpPr txBox="1"/>
      </xdr:nvSpPr>
      <xdr:spPr>
        <a:xfrm>
          <a:off x="22199600" y="105581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21303</xdr:rowOff>
    </xdr:from>
    <xdr:to>
      <xdr:col>116</xdr:col>
      <xdr:colOff>114300</xdr:colOff>
      <xdr:row>62</xdr:row>
      <xdr:rowOff>51453</xdr:rowOff>
    </xdr:to>
    <xdr:sp macro="" textlink="">
      <xdr:nvSpPr>
        <xdr:cNvPr id="701" name="フローチャート: 判断 700">
          <a:extLst>
            <a:ext uri="{FF2B5EF4-FFF2-40B4-BE49-F238E27FC236}">
              <a16:creationId xmlns:a16="http://schemas.microsoft.com/office/drawing/2014/main" id="{B5C4A121-9DEB-48A9-BFD5-9B41842CACF0}"/>
            </a:ext>
          </a:extLst>
        </xdr:cNvPr>
        <xdr:cNvSpPr/>
      </xdr:nvSpPr>
      <xdr:spPr>
        <a:xfrm>
          <a:off x="22110700" y="10579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29794</xdr:rowOff>
    </xdr:from>
    <xdr:to>
      <xdr:col>112</xdr:col>
      <xdr:colOff>38100</xdr:colOff>
      <xdr:row>62</xdr:row>
      <xdr:rowOff>59944</xdr:rowOff>
    </xdr:to>
    <xdr:sp macro="" textlink="">
      <xdr:nvSpPr>
        <xdr:cNvPr id="702" name="フローチャート: 判断 701">
          <a:extLst>
            <a:ext uri="{FF2B5EF4-FFF2-40B4-BE49-F238E27FC236}">
              <a16:creationId xmlns:a16="http://schemas.microsoft.com/office/drawing/2014/main" id="{3D846A9C-47C0-4077-B73A-37F1EC090D9A}"/>
            </a:ext>
          </a:extLst>
        </xdr:cNvPr>
        <xdr:cNvSpPr/>
      </xdr:nvSpPr>
      <xdr:spPr>
        <a:xfrm>
          <a:off x="21272500" y="1058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54287</xdr:rowOff>
    </xdr:from>
    <xdr:to>
      <xdr:col>107</xdr:col>
      <xdr:colOff>101600</xdr:colOff>
      <xdr:row>62</xdr:row>
      <xdr:rowOff>84437</xdr:rowOff>
    </xdr:to>
    <xdr:sp macro="" textlink="">
      <xdr:nvSpPr>
        <xdr:cNvPr id="703" name="フローチャート: 判断 702">
          <a:extLst>
            <a:ext uri="{FF2B5EF4-FFF2-40B4-BE49-F238E27FC236}">
              <a16:creationId xmlns:a16="http://schemas.microsoft.com/office/drawing/2014/main" id="{C2BC735B-D27E-438F-B025-A2EF7AE2A1EF}"/>
            </a:ext>
          </a:extLst>
        </xdr:cNvPr>
        <xdr:cNvSpPr/>
      </xdr:nvSpPr>
      <xdr:spPr>
        <a:xfrm>
          <a:off x="20383500" y="10612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52654</xdr:rowOff>
    </xdr:from>
    <xdr:to>
      <xdr:col>102</xdr:col>
      <xdr:colOff>165100</xdr:colOff>
      <xdr:row>62</xdr:row>
      <xdr:rowOff>82804</xdr:rowOff>
    </xdr:to>
    <xdr:sp macro="" textlink="">
      <xdr:nvSpPr>
        <xdr:cNvPr id="704" name="フローチャート: 判断 703">
          <a:extLst>
            <a:ext uri="{FF2B5EF4-FFF2-40B4-BE49-F238E27FC236}">
              <a16:creationId xmlns:a16="http://schemas.microsoft.com/office/drawing/2014/main" id="{E4118924-0933-4F78-BFE5-39C5B12EEF6A}"/>
            </a:ext>
          </a:extLst>
        </xdr:cNvPr>
        <xdr:cNvSpPr/>
      </xdr:nvSpPr>
      <xdr:spPr>
        <a:xfrm>
          <a:off x="19494500" y="10611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9289</xdr:rowOff>
    </xdr:from>
    <xdr:to>
      <xdr:col>98</xdr:col>
      <xdr:colOff>38100</xdr:colOff>
      <xdr:row>62</xdr:row>
      <xdr:rowOff>110889</xdr:rowOff>
    </xdr:to>
    <xdr:sp macro="" textlink="">
      <xdr:nvSpPr>
        <xdr:cNvPr id="705" name="フローチャート: 判断 704">
          <a:extLst>
            <a:ext uri="{FF2B5EF4-FFF2-40B4-BE49-F238E27FC236}">
              <a16:creationId xmlns:a16="http://schemas.microsoft.com/office/drawing/2014/main" id="{87E195BE-7501-40D2-AA21-E5D16ED8454C}"/>
            </a:ext>
          </a:extLst>
        </xdr:cNvPr>
        <xdr:cNvSpPr/>
      </xdr:nvSpPr>
      <xdr:spPr>
        <a:xfrm>
          <a:off x="18605500" y="10639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6" name="テキスト ボックス 705">
          <a:extLst>
            <a:ext uri="{FF2B5EF4-FFF2-40B4-BE49-F238E27FC236}">
              <a16:creationId xmlns:a16="http://schemas.microsoft.com/office/drawing/2014/main" id="{6EBA70D0-E08E-40AB-AE51-D7C01C2D8D00}"/>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7" name="テキスト ボックス 706">
          <a:extLst>
            <a:ext uri="{FF2B5EF4-FFF2-40B4-BE49-F238E27FC236}">
              <a16:creationId xmlns:a16="http://schemas.microsoft.com/office/drawing/2014/main" id="{FE8A2643-AE40-4AE5-94A3-31E6AC54AB2E}"/>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8" name="テキスト ボックス 707">
          <a:extLst>
            <a:ext uri="{FF2B5EF4-FFF2-40B4-BE49-F238E27FC236}">
              <a16:creationId xmlns:a16="http://schemas.microsoft.com/office/drawing/2014/main" id="{3607FBE1-AD3C-4A7C-85DB-2ECE56596E2D}"/>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9" name="テキスト ボックス 708">
          <a:extLst>
            <a:ext uri="{FF2B5EF4-FFF2-40B4-BE49-F238E27FC236}">
              <a16:creationId xmlns:a16="http://schemas.microsoft.com/office/drawing/2014/main" id="{A76E6850-3028-41BA-B1F4-570170493B43}"/>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10" name="テキスト ボックス 709">
          <a:extLst>
            <a:ext uri="{FF2B5EF4-FFF2-40B4-BE49-F238E27FC236}">
              <a16:creationId xmlns:a16="http://schemas.microsoft.com/office/drawing/2014/main" id="{19480C3A-BA7E-4E54-8C28-DC1741D4B558}"/>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82114</xdr:rowOff>
    </xdr:from>
    <xdr:to>
      <xdr:col>116</xdr:col>
      <xdr:colOff>114300</xdr:colOff>
      <xdr:row>62</xdr:row>
      <xdr:rowOff>12264</xdr:rowOff>
    </xdr:to>
    <xdr:sp macro="" textlink="">
      <xdr:nvSpPr>
        <xdr:cNvPr id="711" name="楕円 710">
          <a:extLst>
            <a:ext uri="{FF2B5EF4-FFF2-40B4-BE49-F238E27FC236}">
              <a16:creationId xmlns:a16="http://schemas.microsoft.com/office/drawing/2014/main" id="{2B75BD63-4A75-4C1C-A920-03A314E721EB}"/>
            </a:ext>
          </a:extLst>
        </xdr:cNvPr>
        <xdr:cNvSpPr/>
      </xdr:nvSpPr>
      <xdr:spPr>
        <a:xfrm>
          <a:off x="22110700" y="10540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0</xdr:row>
      <xdr:rowOff>104991</xdr:rowOff>
    </xdr:from>
    <xdr:ext cx="469744" cy="259045"/>
    <xdr:sp macro="" textlink="">
      <xdr:nvSpPr>
        <xdr:cNvPr id="712" name="【学校施設】&#10;一人当たり面積該当値テキスト">
          <a:extLst>
            <a:ext uri="{FF2B5EF4-FFF2-40B4-BE49-F238E27FC236}">
              <a16:creationId xmlns:a16="http://schemas.microsoft.com/office/drawing/2014/main" id="{8B643A8C-6C2B-4722-9DA1-DE9AF2EFBA67}"/>
            </a:ext>
          </a:extLst>
        </xdr:cNvPr>
        <xdr:cNvSpPr txBox="1"/>
      </xdr:nvSpPr>
      <xdr:spPr>
        <a:xfrm>
          <a:off x="22199600" y="10391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94524</xdr:rowOff>
    </xdr:from>
    <xdr:to>
      <xdr:col>112</xdr:col>
      <xdr:colOff>38100</xdr:colOff>
      <xdr:row>62</xdr:row>
      <xdr:rowOff>24674</xdr:rowOff>
    </xdr:to>
    <xdr:sp macro="" textlink="">
      <xdr:nvSpPr>
        <xdr:cNvPr id="713" name="楕円 712">
          <a:extLst>
            <a:ext uri="{FF2B5EF4-FFF2-40B4-BE49-F238E27FC236}">
              <a16:creationId xmlns:a16="http://schemas.microsoft.com/office/drawing/2014/main" id="{FF802410-C1FD-4E77-AA71-EFA440B70295}"/>
            </a:ext>
          </a:extLst>
        </xdr:cNvPr>
        <xdr:cNvSpPr/>
      </xdr:nvSpPr>
      <xdr:spPr>
        <a:xfrm>
          <a:off x="21272500" y="10552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132914</xdr:rowOff>
    </xdr:from>
    <xdr:to>
      <xdr:col>116</xdr:col>
      <xdr:colOff>63500</xdr:colOff>
      <xdr:row>61</xdr:row>
      <xdr:rowOff>145324</xdr:rowOff>
    </xdr:to>
    <xdr:cxnSp macro="">
      <xdr:nvCxnSpPr>
        <xdr:cNvPr id="714" name="直線コネクタ 713">
          <a:extLst>
            <a:ext uri="{FF2B5EF4-FFF2-40B4-BE49-F238E27FC236}">
              <a16:creationId xmlns:a16="http://schemas.microsoft.com/office/drawing/2014/main" id="{0E060E4A-D995-42D3-A386-E1F2F52D6093}"/>
            </a:ext>
          </a:extLst>
        </xdr:cNvPr>
        <xdr:cNvCxnSpPr/>
      </xdr:nvCxnSpPr>
      <xdr:spPr>
        <a:xfrm flipV="1">
          <a:off x="21323300" y="10591364"/>
          <a:ext cx="838200" cy="124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109873</xdr:rowOff>
    </xdr:from>
    <xdr:to>
      <xdr:col>107</xdr:col>
      <xdr:colOff>101600</xdr:colOff>
      <xdr:row>62</xdr:row>
      <xdr:rowOff>40023</xdr:rowOff>
    </xdr:to>
    <xdr:sp macro="" textlink="">
      <xdr:nvSpPr>
        <xdr:cNvPr id="715" name="楕円 714">
          <a:extLst>
            <a:ext uri="{FF2B5EF4-FFF2-40B4-BE49-F238E27FC236}">
              <a16:creationId xmlns:a16="http://schemas.microsoft.com/office/drawing/2014/main" id="{40F84567-BD81-44AD-A798-1B02EF615E41}"/>
            </a:ext>
          </a:extLst>
        </xdr:cNvPr>
        <xdr:cNvSpPr/>
      </xdr:nvSpPr>
      <xdr:spPr>
        <a:xfrm>
          <a:off x="20383500" y="10568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145324</xdr:rowOff>
    </xdr:from>
    <xdr:to>
      <xdr:col>111</xdr:col>
      <xdr:colOff>177800</xdr:colOff>
      <xdr:row>61</xdr:row>
      <xdr:rowOff>160673</xdr:rowOff>
    </xdr:to>
    <xdr:cxnSp macro="">
      <xdr:nvCxnSpPr>
        <xdr:cNvPr id="716" name="直線コネクタ 715">
          <a:extLst>
            <a:ext uri="{FF2B5EF4-FFF2-40B4-BE49-F238E27FC236}">
              <a16:creationId xmlns:a16="http://schemas.microsoft.com/office/drawing/2014/main" id="{CC05E479-B3E7-489B-B18C-7D631151F88E}"/>
            </a:ext>
          </a:extLst>
        </xdr:cNvPr>
        <xdr:cNvCxnSpPr/>
      </xdr:nvCxnSpPr>
      <xdr:spPr>
        <a:xfrm flipV="1">
          <a:off x="20434300" y="10603774"/>
          <a:ext cx="889000" cy="15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119670</xdr:rowOff>
    </xdr:from>
    <xdr:to>
      <xdr:col>102</xdr:col>
      <xdr:colOff>165100</xdr:colOff>
      <xdr:row>62</xdr:row>
      <xdr:rowOff>49820</xdr:rowOff>
    </xdr:to>
    <xdr:sp macro="" textlink="">
      <xdr:nvSpPr>
        <xdr:cNvPr id="717" name="楕円 716">
          <a:extLst>
            <a:ext uri="{FF2B5EF4-FFF2-40B4-BE49-F238E27FC236}">
              <a16:creationId xmlns:a16="http://schemas.microsoft.com/office/drawing/2014/main" id="{44D56917-5D3D-402C-8066-4E11D9603247}"/>
            </a:ext>
          </a:extLst>
        </xdr:cNvPr>
        <xdr:cNvSpPr/>
      </xdr:nvSpPr>
      <xdr:spPr>
        <a:xfrm>
          <a:off x="19494500" y="10578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160673</xdr:rowOff>
    </xdr:from>
    <xdr:to>
      <xdr:col>107</xdr:col>
      <xdr:colOff>50800</xdr:colOff>
      <xdr:row>61</xdr:row>
      <xdr:rowOff>170470</xdr:rowOff>
    </xdr:to>
    <xdr:cxnSp macro="">
      <xdr:nvCxnSpPr>
        <xdr:cNvPr id="718" name="直線コネクタ 717">
          <a:extLst>
            <a:ext uri="{FF2B5EF4-FFF2-40B4-BE49-F238E27FC236}">
              <a16:creationId xmlns:a16="http://schemas.microsoft.com/office/drawing/2014/main" id="{0FA7A813-1E98-40F7-A643-5268D2E1802B}"/>
            </a:ext>
          </a:extLst>
        </xdr:cNvPr>
        <xdr:cNvCxnSpPr/>
      </xdr:nvCxnSpPr>
      <xdr:spPr>
        <a:xfrm flipV="1">
          <a:off x="19545300" y="10619123"/>
          <a:ext cx="8890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2431</xdr:rowOff>
    </xdr:from>
    <xdr:to>
      <xdr:col>98</xdr:col>
      <xdr:colOff>38100</xdr:colOff>
      <xdr:row>62</xdr:row>
      <xdr:rowOff>104031</xdr:rowOff>
    </xdr:to>
    <xdr:sp macro="" textlink="">
      <xdr:nvSpPr>
        <xdr:cNvPr id="719" name="楕円 718">
          <a:extLst>
            <a:ext uri="{FF2B5EF4-FFF2-40B4-BE49-F238E27FC236}">
              <a16:creationId xmlns:a16="http://schemas.microsoft.com/office/drawing/2014/main" id="{208DD8F2-2B42-4F12-90C8-0C7A357ADED6}"/>
            </a:ext>
          </a:extLst>
        </xdr:cNvPr>
        <xdr:cNvSpPr/>
      </xdr:nvSpPr>
      <xdr:spPr>
        <a:xfrm>
          <a:off x="18605500" y="10632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170470</xdr:rowOff>
    </xdr:from>
    <xdr:to>
      <xdr:col>102</xdr:col>
      <xdr:colOff>114300</xdr:colOff>
      <xdr:row>62</xdr:row>
      <xdr:rowOff>53231</xdr:rowOff>
    </xdr:to>
    <xdr:cxnSp macro="">
      <xdr:nvCxnSpPr>
        <xdr:cNvPr id="720" name="直線コネクタ 719">
          <a:extLst>
            <a:ext uri="{FF2B5EF4-FFF2-40B4-BE49-F238E27FC236}">
              <a16:creationId xmlns:a16="http://schemas.microsoft.com/office/drawing/2014/main" id="{F1E81FB5-D844-4F93-BBF9-2483D2F2C2AC}"/>
            </a:ext>
          </a:extLst>
        </xdr:cNvPr>
        <xdr:cNvCxnSpPr/>
      </xdr:nvCxnSpPr>
      <xdr:spPr>
        <a:xfrm flipV="1">
          <a:off x="18656300" y="10628920"/>
          <a:ext cx="889000" cy="54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51071</xdr:rowOff>
    </xdr:from>
    <xdr:ext cx="469744" cy="259045"/>
    <xdr:sp macro="" textlink="">
      <xdr:nvSpPr>
        <xdr:cNvPr id="721" name="n_1aveValue【学校施設】&#10;一人当たり面積">
          <a:extLst>
            <a:ext uri="{FF2B5EF4-FFF2-40B4-BE49-F238E27FC236}">
              <a16:creationId xmlns:a16="http://schemas.microsoft.com/office/drawing/2014/main" id="{0D22FD82-71C9-4034-B7D1-CF50A78FFAA0}"/>
            </a:ext>
          </a:extLst>
        </xdr:cNvPr>
        <xdr:cNvSpPr txBox="1"/>
      </xdr:nvSpPr>
      <xdr:spPr>
        <a:xfrm>
          <a:off x="21075727" y="10680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75564</xdr:rowOff>
    </xdr:from>
    <xdr:ext cx="469744" cy="259045"/>
    <xdr:sp macro="" textlink="">
      <xdr:nvSpPr>
        <xdr:cNvPr id="722" name="n_2aveValue【学校施設】&#10;一人当たり面積">
          <a:extLst>
            <a:ext uri="{FF2B5EF4-FFF2-40B4-BE49-F238E27FC236}">
              <a16:creationId xmlns:a16="http://schemas.microsoft.com/office/drawing/2014/main" id="{1F8C7F79-9AE0-4DEC-AA51-0069192FAD53}"/>
            </a:ext>
          </a:extLst>
        </xdr:cNvPr>
        <xdr:cNvSpPr txBox="1"/>
      </xdr:nvSpPr>
      <xdr:spPr>
        <a:xfrm>
          <a:off x="20199427" y="107054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73931</xdr:rowOff>
    </xdr:from>
    <xdr:ext cx="469744" cy="259045"/>
    <xdr:sp macro="" textlink="">
      <xdr:nvSpPr>
        <xdr:cNvPr id="723" name="n_3aveValue【学校施設】&#10;一人当たり面積">
          <a:extLst>
            <a:ext uri="{FF2B5EF4-FFF2-40B4-BE49-F238E27FC236}">
              <a16:creationId xmlns:a16="http://schemas.microsoft.com/office/drawing/2014/main" id="{8AECAB95-9058-451B-A67D-ACB26985AE02}"/>
            </a:ext>
          </a:extLst>
        </xdr:cNvPr>
        <xdr:cNvSpPr txBox="1"/>
      </xdr:nvSpPr>
      <xdr:spPr>
        <a:xfrm>
          <a:off x="19310427" y="10703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02016</xdr:rowOff>
    </xdr:from>
    <xdr:ext cx="469744" cy="259045"/>
    <xdr:sp macro="" textlink="">
      <xdr:nvSpPr>
        <xdr:cNvPr id="724" name="n_4aveValue【学校施設】&#10;一人当たり面積">
          <a:extLst>
            <a:ext uri="{FF2B5EF4-FFF2-40B4-BE49-F238E27FC236}">
              <a16:creationId xmlns:a16="http://schemas.microsoft.com/office/drawing/2014/main" id="{ACBE906F-0443-4A29-8EB6-098584FA89C3}"/>
            </a:ext>
          </a:extLst>
        </xdr:cNvPr>
        <xdr:cNvSpPr txBox="1"/>
      </xdr:nvSpPr>
      <xdr:spPr>
        <a:xfrm>
          <a:off x="18421427" y="107319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0</xdr:row>
      <xdr:rowOff>41201</xdr:rowOff>
    </xdr:from>
    <xdr:ext cx="469744" cy="259045"/>
    <xdr:sp macro="" textlink="">
      <xdr:nvSpPr>
        <xdr:cNvPr id="725" name="n_1mainValue【学校施設】&#10;一人当たり面積">
          <a:extLst>
            <a:ext uri="{FF2B5EF4-FFF2-40B4-BE49-F238E27FC236}">
              <a16:creationId xmlns:a16="http://schemas.microsoft.com/office/drawing/2014/main" id="{501771BE-32BC-4160-B676-655A9D122766}"/>
            </a:ext>
          </a:extLst>
        </xdr:cNvPr>
        <xdr:cNvSpPr txBox="1"/>
      </xdr:nvSpPr>
      <xdr:spPr>
        <a:xfrm>
          <a:off x="21075727" y="10328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56550</xdr:rowOff>
    </xdr:from>
    <xdr:ext cx="469744" cy="259045"/>
    <xdr:sp macro="" textlink="">
      <xdr:nvSpPr>
        <xdr:cNvPr id="726" name="n_2mainValue【学校施設】&#10;一人当たり面積">
          <a:extLst>
            <a:ext uri="{FF2B5EF4-FFF2-40B4-BE49-F238E27FC236}">
              <a16:creationId xmlns:a16="http://schemas.microsoft.com/office/drawing/2014/main" id="{6E8B29EE-9DF8-4896-A5BB-C9D154C605E4}"/>
            </a:ext>
          </a:extLst>
        </xdr:cNvPr>
        <xdr:cNvSpPr txBox="1"/>
      </xdr:nvSpPr>
      <xdr:spPr>
        <a:xfrm>
          <a:off x="20199427" y="10343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66347</xdr:rowOff>
    </xdr:from>
    <xdr:ext cx="469744" cy="259045"/>
    <xdr:sp macro="" textlink="">
      <xdr:nvSpPr>
        <xdr:cNvPr id="727" name="n_3mainValue【学校施設】&#10;一人当たり面積">
          <a:extLst>
            <a:ext uri="{FF2B5EF4-FFF2-40B4-BE49-F238E27FC236}">
              <a16:creationId xmlns:a16="http://schemas.microsoft.com/office/drawing/2014/main" id="{38BA8466-A342-4DC8-9B9D-1469E2A4FA0E}"/>
            </a:ext>
          </a:extLst>
        </xdr:cNvPr>
        <xdr:cNvSpPr txBox="1"/>
      </xdr:nvSpPr>
      <xdr:spPr>
        <a:xfrm>
          <a:off x="19310427" y="10353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20558</xdr:rowOff>
    </xdr:from>
    <xdr:ext cx="469744" cy="259045"/>
    <xdr:sp macro="" textlink="">
      <xdr:nvSpPr>
        <xdr:cNvPr id="728" name="n_4mainValue【学校施設】&#10;一人当たり面積">
          <a:extLst>
            <a:ext uri="{FF2B5EF4-FFF2-40B4-BE49-F238E27FC236}">
              <a16:creationId xmlns:a16="http://schemas.microsoft.com/office/drawing/2014/main" id="{57217EFA-97E2-4CC3-B916-391FCFF9223E}"/>
            </a:ext>
          </a:extLst>
        </xdr:cNvPr>
        <xdr:cNvSpPr txBox="1"/>
      </xdr:nvSpPr>
      <xdr:spPr>
        <a:xfrm>
          <a:off x="18421427" y="104075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9" name="正方形/長方形 728">
          <a:extLst>
            <a:ext uri="{FF2B5EF4-FFF2-40B4-BE49-F238E27FC236}">
              <a16:creationId xmlns:a16="http://schemas.microsoft.com/office/drawing/2014/main" id="{7161676D-7A48-4AFB-961B-089250348404}"/>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30" name="正方形/長方形 729">
          <a:extLst>
            <a:ext uri="{FF2B5EF4-FFF2-40B4-BE49-F238E27FC236}">
              <a16:creationId xmlns:a16="http://schemas.microsoft.com/office/drawing/2014/main" id="{C2D3A048-8812-41EC-BA69-A767C7F9E996}"/>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31" name="正方形/長方形 730">
          <a:extLst>
            <a:ext uri="{FF2B5EF4-FFF2-40B4-BE49-F238E27FC236}">
              <a16:creationId xmlns:a16="http://schemas.microsoft.com/office/drawing/2014/main" id="{8EEDC273-AA97-4AF7-90AF-5599B2E7BF05}"/>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32" name="正方形/長方形 731">
          <a:extLst>
            <a:ext uri="{FF2B5EF4-FFF2-40B4-BE49-F238E27FC236}">
              <a16:creationId xmlns:a16="http://schemas.microsoft.com/office/drawing/2014/main" id="{CB2D2367-1B6B-49F8-81B6-85C67D7E2A09}"/>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33" name="正方形/長方形 732">
          <a:extLst>
            <a:ext uri="{FF2B5EF4-FFF2-40B4-BE49-F238E27FC236}">
              <a16:creationId xmlns:a16="http://schemas.microsoft.com/office/drawing/2014/main" id="{5627142F-EF70-4B48-BCC2-A578699EBFEC}"/>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34" name="正方形/長方形 733">
          <a:extLst>
            <a:ext uri="{FF2B5EF4-FFF2-40B4-BE49-F238E27FC236}">
              <a16:creationId xmlns:a16="http://schemas.microsoft.com/office/drawing/2014/main" id="{6A06DA1B-BF4A-4A40-ADFB-40194E8F6A76}"/>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5" name="正方形/長方形 734">
          <a:extLst>
            <a:ext uri="{FF2B5EF4-FFF2-40B4-BE49-F238E27FC236}">
              <a16:creationId xmlns:a16="http://schemas.microsoft.com/office/drawing/2014/main" id="{67A12880-EB06-448B-BF1D-45BD4FCA99B8}"/>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6" name="正方形/長方形 735">
          <a:extLst>
            <a:ext uri="{FF2B5EF4-FFF2-40B4-BE49-F238E27FC236}">
              <a16:creationId xmlns:a16="http://schemas.microsoft.com/office/drawing/2014/main" id="{9EA5911A-7D6F-4736-86BE-611901AA72AC}"/>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37" name="正方形/長方形 736">
          <a:extLst>
            <a:ext uri="{FF2B5EF4-FFF2-40B4-BE49-F238E27FC236}">
              <a16:creationId xmlns:a16="http://schemas.microsoft.com/office/drawing/2014/main" id="{D64A9FE1-C06A-4F63-83C2-5638F4C7F227}"/>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38" name="正方形/長方形 737">
          <a:extLst>
            <a:ext uri="{FF2B5EF4-FFF2-40B4-BE49-F238E27FC236}">
              <a16:creationId xmlns:a16="http://schemas.microsoft.com/office/drawing/2014/main" id="{A14966E3-BCEF-4EFC-AC98-A81F7AAF41BC}"/>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39" name="正方形/長方形 738">
          <a:extLst>
            <a:ext uri="{FF2B5EF4-FFF2-40B4-BE49-F238E27FC236}">
              <a16:creationId xmlns:a16="http://schemas.microsoft.com/office/drawing/2014/main" id="{791498CD-E284-4889-A015-8C3914363FCB}"/>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40" name="正方形/長方形 739">
          <a:extLst>
            <a:ext uri="{FF2B5EF4-FFF2-40B4-BE49-F238E27FC236}">
              <a16:creationId xmlns:a16="http://schemas.microsoft.com/office/drawing/2014/main" id="{8775174B-6B38-437C-910D-F561145CC579}"/>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41" name="正方形/長方形 740">
          <a:extLst>
            <a:ext uri="{FF2B5EF4-FFF2-40B4-BE49-F238E27FC236}">
              <a16:creationId xmlns:a16="http://schemas.microsoft.com/office/drawing/2014/main" id="{056BD714-42FD-42CD-8662-98F5233815F1}"/>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42" name="正方形/長方形 741">
          <a:extLst>
            <a:ext uri="{FF2B5EF4-FFF2-40B4-BE49-F238E27FC236}">
              <a16:creationId xmlns:a16="http://schemas.microsoft.com/office/drawing/2014/main" id="{6B5B3552-02F8-4A13-8AA1-CF8F06557517}"/>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43" name="正方形/長方形 742">
          <a:extLst>
            <a:ext uri="{FF2B5EF4-FFF2-40B4-BE49-F238E27FC236}">
              <a16:creationId xmlns:a16="http://schemas.microsoft.com/office/drawing/2014/main" id="{B696232F-0F40-4276-B878-EEE3A4EA7E9C}"/>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44" name="正方形/長方形 743">
          <a:extLst>
            <a:ext uri="{FF2B5EF4-FFF2-40B4-BE49-F238E27FC236}">
              <a16:creationId xmlns:a16="http://schemas.microsoft.com/office/drawing/2014/main" id="{E9E64FC8-CB64-4ECF-AFC3-1DE9A9519811}"/>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45" name="正方形/長方形 744">
          <a:extLst>
            <a:ext uri="{FF2B5EF4-FFF2-40B4-BE49-F238E27FC236}">
              <a16:creationId xmlns:a16="http://schemas.microsoft.com/office/drawing/2014/main" id="{869FACC3-5D7E-4B66-9574-CBE2B0CB5A76}"/>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6" name="正方形/長方形 745">
          <a:extLst>
            <a:ext uri="{FF2B5EF4-FFF2-40B4-BE49-F238E27FC236}">
              <a16:creationId xmlns:a16="http://schemas.microsoft.com/office/drawing/2014/main" id="{7CEDE3EB-3A49-46E6-85AF-B5F2638030FD}"/>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7" name="正方形/長方形 746">
          <a:extLst>
            <a:ext uri="{FF2B5EF4-FFF2-40B4-BE49-F238E27FC236}">
              <a16:creationId xmlns:a16="http://schemas.microsoft.com/office/drawing/2014/main" id="{955FEB97-C38B-4ABE-8D5E-9015723238CC}"/>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8" name="正方形/長方形 747">
          <a:extLst>
            <a:ext uri="{FF2B5EF4-FFF2-40B4-BE49-F238E27FC236}">
              <a16:creationId xmlns:a16="http://schemas.microsoft.com/office/drawing/2014/main" id="{FD0C7959-E6F7-4BB2-A3F3-23DB3F171641}"/>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9" name="正方形/長方形 748">
          <a:extLst>
            <a:ext uri="{FF2B5EF4-FFF2-40B4-BE49-F238E27FC236}">
              <a16:creationId xmlns:a16="http://schemas.microsoft.com/office/drawing/2014/main" id="{AE417711-1519-4950-ADCF-3148E9420421}"/>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50" name="正方形/長方形 749">
          <a:extLst>
            <a:ext uri="{FF2B5EF4-FFF2-40B4-BE49-F238E27FC236}">
              <a16:creationId xmlns:a16="http://schemas.microsoft.com/office/drawing/2014/main" id="{2AB8B8AA-DE22-4266-9AA4-0C3141583E05}"/>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51" name="正方形/長方形 750">
          <a:extLst>
            <a:ext uri="{FF2B5EF4-FFF2-40B4-BE49-F238E27FC236}">
              <a16:creationId xmlns:a16="http://schemas.microsoft.com/office/drawing/2014/main" id="{4C03673F-4CF0-42DE-B295-89BF22F2A681}"/>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52" name="正方形/長方形 751">
          <a:extLst>
            <a:ext uri="{FF2B5EF4-FFF2-40B4-BE49-F238E27FC236}">
              <a16:creationId xmlns:a16="http://schemas.microsoft.com/office/drawing/2014/main" id="{F53991FD-E4C0-4D6D-8AE7-C8815253CF49}"/>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53" name="テキスト ボックス 752">
          <a:extLst>
            <a:ext uri="{FF2B5EF4-FFF2-40B4-BE49-F238E27FC236}">
              <a16:creationId xmlns:a16="http://schemas.microsoft.com/office/drawing/2014/main" id="{14A67583-8240-4A69-A7C8-909783B41D66}"/>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54" name="直線コネクタ 753">
          <a:extLst>
            <a:ext uri="{FF2B5EF4-FFF2-40B4-BE49-F238E27FC236}">
              <a16:creationId xmlns:a16="http://schemas.microsoft.com/office/drawing/2014/main" id="{D3A2CDA7-820E-4700-8793-7ACA2A11FB0E}"/>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55" name="テキスト ボックス 754">
          <a:extLst>
            <a:ext uri="{FF2B5EF4-FFF2-40B4-BE49-F238E27FC236}">
              <a16:creationId xmlns:a16="http://schemas.microsoft.com/office/drawing/2014/main" id="{B7331FFC-FE07-4E86-B109-CCC30011B8DE}"/>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56" name="直線コネクタ 755">
          <a:extLst>
            <a:ext uri="{FF2B5EF4-FFF2-40B4-BE49-F238E27FC236}">
              <a16:creationId xmlns:a16="http://schemas.microsoft.com/office/drawing/2014/main" id="{0B286CB3-1A09-4BE6-9D53-59D036EAA7C5}"/>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57" name="テキスト ボックス 756">
          <a:extLst>
            <a:ext uri="{FF2B5EF4-FFF2-40B4-BE49-F238E27FC236}">
              <a16:creationId xmlns:a16="http://schemas.microsoft.com/office/drawing/2014/main" id="{13427E36-AA74-4B75-9A13-031444356E24}"/>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58" name="直線コネクタ 757">
          <a:extLst>
            <a:ext uri="{FF2B5EF4-FFF2-40B4-BE49-F238E27FC236}">
              <a16:creationId xmlns:a16="http://schemas.microsoft.com/office/drawing/2014/main" id="{DEBE8581-B675-4FDA-A124-45E4D3462D85}"/>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59" name="テキスト ボックス 758">
          <a:extLst>
            <a:ext uri="{FF2B5EF4-FFF2-40B4-BE49-F238E27FC236}">
              <a16:creationId xmlns:a16="http://schemas.microsoft.com/office/drawing/2014/main" id="{C4A6673B-7516-4C21-A5B6-3A5C3C15163E}"/>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60" name="直線コネクタ 759">
          <a:extLst>
            <a:ext uri="{FF2B5EF4-FFF2-40B4-BE49-F238E27FC236}">
              <a16:creationId xmlns:a16="http://schemas.microsoft.com/office/drawing/2014/main" id="{E645392E-B89B-4614-AE9D-B66EA469CC59}"/>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61" name="テキスト ボックス 760">
          <a:extLst>
            <a:ext uri="{FF2B5EF4-FFF2-40B4-BE49-F238E27FC236}">
              <a16:creationId xmlns:a16="http://schemas.microsoft.com/office/drawing/2014/main" id="{12D48E58-50CB-4C73-8CF1-B7F39CEB5AAA}"/>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62" name="直線コネクタ 761">
          <a:extLst>
            <a:ext uri="{FF2B5EF4-FFF2-40B4-BE49-F238E27FC236}">
              <a16:creationId xmlns:a16="http://schemas.microsoft.com/office/drawing/2014/main" id="{641BBC1D-BEE2-48AF-B134-2335D6EB79B3}"/>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63" name="テキスト ボックス 762">
          <a:extLst>
            <a:ext uri="{FF2B5EF4-FFF2-40B4-BE49-F238E27FC236}">
              <a16:creationId xmlns:a16="http://schemas.microsoft.com/office/drawing/2014/main" id="{36504298-228F-4CBD-8C06-35F18914ED16}"/>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64" name="直線コネクタ 763">
          <a:extLst>
            <a:ext uri="{FF2B5EF4-FFF2-40B4-BE49-F238E27FC236}">
              <a16:creationId xmlns:a16="http://schemas.microsoft.com/office/drawing/2014/main" id="{0FF5DD87-364E-4BF6-A3F5-6DF3A4274757}"/>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65" name="テキスト ボックス 764">
          <a:extLst>
            <a:ext uri="{FF2B5EF4-FFF2-40B4-BE49-F238E27FC236}">
              <a16:creationId xmlns:a16="http://schemas.microsoft.com/office/drawing/2014/main" id="{0A03CD09-3844-4EBB-BBCE-6F50EB9F41EE}"/>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66" name="直線コネクタ 765">
          <a:extLst>
            <a:ext uri="{FF2B5EF4-FFF2-40B4-BE49-F238E27FC236}">
              <a16:creationId xmlns:a16="http://schemas.microsoft.com/office/drawing/2014/main" id="{33C5DEEA-648C-4D58-B2ED-E9C449334EA1}"/>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67" name="テキスト ボックス 766">
          <a:extLst>
            <a:ext uri="{FF2B5EF4-FFF2-40B4-BE49-F238E27FC236}">
              <a16:creationId xmlns:a16="http://schemas.microsoft.com/office/drawing/2014/main" id="{A0C3187F-DEF6-4ACA-BFE1-83445C33BB5A}"/>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68" name="直線コネクタ 767">
          <a:extLst>
            <a:ext uri="{FF2B5EF4-FFF2-40B4-BE49-F238E27FC236}">
              <a16:creationId xmlns:a16="http://schemas.microsoft.com/office/drawing/2014/main" id="{675DF960-AB5C-4B00-8C8D-CBA5C738DC94}"/>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9" name="【公民館】&#10;有形固定資産減価償却率グラフ枠">
          <a:extLst>
            <a:ext uri="{FF2B5EF4-FFF2-40B4-BE49-F238E27FC236}">
              <a16:creationId xmlns:a16="http://schemas.microsoft.com/office/drawing/2014/main" id="{54D6A317-A7A3-4510-9D84-E8EEA2DC771D}"/>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18655</xdr:rowOff>
    </xdr:from>
    <xdr:to>
      <xdr:col>85</xdr:col>
      <xdr:colOff>126364</xdr:colOff>
      <xdr:row>109</xdr:row>
      <xdr:rowOff>35379</xdr:rowOff>
    </xdr:to>
    <xdr:cxnSp macro="">
      <xdr:nvCxnSpPr>
        <xdr:cNvPr id="770" name="直線コネクタ 769">
          <a:extLst>
            <a:ext uri="{FF2B5EF4-FFF2-40B4-BE49-F238E27FC236}">
              <a16:creationId xmlns:a16="http://schemas.microsoft.com/office/drawing/2014/main" id="{66463B08-8108-4A42-8222-1B3C267717FA}"/>
            </a:ext>
          </a:extLst>
        </xdr:cNvPr>
        <xdr:cNvCxnSpPr/>
      </xdr:nvCxnSpPr>
      <xdr:spPr>
        <a:xfrm flipV="1">
          <a:off x="16318864" y="17263655"/>
          <a:ext cx="0" cy="14597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771" name="【公民館】&#10;有形固定資産減価償却率最小値テキスト">
          <a:extLst>
            <a:ext uri="{FF2B5EF4-FFF2-40B4-BE49-F238E27FC236}">
              <a16:creationId xmlns:a16="http://schemas.microsoft.com/office/drawing/2014/main" id="{6A4A2392-B3F4-4CC2-984D-D32BBE4C4AA5}"/>
            </a:ext>
          </a:extLst>
        </xdr:cNvPr>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772" name="直線コネクタ 771">
          <a:extLst>
            <a:ext uri="{FF2B5EF4-FFF2-40B4-BE49-F238E27FC236}">
              <a16:creationId xmlns:a16="http://schemas.microsoft.com/office/drawing/2014/main" id="{E43DEC63-CC61-48C6-9393-9F4C641C3229}"/>
            </a:ext>
          </a:extLst>
        </xdr:cNvPr>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65332</xdr:rowOff>
    </xdr:from>
    <xdr:ext cx="405111" cy="259045"/>
    <xdr:sp macro="" textlink="">
      <xdr:nvSpPr>
        <xdr:cNvPr id="773" name="【公民館】&#10;有形固定資産減価償却率最大値テキスト">
          <a:extLst>
            <a:ext uri="{FF2B5EF4-FFF2-40B4-BE49-F238E27FC236}">
              <a16:creationId xmlns:a16="http://schemas.microsoft.com/office/drawing/2014/main" id="{8EEADD5B-D9A4-4653-BC73-D5293D599877}"/>
            </a:ext>
          </a:extLst>
        </xdr:cNvPr>
        <xdr:cNvSpPr txBox="1"/>
      </xdr:nvSpPr>
      <xdr:spPr>
        <a:xfrm>
          <a:off x="16357600" y="17038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18655</xdr:rowOff>
    </xdr:from>
    <xdr:to>
      <xdr:col>86</xdr:col>
      <xdr:colOff>25400</xdr:colOff>
      <xdr:row>100</xdr:row>
      <xdr:rowOff>118655</xdr:rowOff>
    </xdr:to>
    <xdr:cxnSp macro="">
      <xdr:nvCxnSpPr>
        <xdr:cNvPr id="774" name="直線コネクタ 773">
          <a:extLst>
            <a:ext uri="{FF2B5EF4-FFF2-40B4-BE49-F238E27FC236}">
              <a16:creationId xmlns:a16="http://schemas.microsoft.com/office/drawing/2014/main" id="{449268A9-23C2-4679-BAE3-14A6D846A79C}"/>
            </a:ext>
          </a:extLst>
        </xdr:cNvPr>
        <xdr:cNvCxnSpPr/>
      </xdr:nvCxnSpPr>
      <xdr:spPr>
        <a:xfrm>
          <a:off x="16230600" y="17263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5</xdr:row>
      <xdr:rowOff>67871</xdr:rowOff>
    </xdr:from>
    <xdr:ext cx="405111" cy="259045"/>
    <xdr:sp macro="" textlink="">
      <xdr:nvSpPr>
        <xdr:cNvPr id="775" name="【公民館】&#10;有形固定資産減価償却率平均値テキスト">
          <a:extLst>
            <a:ext uri="{FF2B5EF4-FFF2-40B4-BE49-F238E27FC236}">
              <a16:creationId xmlns:a16="http://schemas.microsoft.com/office/drawing/2014/main" id="{76D2E913-95A7-4559-AE85-890ABF8423C7}"/>
            </a:ext>
          </a:extLst>
        </xdr:cNvPr>
        <xdr:cNvSpPr txBox="1"/>
      </xdr:nvSpPr>
      <xdr:spPr>
        <a:xfrm>
          <a:off x="16357600" y="1807012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44994</xdr:rowOff>
    </xdr:from>
    <xdr:to>
      <xdr:col>85</xdr:col>
      <xdr:colOff>177800</xdr:colOff>
      <xdr:row>106</xdr:row>
      <xdr:rowOff>146594</xdr:rowOff>
    </xdr:to>
    <xdr:sp macro="" textlink="">
      <xdr:nvSpPr>
        <xdr:cNvPr id="776" name="フローチャート: 判断 775">
          <a:extLst>
            <a:ext uri="{FF2B5EF4-FFF2-40B4-BE49-F238E27FC236}">
              <a16:creationId xmlns:a16="http://schemas.microsoft.com/office/drawing/2014/main" id="{8379CE67-087D-4FD8-B423-F02630F9D57E}"/>
            </a:ext>
          </a:extLst>
        </xdr:cNvPr>
        <xdr:cNvSpPr/>
      </xdr:nvSpPr>
      <xdr:spPr>
        <a:xfrm>
          <a:off x="16268700" y="18218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6</xdr:row>
      <xdr:rowOff>15602</xdr:rowOff>
    </xdr:from>
    <xdr:to>
      <xdr:col>81</xdr:col>
      <xdr:colOff>101600</xdr:colOff>
      <xdr:row>106</xdr:row>
      <xdr:rowOff>117202</xdr:rowOff>
    </xdr:to>
    <xdr:sp macro="" textlink="">
      <xdr:nvSpPr>
        <xdr:cNvPr id="777" name="フローチャート: 判断 776">
          <a:extLst>
            <a:ext uri="{FF2B5EF4-FFF2-40B4-BE49-F238E27FC236}">
              <a16:creationId xmlns:a16="http://schemas.microsoft.com/office/drawing/2014/main" id="{9FE98DFE-C7DE-472E-8A76-A750FD031163}"/>
            </a:ext>
          </a:extLst>
        </xdr:cNvPr>
        <xdr:cNvSpPr/>
      </xdr:nvSpPr>
      <xdr:spPr>
        <a:xfrm>
          <a:off x="15430500" y="1818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6</xdr:row>
      <xdr:rowOff>49893</xdr:rowOff>
    </xdr:from>
    <xdr:to>
      <xdr:col>76</xdr:col>
      <xdr:colOff>165100</xdr:colOff>
      <xdr:row>106</xdr:row>
      <xdr:rowOff>151493</xdr:rowOff>
    </xdr:to>
    <xdr:sp macro="" textlink="">
      <xdr:nvSpPr>
        <xdr:cNvPr id="778" name="フローチャート: 判断 777">
          <a:extLst>
            <a:ext uri="{FF2B5EF4-FFF2-40B4-BE49-F238E27FC236}">
              <a16:creationId xmlns:a16="http://schemas.microsoft.com/office/drawing/2014/main" id="{284A65AB-707E-425F-A1CC-E8764573FF38}"/>
            </a:ext>
          </a:extLst>
        </xdr:cNvPr>
        <xdr:cNvSpPr/>
      </xdr:nvSpPr>
      <xdr:spPr>
        <a:xfrm>
          <a:off x="14541500" y="18223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6</xdr:row>
      <xdr:rowOff>36830</xdr:rowOff>
    </xdr:from>
    <xdr:to>
      <xdr:col>72</xdr:col>
      <xdr:colOff>38100</xdr:colOff>
      <xdr:row>106</xdr:row>
      <xdr:rowOff>138430</xdr:rowOff>
    </xdr:to>
    <xdr:sp macro="" textlink="">
      <xdr:nvSpPr>
        <xdr:cNvPr id="779" name="フローチャート: 判断 778">
          <a:extLst>
            <a:ext uri="{FF2B5EF4-FFF2-40B4-BE49-F238E27FC236}">
              <a16:creationId xmlns:a16="http://schemas.microsoft.com/office/drawing/2014/main" id="{3B6E0512-A7A0-4FC2-B72A-AC626BA49568}"/>
            </a:ext>
          </a:extLst>
        </xdr:cNvPr>
        <xdr:cNvSpPr/>
      </xdr:nvSpPr>
      <xdr:spPr>
        <a:xfrm>
          <a:off x="13652500" y="1821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6</xdr:row>
      <xdr:rowOff>61323</xdr:rowOff>
    </xdr:from>
    <xdr:to>
      <xdr:col>67</xdr:col>
      <xdr:colOff>101600</xdr:colOff>
      <xdr:row>106</xdr:row>
      <xdr:rowOff>162923</xdr:rowOff>
    </xdr:to>
    <xdr:sp macro="" textlink="">
      <xdr:nvSpPr>
        <xdr:cNvPr id="780" name="フローチャート: 判断 779">
          <a:extLst>
            <a:ext uri="{FF2B5EF4-FFF2-40B4-BE49-F238E27FC236}">
              <a16:creationId xmlns:a16="http://schemas.microsoft.com/office/drawing/2014/main" id="{7769DD7B-C70C-4DBA-A92A-980DE59971B1}"/>
            </a:ext>
          </a:extLst>
        </xdr:cNvPr>
        <xdr:cNvSpPr/>
      </xdr:nvSpPr>
      <xdr:spPr>
        <a:xfrm>
          <a:off x="12763500" y="18235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81" name="テキスト ボックス 780">
          <a:extLst>
            <a:ext uri="{FF2B5EF4-FFF2-40B4-BE49-F238E27FC236}">
              <a16:creationId xmlns:a16="http://schemas.microsoft.com/office/drawing/2014/main" id="{9C4DBAA6-9F9B-4A48-A04A-405C1BBB964B}"/>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82" name="テキスト ボックス 781">
          <a:extLst>
            <a:ext uri="{FF2B5EF4-FFF2-40B4-BE49-F238E27FC236}">
              <a16:creationId xmlns:a16="http://schemas.microsoft.com/office/drawing/2014/main" id="{992D8487-A5A0-43DB-A71F-BCEB2F3D83CF}"/>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83" name="テキスト ボックス 782">
          <a:extLst>
            <a:ext uri="{FF2B5EF4-FFF2-40B4-BE49-F238E27FC236}">
              <a16:creationId xmlns:a16="http://schemas.microsoft.com/office/drawing/2014/main" id="{BCF06AB7-ECC9-4F89-9588-FD7955BB5C2C}"/>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84" name="テキスト ボックス 783">
          <a:extLst>
            <a:ext uri="{FF2B5EF4-FFF2-40B4-BE49-F238E27FC236}">
              <a16:creationId xmlns:a16="http://schemas.microsoft.com/office/drawing/2014/main" id="{F071FE12-0F13-41DF-B278-4961A0A1E75B}"/>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85" name="テキスト ボックス 784">
          <a:extLst>
            <a:ext uri="{FF2B5EF4-FFF2-40B4-BE49-F238E27FC236}">
              <a16:creationId xmlns:a16="http://schemas.microsoft.com/office/drawing/2014/main" id="{A2E38F7A-1EF6-4D49-97CB-7EB3E7B4CF34}"/>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49893</xdr:rowOff>
    </xdr:from>
    <xdr:to>
      <xdr:col>85</xdr:col>
      <xdr:colOff>177800</xdr:colOff>
      <xdr:row>106</xdr:row>
      <xdr:rowOff>151493</xdr:rowOff>
    </xdr:to>
    <xdr:sp macro="" textlink="">
      <xdr:nvSpPr>
        <xdr:cNvPr id="786" name="楕円 785">
          <a:extLst>
            <a:ext uri="{FF2B5EF4-FFF2-40B4-BE49-F238E27FC236}">
              <a16:creationId xmlns:a16="http://schemas.microsoft.com/office/drawing/2014/main" id="{006AB6C3-5587-4811-8CB8-89F43F15FE83}"/>
            </a:ext>
          </a:extLst>
        </xdr:cNvPr>
        <xdr:cNvSpPr/>
      </xdr:nvSpPr>
      <xdr:spPr>
        <a:xfrm>
          <a:off x="16268700" y="18223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28320</xdr:rowOff>
    </xdr:from>
    <xdr:ext cx="405111" cy="259045"/>
    <xdr:sp macro="" textlink="">
      <xdr:nvSpPr>
        <xdr:cNvPr id="787" name="【公民館】&#10;有形固定資産減価償却率該当値テキスト">
          <a:extLst>
            <a:ext uri="{FF2B5EF4-FFF2-40B4-BE49-F238E27FC236}">
              <a16:creationId xmlns:a16="http://schemas.microsoft.com/office/drawing/2014/main" id="{4F8CC383-5E3F-4C4A-8E91-045143B9D0F1}"/>
            </a:ext>
          </a:extLst>
        </xdr:cNvPr>
        <xdr:cNvSpPr txBox="1"/>
      </xdr:nvSpPr>
      <xdr:spPr>
        <a:xfrm>
          <a:off x="16357600" y="182020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107043</xdr:rowOff>
    </xdr:from>
    <xdr:to>
      <xdr:col>81</xdr:col>
      <xdr:colOff>101600</xdr:colOff>
      <xdr:row>107</xdr:row>
      <xdr:rowOff>37193</xdr:rowOff>
    </xdr:to>
    <xdr:sp macro="" textlink="">
      <xdr:nvSpPr>
        <xdr:cNvPr id="788" name="楕円 787">
          <a:extLst>
            <a:ext uri="{FF2B5EF4-FFF2-40B4-BE49-F238E27FC236}">
              <a16:creationId xmlns:a16="http://schemas.microsoft.com/office/drawing/2014/main" id="{F3E3E6C4-A5DD-4C7F-A09C-C01791A9107A}"/>
            </a:ext>
          </a:extLst>
        </xdr:cNvPr>
        <xdr:cNvSpPr/>
      </xdr:nvSpPr>
      <xdr:spPr>
        <a:xfrm>
          <a:off x="15430500" y="18280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100693</xdr:rowOff>
    </xdr:from>
    <xdr:to>
      <xdr:col>85</xdr:col>
      <xdr:colOff>127000</xdr:colOff>
      <xdr:row>106</xdr:row>
      <xdr:rowOff>157843</xdr:rowOff>
    </xdr:to>
    <xdr:cxnSp macro="">
      <xdr:nvCxnSpPr>
        <xdr:cNvPr id="789" name="直線コネクタ 788">
          <a:extLst>
            <a:ext uri="{FF2B5EF4-FFF2-40B4-BE49-F238E27FC236}">
              <a16:creationId xmlns:a16="http://schemas.microsoft.com/office/drawing/2014/main" id="{A1D89D67-2A8E-41F5-8196-E976A4B0DDCC}"/>
            </a:ext>
          </a:extLst>
        </xdr:cNvPr>
        <xdr:cNvCxnSpPr/>
      </xdr:nvCxnSpPr>
      <xdr:spPr>
        <a:xfrm flipV="1">
          <a:off x="15481300" y="18274393"/>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74386</xdr:rowOff>
    </xdr:from>
    <xdr:to>
      <xdr:col>76</xdr:col>
      <xdr:colOff>165100</xdr:colOff>
      <xdr:row>107</xdr:row>
      <xdr:rowOff>4536</xdr:rowOff>
    </xdr:to>
    <xdr:sp macro="" textlink="">
      <xdr:nvSpPr>
        <xdr:cNvPr id="790" name="楕円 789">
          <a:extLst>
            <a:ext uri="{FF2B5EF4-FFF2-40B4-BE49-F238E27FC236}">
              <a16:creationId xmlns:a16="http://schemas.microsoft.com/office/drawing/2014/main" id="{D508E275-ED9E-465D-AEA0-F74093DCDF76}"/>
            </a:ext>
          </a:extLst>
        </xdr:cNvPr>
        <xdr:cNvSpPr/>
      </xdr:nvSpPr>
      <xdr:spPr>
        <a:xfrm>
          <a:off x="14541500" y="18248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25186</xdr:rowOff>
    </xdr:from>
    <xdr:to>
      <xdr:col>81</xdr:col>
      <xdr:colOff>50800</xdr:colOff>
      <xdr:row>106</xdr:row>
      <xdr:rowOff>157843</xdr:rowOff>
    </xdr:to>
    <xdr:cxnSp macro="">
      <xdr:nvCxnSpPr>
        <xdr:cNvPr id="791" name="直線コネクタ 790">
          <a:extLst>
            <a:ext uri="{FF2B5EF4-FFF2-40B4-BE49-F238E27FC236}">
              <a16:creationId xmlns:a16="http://schemas.microsoft.com/office/drawing/2014/main" id="{FC1B9A04-ACD2-4CEC-88AA-F0B44CAA7F7A}"/>
            </a:ext>
          </a:extLst>
        </xdr:cNvPr>
        <xdr:cNvCxnSpPr/>
      </xdr:nvCxnSpPr>
      <xdr:spPr>
        <a:xfrm>
          <a:off x="14592300" y="18298886"/>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41729</xdr:rowOff>
    </xdr:from>
    <xdr:to>
      <xdr:col>72</xdr:col>
      <xdr:colOff>38100</xdr:colOff>
      <xdr:row>106</xdr:row>
      <xdr:rowOff>143329</xdr:rowOff>
    </xdr:to>
    <xdr:sp macro="" textlink="">
      <xdr:nvSpPr>
        <xdr:cNvPr id="792" name="楕円 791">
          <a:extLst>
            <a:ext uri="{FF2B5EF4-FFF2-40B4-BE49-F238E27FC236}">
              <a16:creationId xmlns:a16="http://schemas.microsoft.com/office/drawing/2014/main" id="{E936A49E-D7FD-42F5-B692-74C5A73E9E02}"/>
            </a:ext>
          </a:extLst>
        </xdr:cNvPr>
        <xdr:cNvSpPr/>
      </xdr:nvSpPr>
      <xdr:spPr>
        <a:xfrm>
          <a:off x="13652500" y="18215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92529</xdr:rowOff>
    </xdr:from>
    <xdr:to>
      <xdr:col>76</xdr:col>
      <xdr:colOff>114300</xdr:colOff>
      <xdr:row>106</xdr:row>
      <xdr:rowOff>125186</xdr:rowOff>
    </xdr:to>
    <xdr:cxnSp macro="">
      <xdr:nvCxnSpPr>
        <xdr:cNvPr id="793" name="直線コネクタ 792">
          <a:extLst>
            <a:ext uri="{FF2B5EF4-FFF2-40B4-BE49-F238E27FC236}">
              <a16:creationId xmlns:a16="http://schemas.microsoft.com/office/drawing/2014/main" id="{6379E4C7-91BD-48C6-8538-2F8581A54EDD}"/>
            </a:ext>
          </a:extLst>
        </xdr:cNvPr>
        <xdr:cNvCxnSpPr/>
      </xdr:nvCxnSpPr>
      <xdr:spPr>
        <a:xfrm>
          <a:off x="13703300" y="18266229"/>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9071</xdr:rowOff>
    </xdr:from>
    <xdr:to>
      <xdr:col>67</xdr:col>
      <xdr:colOff>101600</xdr:colOff>
      <xdr:row>106</xdr:row>
      <xdr:rowOff>110671</xdr:rowOff>
    </xdr:to>
    <xdr:sp macro="" textlink="">
      <xdr:nvSpPr>
        <xdr:cNvPr id="794" name="楕円 793">
          <a:extLst>
            <a:ext uri="{FF2B5EF4-FFF2-40B4-BE49-F238E27FC236}">
              <a16:creationId xmlns:a16="http://schemas.microsoft.com/office/drawing/2014/main" id="{97C1FC1C-97F6-42FE-9EAE-70A5AAB585B4}"/>
            </a:ext>
          </a:extLst>
        </xdr:cNvPr>
        <xdr:cNvSpPr/>
      </xdr:nvSpPr>
      <xdr:spPr>
        <a:xfrm>
          <a:off x="12763500" y="18182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59871</xdr:rowOff>
    </xdr:from>
    <xdr:to>
      <xdr:col>71</xdr:col>
      <xdr:colOff>177800</xdr:colOff>
      <xdr:row>106</xdr:row>
      <xdr:rowOff>92529</xdr:rowOff>
    </xdr:to>
    <xdr:cxnSp macro="">
      <xdr:nvCxnSpPr>
        <xdr:cNvPr id="795" name="直線コネクタ 794">
          <a:extLst>
            <a:ext uri="{FF2B5EF4-FFF2-40B4-BE49-F238E27FC236}">
              <a16:creationId xmlns:a16="http://schemas.microsoft.com/office/drawing/2014/main" id="{B3116CA2-5846-4E09-AF4F-F9A28C772699}"/>
            </a:ext>
          </a:extLst>
        </xdr:cNvPr>
        <xdr:cNvCxnSpPr/>
      </xdr:nvCxnSpPr>
      <xdr:spPr>
        <a:xfrm>
          <a:off x="12814300" y="18233571"/>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33729</xdr:rowOff>
    </xdr:from>
    <xdr:ext cx="405111" cy="259045"/>
    <xdr:sp macro="" textlink="">
      <xdr:nvSpPr>
        <xdr:cNvPr id="796" name="n_1aveValue【公民館】&#10;有形固定資産減価償却率">
          <a:extLst>
            <a:ext uri="{FF2B5EF4-FFF2-40B4-BE49-F238E27FC236}">
              <a16:creationId xmlns:a16="http://schemas.microsoft.com/office/drawing/2014/main" id="{085E3638-6C38-468A-B099-941753EA74AC}"/>
            </a:ext>
          </a:extLst>
        </xdr:cNvPr>
        <xdr:cNvSpPr txBox="1"/>
      </xdr:nvSpPr>
      <xdr:spPr>
        <a:xfrm>
          <a:off x="15266044" y="179645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68020</xdr:rowOff>
    </xdr:from>
    <xdr:ext cx="405111" cy="259045"/>
    <xdr:sp macro="" textlink="">
      <xdr:nvSpPr>
        <xdr:cNvPr id="797" name="n_2aveValue【公民館】&#10;有形固定資産減価償却率">
          <a:extLst>
            <a:ext uri="{FF2B5EF4-FFF2-40B4-BE49-F238E27FC236}">
              <a16:creationId xmlns:a16="http://schemas.microsoft.com/office/drawing/2014/main" id="{A774162A-0117-490B-AEEC-A45E3D845B66}"/>
            </a:ext>
          </a:extLst>
        </xdr:cNvPr>
        <xdr:cNvSpPr txBox="1"/>
      </xdr:nvSpPr>
      <xdr:spPr>
        <a:xfrm>
          <a:off x="14389744" y="179988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54957</xdr:rowOff>
    </xdr:from>
    <xdr:ext cx="405111" cy="259045"/>
    <xdr:sp macro="" textlink="">
      <xdr:nvSpPr>
        <xdr:cNvPr id="798" name="n_3aveValue【公民館】&#10;有形固定資産減価償却率">
          <a:extLst>
            <a:ext uri="{FF2B5EF4-FFF2-40B4-BE49-F238E27FC236}">
              <a16:creationId xmlns:a16="http://schemas.microsoft.com/office/drawing/2014/main" id="{6B5AC0AC-FFE3-4000-B9E9-DFB3D0A69003}"/>
            </a:ext>
          </a:extLst>
        </xdr:cNvPr>
        <xdr:cNvSpPr txBox="1"/>
      </xdr:nvSpPr>
      <xdr:spPr>
        <a:xfrm>
          <a:off x="13500744" y="17985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154050</xdr:rowOff>
    </xdr:from>
    <xdr:ext cx="405111" cy="259045"/>
    <xdr:sp macro="" textlink="">
      <xdr:nvSpPr>
        <xdr:cNvPr id="799" name="n_4aveValue【公民館】&#10;有形固定資産減価償却率">
          <a:extLst>
            <a:ext uri="{FF2B5EF4-FFF2-40B4-BE49-F238E27FC236}">
              <a16:creationId xmlns:a16="http://schemas.microsoft.com/office/drawing/2014/main" id="{D8D3B8AF-7FF5-4D56-9F3D-34884ACAA378}"/>
            </a:ext>
          </a:extLst>
        </xdr:cNvPr>
        <xdr:cNvSpPr txBox="1"/>
      </xdr:nvSpPr>
      <xdr:spPr>
        <a:xfrm>
          <a:off x="12611744" y="183277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28320</xdr:rowOff>
    </xdr:from>
    <xdr:ext cx="405111" cy="259045"/>
    <xdr:sp macro="" textlink="">
      <xdr:nvSpPr>
        <xdr:cNvPr id="800" name="n_1mainValue【公民館】&#10;有形固定資産減価償却率">
          <a:extLst>
            <a:ext uri="{FF2B5EF4-FFF2-40B4-BE49-F238E27FC236}">
              <a16:creationId xmlns:a16="http://schemas.microsoft.com/office/drawing/2014/main" id="{CD17DEC7-23FD-4ED2-B9D5-AD1618E951E7}"/>
            </a:ext>
          </a:extLst>
        </xdr:cNvPr>
        <xdr:cNvSpPr txBox="1"/>
      </xdr:nvSpPr>
      <xdr:spPr>
        <a:xfrm>
          <a:off x="15266044" y="183734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167113</xdr:rowOff>
    </xdr:from>
    <xdr:ext cx="405111" cy="259045"/>
    <xdr:sp macro="" textlink="">
      <xdr:nvSpPr>
        <xdr:cNvPr id="801" name="n_2mainValue【公民館】&#10;有形固定資産減価償却率">
          <a:extLst>
            <a:ext uri="{FF2B5EF4-FFF2-40B4-BE49-F238E27FC236}">
              <a16:creationId xmlns:a16="http://schemas.microsoft.com/office/drawing/2014/main" id="{F8EB820F-FFE7-4B36-9189-A27BEB5C52DE}"/>
            </a:ext>
          </a:extLst>
        </xdr:cNvPr>
        <xdr:cNvSpPr txBox="1"/>
      </xdr:nvSpPr>
      <xdr:spPr>
        <a:xfrm>
          <a:off x="14389744" y="18340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34456</xdr:rowOff>
    </xdr:from>
    <xdr:ext cx="405111" cy="259045"/>
    <xdr:sp macro="" textlink="">
      <xdr:nvSpPr>
        <xdr:cNvPr id="802" name="n_3mainValue【公民館】&#10;有形固定資産減価償却率">
          <a:extLst>
            <a:ext uri="{FF2B5EF4-FFF2-40B4-BE49-F238E27FC236}">
              <a16:creationId xmlns:a16="http://schemas.microsoft.com/office/drawing/2014/main" id="{C212856A-15A9-4E80-8FF3-2BB441334984}"/>
            </a:ext>
          </a:extLst>
        </xdr:cNvPr>
        <xdr:cNvSpPr txBox="1"/>
      </xdr:nvSpPr>
      <xdr:spPr>
        <a:xfrm>
          <a:off x="13500744" y="183081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127198</xdr:rowOff>
    </xdr:from>
    <xdr:ext cx="405111" cy="259045"/>
    <xdr:sp macro="" textlink="">
      <xdr:nvSpPr>
        <xdr:cNvPr id="803" name="n_4mainValue【公民館】&#10;有形固定資産減価償却率">
          <a:extLst>
            <a:ext uri="{FF2B5EF4-FFF2-40B4-BE49-F238E27FC236}">
              <a16:creationId xmlns:a16="http://schemas.microsoft.com/office/drawing/2014/main" id="{DF97878B-F6F9-49F8-8962-66192A08ABAC}"/>
            </a:ext>
          </a:extLst>
        </xdr:cNvPr>
        <xdr:cNvSpPr txBox="1"/>
      </xdr:nvSpPr>
      <xdr:spPr>
        <a:xfrm>
          <a:off x="12611744" y="179579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04" name="正方形/長方形 803">
          <a:extLst>
            <a:ext uri="{FF2B5EF4-FFF2-40B4-BE49-F238E27FC236}">
              <a16:creationId xmlns:a16="http://schemas.microsoft.com/office/drawing/2014/main" id="{8F0B44BF-2915-4E5F-A57C-36ABBC37FE8D}"/>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05" name="正方形/長方形 804">
          <a:extLst>
            <a:ext uri="{FF2B5EF4-FFF2-40B4-BE49-F238E27FC236}">
              <a16:creationId xmlns:a16="http://schemas.microsoft.com/office/drawing/2014/main" id="{F4C652BF-7103-47BB-A2EB-33ACB064318C}"/>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06" name="正方形/長方形 805">
          <a:extLst>
            <a:ext uri="{FF2B5EF4-FFF2-40B4-BE49-F238E27FC236}">
              <a16:creationId xmlns:a16="http://schemas.microsoft.com/office/drawing/2014/main" id="{333BF0FB-7173-4562-9342-4F6CD67016C5}"/>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07" name="正方形/長方形 806">
          <a:extLst>
            <a:ext uri="{FF2B5EF4-FFF2-40B4-BE49-F238E27FC236}">
              <a16:creationId xmlns:a16="http://schemas.microsoft.com/office/drawing/2014/main" id="{BFA90AA5-4223-402C-AD41-FB60D69518E4}"/>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8" name="正方形/長方形 807">
          <a:extLst>
            <a:ext uri="{FF2B5EF4-FFF2-40B4-BE49-F238E27FC236}">
              <a16:creationId xmlns:a16="http://schemas.microsoft.com/office/drawing/2014/main" id="{0AEC84DD-1486-465F-AFBE-3839198ABEAD}"/>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9" name="正方形/長方形 808">
          <a:extLst>
            <a:ext uri="{FF2B5EF4-FFF2-40B4-BE49-F238E27FC236}">
              <a16:creationId xmlns:a16="http://schemas.microsoft.com/office/drawing/2014/main" id="{14669389-8831-4465-AD29-7BC2AFD5BB74}"/>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10" name="正方形/長方形 809">
          <a:extLst>
            <a:ext uri="{FF2B5EF4-FFF2-40B4-BE49-F238E27FC236}">
              <a16:creationId xmlns:a16="http://schemas.microsoft.com/office/drawing/2014/main" id="{B161AA17-EE3F-4FA6-8AD0-6F718A4F54F1}"/>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11" name="正方形/長方形 810">
          <a:extLst>
            <a:ext uri="{FF2B5EF4-FFF2-40B4-BE49-F238E27FC236}">
              <a16:creationId xmlns:a16="http://schemas.microsoft.com/office/drawing/2014/main" id="{1AC59AEE-1DBA-46FF-9681-C9F0774D475E}"/>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12" name="テキスト ボックス 811">
          <a:extLst>
            <a:ext uri="{FF2B5EF4-FFF2-40B4-BE49-F238E27FC236}">
              <a16:creationId xmlns:a16="http://schemas.microsoft.com/office/drawing/2014/main" id="{88996D88-1188-40D5-B2C6-F9B8C9453EE0}"/>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13" name="直線コネクタ 812">
          <a:extLst>
            <a:ext uri="{FF2B5EF4-FFF2-40B4-BE49-F238E27FC236}">
              <a16:creationId xmlns:a16="http://schemas.microsoft.com/office/drawing/2014/main" id="{726B3713-C63D-4052-81F8-89C71DF3B72E}"/>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814" name="直線コネクタ 813">
          <a:extLst>
            <a:ext uri="{FF2B5EF4-FFF2-40B4-BE49-F238E27FC236}">
              <a16:creationId xmlns:a16="http://schemas.microsoft.com/office/drawing/2014/main" id="{500AB6C4-7B4E-4F39-9E66-E484EEB81B52}"/>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15" name="テキスト ボックス 814">
          <a:extLst>
            <a:ext uri="{FF2B5EF4-FFF2-40B4-BE49-F238E27FC236}">
              <a16:creationId xmlns:a16="http://schemas.microsoft.com/office/drawing/2014/main" id="{1ECE8935-760A-4A80-9922-80EBB227DFD2}"/>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16" name="直線コネクタ 815">
          <a:extLst>
            <a:ext uri="{FF2B5EF4-FFF2-40B4-BE49-F238E27FC236}">
              <a16:creationId xmlns:a16="http://schemas.microsoft.com/office/drawing/2014/main" id="{BD18C7E5-EC86-459C-9781-08D0E4C90D89}"/>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17" name="テキスト ボックス 816">
          <a:extLst>
            <a:ext uri="{FF2B5EF4-FFF2-40B4-BE49-F238E27FC236}">
              <a16:creationId xmlns:a16="http://schemas.microsoft.com/office/drawing/2014/main" id="{CEAE3451-A1B8-4309-86B9-00B9F44EFEF5}"/>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18" name="直線コネクタ 817">
          <a:extLst>
            <a:ext uri="{FF2B5EF4-FFF2-40B4-BE49-F238E27FC236}">
              <a16:creationId xmlns:a16="http://schemas.microsoft.com/office/drawing/2014/main" id="{832A14B9-735F-4DC2-AD2D-2F90191A8FCD}"/>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19" name="テキスト ボックス 818">
          <a:extLst>
            <a:ext uri="{FF2B5EF4-FFF2-40B4-BE49-F238E27FC236}">
              <a16:creationId xmlns:a16="http://schemas.microsoft.com/office/drawing/2014/main" id="{BE3E73F7-A8E7-4D5E-A819-FEBF8C9DA64B}"/>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20" name="直線コネクタ 819">
          <a:extLst>
            <a:ext uri="{FF2B5EF4-FFF2-40B4-BE49-F238E27FC236}">
              <a16:creationId xmlns:a16="http://schemas.microsoft.com/office/drawing/2014/main" id="{5FA6CF6A-6ED0-45E2-9D9C-788256C0467F}"/>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21" name="テキスト ボックス 820">
          <a:extLst>
            <a:ext uri="{FF2B5EF4-FFF2-40B4-BE49-F238E27FC236}">
              <a16:creationId xmlns:a16="http://schemas.microsoft.com/office/drawing/2014/main" id="{42B4B62E-5DF6-4B96-A197-82A964EA61C8}"/>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22" name="直線コネクタ 821">
          <a:extLst>
            <a:ext uri="{FF2B5EF4-FFF2-40B4-BE49-F238E27FC236}">
              <a16:creationId xmlns:a16="http://schemas.microsoft.com/office/drawing/2014/main" id="{DD8BE4A0-3E44-4C91-BD0E-4A63BA244DD5}"/>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23" name="テキスト ボックス 822">
          <a:extLst>
            <a:ext uri="{FF2B5EF4-FFF2-40B4-BE49-F238E27FC236}">
              <a16:creationId xmlns:a16="http://schemas.microsoft.com/office/drawing/2014/main" id="{E1E1858D-1BBC-41DA-BDDD-78255927E8A8}"/>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24" name="直線コネクタ 823">
          <a:extLst>
            <a:ext uri="{FF2B5EF4-FFF2-40B4-BE49-F238E27FC236}">
              <a16:creationId xmlns:a16="http://schemas.microsoft.com/office/drawing/2014/main" id="{E1751521-09DC-44D7-B5E8-8652188A3C70}"/>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25" name="テキスト ボックス 824">
          <a:extLst>
            <a:ext uri="{FF2B5EF4-FFF2-40B4-BE49-F238E27FC236}">
              <a16:creationId xmlns:a16="http://schemas.microsoft.com/office/drawing/2014/main" id="{D523EAED-CA39-46AB-B6CD-949486A63E39}"/>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26" name="直線コネクタ 825">
          <a:extLst>
            <a:ext uri="{FF2B5EF4-FFF2-40B4-BE49-F238E27FC236}">
              <a16:creationId xmlns:a16="http://schemas.microsoft.com/office/drawing/2014/main" id="{768B88D1-785A-4904-9241-FDA6D1273862}"/>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27" name="テキスト ボックス 826">
          <a:extLst>
            <a:ext uri="{FF2B5EF4-FFF2-40B4-BE49-F238E27FC236}">
              <a16:creationId xmlns:a16="http://schemas.microsoft.com/office/drawing/2014/main" id="{BA86E70B-30E9-4854-BCA6-31347A420353}"/>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28" name="【公民館】&#10;一人当たり面積グラフ枠">
          <a:extLst>
            <a:ext uri="{FF2B5EF4-FFF2-40B4-BE49-F238E27FC236}">
              <a16:creationId xmlns:a16="http://schemas.microsoft.com/office/drawing/2014/main" id="{10CFB03E-90C9-4845-8E89-55B38FAA5858}"/>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77288</xdr:rowOff>
    </xdr:from>
    <xdr:to>
      <xdr:col>116</xdr:col>
      <xdr:colOff>62864</xdr:colOff>
      <xdr:row>109</xdr:row>
      <xdr:rowOff>16873</xdr:rowOff>
    </xdr:to>
    <xdr:cxnSp macro="">
      <xdr:nvCxnSpPr>
        <xdr:cNvPr id="829" name="直線コネクタ 828">
          <a:extLst>
            <a:ext uri="{FF2B5EF4-FFF2-40B4-BE49-F238E27FC236}">
              <a16:creationId xmlns:a16="http://schemas.microsoft.com/office/drawing/2014/main" id="{8ED1EFB9-433C-4690-86BC-DCF2475DC206}"/>
            </a:ext>
          </a:extLst>
        </xdr:cNvPr>
        <xdr:cNvCxnSpPr/>
      </xdr:nvCxnSpPr>
      <xdr:spPr>
        <a:xfrm flipV="1">
          <a:off x="22160864" y="17222288"/>
          <a:ext cx="0" cy="14826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0700</xdr:rowOff>
    </xdr:from>
    <xdr:ext cx="469744" cy="259045"/>
    <xdr:sp macro="" textlink="">
      <xdr:nvSpPr>
        <xdr:cNvPr id="830" name="【公民館】&#10;一人当たり面積最小値テキスト">
          <a:extLst>
            <a:ext uri="{FF2B5EF4-FFF2-40B4-BE49-F238E27FC236}">
              <a16:creationId xmlns:a16="http://schemas.microsoft.com/office/drawing/2014/main" id="{AD3243E3-17E0-4091-AD53-6E1AB2E1F3F8}"/>
            </a:ext>
          </a:extLst>
        </xdr:cNvPr>
        <xdr:cNvSpPr txBox="1"/>
      </xdr:nvSpPr>
      <xdr:spPr>
        <a:xfrm>
          <a:off x="22199600" y="187087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16873</xdr:rowOff>
    </xdr:from>
    <xdr:to>
      <xdr:col>116</xdr:col>
      <xdr:colOff>152400</xdr:colOff>
      <xdr:row>109</xdr:row>
      <xdr:rowOff>16873</xdr:rowOff>
    </xdr:to>
    <xdr:cxnSp macro="">
      <xdr:nvCxnSpPr>
        <xdr:cNvPr id="831" name="直線コネクタ 830">
          <a:extLst>
            <a:ext uri="{FF2B5EF4-FFF2-40B4-BE49-F238E27FC236}">
              <a16:creationId xmlns:a16="http://schemas.microsoft.com/office/drawing/2014/main" id="{56320268-60E9-4E02-AB03-75BCB1A832BC}"/>
            </a:ext>
          </a:extLst>
        </xdr:cNvPr>
        <xdr:cNvCxnSpPr/>
      </xdr:nvCxnSpPr>
      <xdr:spPr>
        <a:xfrm>
          <a:off x="22072600" y="187049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23965</xdr:rowOff>
    </xdr:from>
    <xdr:ext cx="469744" cy="259045"/>
    <xdr:sp macro="" textlink="">
      <xdr:nvSpPr>
        <xdr:cNvPr id="832" name="【公民館】&#10;一人当たり面積最大値テキスト">
          <a:extLst>
            <a:ext uri="{FF2B5EF4-FFF2-40B4-BE49-F238E27FC236}">
              <a16:creationId xmlns:a16="http://schemas.microsoft.com/office/drawing/2014/main" id="{D2BA13E1-AF33-4AC3-A8AA-5FC327E0376A}"/>
            </a:ext>
          </a:extLst>
        </xdr:cNvPr>
        <xdr:cNvSpPr txBox="1"/>
      </xdr:nvSpPr>
      <xdr:spPr>
        <a:xfrm>
          <a:off x="22199600" y="16997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77288</xdr:rowOff>
    </xdr:from>
    <xdr:to>
      <xdr:col>116</xdr:col>
      <xdr:colOff>152400</xdr:colOff>
      <xdr:row>100</xdr:row>
      <xdr:rowOff>77288</xdr:rowOff>
    </xdr:to>
    <xdr:cxnSp macro="">
      <xdr:nvCxnSpPr>
        <xdr:cNvPr id="833" name="直線コネクタ 832">
          <a:extLst>
            <a:ext uri="{FF2B5EF4-FFF2-40B4-BE49-F238E27FC236}">
              <a16:creationId xmlns:a16="http://schemas.microsoft.com/office/drawing/2014/main" id="{9EF667EC-0505-4C63-8FF5-CA60412EA828}"/>
            </a:ext>
          </a:extLst>
        </xdr:cNvPr>
        <xdr:cNvCxnSpPr/>
      </xdr:nvCxnSpPr>
      <xdr:spPr>
        <a:xfrm>
          <a:off x="22072600" y="172222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10326</xdr:rowOff>
    </xdr:from>
    <xdr:ext cx="469744" cy="259045"/>
    <xdr:sp macro="" textlink="">
      <xdr:nvSpPr>
        <xdr:cNvPr id="834" name="【公民館】&#10;一人当たり面積平均値テキスト">
          <a:extLst>
            <a:ext uri="{FF2B5EF4-FFF2-40B4-BE49-F238E27FC236}">
              <a16:creationId xmlns:a16="http://schemas.microsoft.com/office/drawing/2014/main" id="{181E3CD7-8FCE-45A6-8210-FBA03C523636}"/>
            </a:ext>
          </a:extLst>
        </xdr:cNvPr>
        <xdr:cNvSpPr txBox="1"/>
      </xdr:nvSpPr>
      <xdr:spPr>
        <a:xfrm>
          <a:off x="22199600" y="1811257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87449</xdr:rowOff>
    </xdr:from>
    <xdr:to>
      <xdr:col>116</xdr:col>
      <xdr:colOff>114300</xdr:colOff>
      <xdr:row>107</xdr:row>
      <xdr:rowOff>17599</xdr:rowOff>
    </xdr:to>
    <xdr:sp macro="" textlink="">
      <xdr:nvSpPr>
        <xdr:cNvPr id="835" name="フローチャート: 判断 834">
          <a:extLst>
            <a:ext uri="{FF2B5EF4-FFF2-40B4-BE49-F238E27FC236}">
              <a16:creationId xmlns:a16="http://schemas.microsoft.com/office/drawing/2014/main" id="{3F10F0F7-0298-4E32-8A94-410CBDDBFCDC}"/>
            </a:ext>
          </a:extLst>
        </xdr:cNvPr>
        <xdr:cNvSpPr/>
      </xdr:nvSpPr>
      <xdr:spPr>
        <a:xfrm>
          <a:off x="22110700" y="18261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90714</xdr:rowOff>
    </xdr:from>
    <xdr:to>
      <xdr:col>112</xdr:col>
      <xdr:colOff>38100</xdr:colOff>
      <xdr:row>107</xdr:row>
      <xdr:rowOff>20864</xdr:rowOff>
    </xdr:to>
    <xdr:sp macro="" textlink="">
      <xdr:nvSpPr>
        <xdr:cNvPr id="836" name="フローチャート: 判断 835">
          <a:extLst>
            <a:ext uri="{FF2B5EF4-FFF2-40B4-BE49-F238E27FC236}">
              <a16:creationId xmlns:a16="http://schemas.microsoft.com/office/drawing/2014/main" id="{6F315B05-A591-42D3-A0B1-694AE3A8CA80}"/>
            </a:ext>
          </a:extLst>
        </xdr:cNvPr>
        <xdr:cNvSpPr/>
      </xdr:nvSpPr>
      <xdr:spPr>
        <a:xfrm>
          <a:off x="21272500" y="18264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76563</xdr:rowOff>
    </xdr:from>
    <xdr:to>
      <xdr:col>107</xdr:col>
      <xdr:colOff>101600</xdr:colOff>
      <xdr:row>107</xdr:row>
      <xdr:rowOff>6713</xdr:rowOff>
    </xdr:to>
    <xdr:sp macro="" textlink="">
      <xdr:nvSpPr>
        <xdr:cNvPr id="837" name="フローチャート: 判断 836">
          <a:extLst>
            <a:ext uri="{FF2B5EF4-FFF2-40B4-BE49-F238E27FC236}">
              <a16:creationId xmlns:a16="http://schemas.microsoft.com/office/drawing/2014/main" id="{2C39F905-536F-45F7-B1D6-DE63E6DF5525}"/>
            </a:ext>
          </a:extLst>
        </xdr:cNvPr>
        <xdr:cNvSpPr/>
      </xdr:nvSpPr>
      <xdr:spPr>
        <a:xfrm>
          <a:off x="20383500" y="18250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68943</xdr:rowOff>
    </xdr:from>
    <xdr:to>
      <xdr:col>102</xdr:col>
      <xdr:colOff>165100</xdr:colOff>
      <xdr:row>106</xdr:row>
      <xdr:rowOff>170543</xdr:rowOff>
    </xdr:to>
    <xdr:sp macro="" textlink="">
      <xdr:nvSpPr>
        <xdr:cNvPr id="838" name="フローチャート: 判断 837">
          <a:extLst>
            <a:ext uri="{FF2B5EF4-FFF2-40B4-BE49-F238E27FC236}">
              <a16:creationId xmlns:a16="http://schemas.microsoft.com/office/drawing/2014/main" id="{5B5E70A8-C51F-4006-B15B-6388F7B06D03}"/>
            </a:ext>
          </a:extLst>
        </xdr:cNvPr>
        <xdr:cNvSpPr/>
      </xdr:nvSpPr>
      <xdr:spPr>
        <a:xfrm>
          <a:off x="19494500" y="18242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73298</xdr:rowOff>
    </xdr:from>
    <xdr:to>
      <xdr:col>98</xdr:col>
      <xdr:colOff>38100</xdr:colOff>
      <xdr:row>107</xdr:row>
      <xdr:rowOff>3448</xdr:rowOff>
    </xdr:to>
    <xdr:sp macro="" textlink="">
      <xdr:nvSpPr>
        <xdr:cNvPr id="839" name="フローチャート: 判断 838">
          <a:extLst>
            <a:ext uri="{FF2B5EF4-FFF2-40B4-BE49-F238E27FC236}">
              <a16:creationId xmlns:a16="http://schemas.microsoft.com/office/drawing/2014/main" id="{382EC37C-FB6B-49F0-AE42-49A5159A9C70}"/>
            </a:ext>
          </a:extLst>
        </xdr:cNvPr>
        <xdr:cNvSpPr/>
      </xdr:nvSpPr>
      <xdr:spPr>
        <a:xfrm>
          <a:off x="18605500" y="18246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40" name="テキスト ボックス 839">
          <a:extLst>
            <a:ext uri="{FF2B5EF4-FFF2-40B4-BE49-F238E27FC236}">
              <a16:creationId xmlns:a16="http://schemas.microsoft.com/office/drawing/2014/main" id="{8502539D-75BD-4F8D-9280-8B95A9216759}"/>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41" name="テキスト ボックス 840">
          <a:extLst>
            <a:ext uri="{FF2B5EF4-FFF2-40B4-BE49-F238E27FC236}">
              <a16:creationId xmlns:a16="http://schemas.microsoft.com/office/drawing/2014/main" id="{5B9CE8AC-5835-4FFF-8D19-8B5C155889CE}"/>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42" name="テキスト ボックス 841">
          <a:extLst>
            <a:ext uri="{FF2B5EF4-FFF2-40B4-BE49-F238E27FC236}">
              <a16:creationId xmlns:a16="http://schemas.microsoft.com/office/drawing/2014/main" id="{065019FD-68F7-491E-8D53-0A2CD0A0F98A}"/>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43" name="テキスト ボックス 842">
          <a:extLst>
            <a:ext uri="{FF2B5EF4-FFF2-40B4-BE49-F238E27FC236}">
              <a16:creationId xmlns:a16="http://schemas.microsoft.com/office/drawing/2014/main" id="{F25367CA-5C2E-4786-8929-D6C20C1A588B}"/>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44" name="テキスト ボックス 843">
          <a:extLst>
            <a:ext uri="{FF2B5EF4-FFF2-40B4-BE49-F238E27FC236}">
              <a16:creationId xmlns:a16="http://schemas.microsoft.com/office/drawing/2014/main" id="{025F633C-B9FE-40B4-BC9B-5E6AD0621F10}"/>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3084</xdr:rowOff>
    </xdr:from>
    <xdr:to>
      <xdr:col>116</xdr:col>
      <xdr:colOff>114300</xdr:colOff>
      <xdr:row>107</xdr:row>
      <xdr:rowOff>104684</xdr:rowOff>
    </xdr:to>
    <xdr:sp macro="" textlink="">
      <xdr:nvSpPr>
        <xdr:cNvPr id="845" name="楕円 844">
          <a:extLst>
            <a:ext uri="{FF2B5EF4-FFF2-40B4-BE49-F238E27FC236}">
              <a16:creationId xmlns:a16="http://schemas.microsoft.com/office/drawing/2014/main" id="{C763F871-473B-4614-9B7A-BE8C828F7D65}"/>
            </a:ext>
          </a:extLst>
        </xdr:cNvPr>
        <xdr:cNvSpPr/>
      </xdr:nvSpPr>
      <xdr:spPr>
        <a:xfrm>
          <a:off x="22110700" y="18348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52961</xdr:rowOff>
    </xdr:from>
    <xdr:ext cx="469744" cy="259045"/>
    <xdr:sp macro="" textlink="">
      <xdr:nvSpPr>
        <xdr:cNvPr id="846" name="【公民館】&#10;一人当たり面積該当値テキスト">
          <a:extLst>
            <a:ext uri="{FF2B5EF4-FFF2-40B4-BE49-F238E27FC236}">
              <a16:creationId xmlns:a16="http://schemas.microsoft.com/office/drawing/2014/main" id="{D8911333-C173-488C-9642-6BAFCB827C7E}"/>
            </a:ext>
          </a:extLst>
        </xdr:cNvPr>
        <xdr:cNvSpPr txBox="1"/>
      </xdr:nvSpPr>
      <xdr:spPr>
        <a:xfrm>
          <a:off x="22199600" y="183266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8527</xdr:rowOff>
    </xdr:from>
    <xdr:to>
      <xdr:col>112</xdr:col>
      <xdr:colOff>38100</xdr:colOff>
      <xdr:row>107</xdr:row>
      <xdr:rowOff>110127</xdr:rowOff>
    </xdr:to>
    <xdr:sp macro="" textlink="">
      <xdr:nvSpPr>
        <xdr:cNvPr id="847" name="楕円 846">
          <a:extLst>
            <a:ext uri="{FF2B5EF4-FFF2-40B4-BE49-F238E27FC236}">
              <a16:creationId xmlns:a16="http://schemas.microsoft.com/office/drawing/2014/main" id="{BF757725-232A-4391-BF3E-19207E9C4554}"/>
            </a:ext>
          </a:extLst>
        </xdr:cNvPr>
        <xdr:cNvSpPr/>
      </xdr:nvSpPr>
      <xdr:spPr>
        <a:xfrm>
          <a:off x="21272500" y="18353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53884</xdr:rowOff>
    </xdr:from>
    <xdr:to>
      <xdr:col>116</xdr:col>
      <xdr:colOff>63500</xdr:colOff>
      <xdr:row>107</xdr:row>
      <xdr:rowOff>59327</xdr:rowOff>
    </xdr:to>
    <xdr:cxnSp macro="">
      <xdr:nvCxnSpPr>
        <xdr:cNvPr id="848" name="直線コネクタ 847">
          <a:extLst>
            <a:ext uri="{FF2B5EF4-FFF2-40B4-BE49-F238E27FC236}">
              <a16:creationId xmlns:a16="http://schemas.microsoft.com/office/drawing/2014/main" id="{05A8BE38-9FF3-4A0C-979F-B99B08005E20}"/>
            </a:ext>
          </a:extLst>
        </xdr:cNvPr>
        <xdr:cNvCxnSpPr/>
      </xdr:nvCxnSpPr>
      <xdr:spPr>
        <a:xfrm flipV="1">
          <a:off x="21323300" y="18399034"/>
          <a:ext cx="838200" cy="5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3970</xdr:rowOff>
    </xdr:from>
    <xdr:to>
      <xdr:col>107</xdr:col>
      <xdr:colOff>101600</xdr:colOff>
      <xdr:row>107</xdr:row>
      <xdr:rowOff>115570</xdr:rowOff>
    </xdr:to>
    <xdr:sp macro="" textlink="">
      <xdr:nvSpPr>
        <xdr:cNvPr id="849" name="楕円 848">
          <a:extLst>
            <a:ext uri="{FF2B5EF4-FFF2-40B4-BE49-F238E27FC236}">
              <a16:creationId xmlns:a16="http://schemas.microsoft.com/office/drawing/2014/main" id="{CE9E41C5-3F8B-46F0-8976-A80DE040FA4A}"/>
            </a:ext>
          </a:extLst>
        </xdr:cNvPr>
        <xdr:cNvSpPr/>
      </xdr:nvSpPr>
      <xdr:spPr>
        <a:xfrm>
          <a:off x="20383500" y="1835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59327</xdr:rowOff>
    </xdr:from>
    <xdr:to>
      <xdr:col>111</xdr:col>
      <xdr:colOff>177800</xdr:colOff>
      <xdr:row>107</xdr:row>
      <xdr:rowOff>64770</xdr:rowOff>
    </xdr:to>
    <xdr:cxnSp macro="">
      <xdr:nvCxnSpPr>
        <xdr:cNvPr id="850" name="直線コネクタ 849">
          <a:extLst>
            <a:ext uri="{FF2B5EF4-FFF2-40B4-BE49-F238E27FC236}">
              <a16:creationId xmlns:a16="http://schemas.microsoft.com/office/drawing/2014/main" id="{F1A4D5D0-DCEC-4B10-A514-0D372F394BCA}"/>
            </a:ext>
          </a:extLst>
        </xdr:cNvPr>
        <xdr:cNvCxnSpPr/>
      </xdr:nvCxnSpPr>
      <xdr:spPr>
        <a:xfrm flipV="1">
          <a:off x="20434300" y="18404477"/>
          <a:ext cx="889000" cy="5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8324</xdr:rowOff>
    </xdr:from>
    <xdr:to>
      <xdr:col>102</xdr:col>
      <xdr:colOff>165100</xdr:colOff>
      <xdr:row>107</xdr:row>
      <xdr:rowOff>119924</xdr:rowOff>
    </xdr:to>
    <xdr:sp macro="" textlink="">
      <xdr:nvSpPr>
        <xdr:cNvPr id="851" name="楕円 850">
          <a:extLst>
            <a:ext uri="{FF2B5EF4-FFF2-40B4-BE49-F238E27FC236}">
              <a16:creationId xmlns:a16="http://schemas.microsoft.com/office/drawing/2014/main" id="{BBA7B800-45ED-41E8-89E6-ADA3021F9627}"/>
            </a:ext>
          </a:extLst>
        </xdr:cNvPr>
        <xdr:cNvSpPr/>
      </xdr:nvSpPr>
      <xdr:spPr>
        <a:xfrm>
          <a:off x="19494500" y="18363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64770</xdr:rowOff>
    </xdr:from>
    <xdr:to>
      <xdr:col>107</xdr:col>
      <xdr:colOff>50800</xdr:colOff>
      <xdr:row>107</xdr:row>
      <xdr:rowOff>69124</xdr:rowOff>
    </xdr:to>
    <xdr:cxnSp macro="">
      <xdr:nvCxnSpPr>
        <xdr:cNvPr id="852" name="直線コネクタ 851">
          <a:extLst>
            <a:ext uri="{FF2B5EF4-FFF2-40B4-BE49-F238E27FC236}">
              <a16:creationId xmlns:a16="http://schemas.microsoft.com/office/drawing/2014/main" id="{AEE158BB-4816-4323-B266-26EF7336979F}"/>
            </a:ext>
          </a:extLst>
        </xdr:cNvPr>
        <xdr:cNvCxnSpPr/>
      </xdr:nvCxnSpPr>
      <xdr:spPr>
        <a:xfrm flipV="1">
          <a:off x="19545300" y="18409920"/>
          <a:ext cx="889000" cy="4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23768</xdr:rowOff>
    </xdr:from>
    <xdr:to>
      <xdr:col>98</xdr:col>
      <xdr:colOff>38100</xdr:colOff>
      <xdr:row>107</xdr:row>
      <xdr:rowOff>125368</xdr:rowOff>
    </xdr:to>
    <xdr:sp macro="" textlink="">
      <xdr:nvSpPr>
        <xdr:cNvPr id="853" name="楕円 852">
          <a:extLst>
            <a:ext uri="{FF2B5EF4-FFF2-40B4-BE49-F238E27FC236}">
              <a16:creationId xmlns:a16="http://schemas.microsoft.com/office/drawing/2014/main" id="{577678BB-3A06-4D14-BF09-1B3438C7C4A0}"/>
            </a:ext>
          </a:extLst>
        </xdr:cNvPr>
        <xdr:cNvSpPr/>
      </xdr:nvSpPr>
      <xdr:spPr>
        <a:xfrm>
          <a:off x="18605500" y="18368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69124</xdr:rowOff>
    </xdr:from>
    <xdr:to>
      <xdr:col>102</xdr:col>
      <xdr:colOff>114300</xdr:colOff>
      <xdr:row>107</xdr:row>
      <xdr:rowOff>74568</xdr:rowOff>
    </xdr:to>
    <xdr:cxnSp macro="">
      <xdr:nvCxnSpPr>
        <xdr:cNvPr id="854" name="直線コネクタ 853">
          <a:extLst>
            <a:ext uri="{FF2B5EF4-FFF2-40B4-BE49-F238E27FC236}">
              <a16:creationId xmlns:a16="http://schemas.microsoft.com/office/drawing/2014/main" id="{BFDC6C26-C03C-4CAB-8C2F-EF7092B5D2AC}"/>
            </a:ext>
          </a:extLst>
        </xdr:cNvPr>
        <xdr:cNvCxnSpPr/>
      </xdr:nvCxnSpPr>
      <xdr:spPr>
        <a:xfrm flipV="1">
          <a:off x="18656300" y="18414274"/>
          <a:ext cx="889000" cy="5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37391</xdr:rowOff>
    </xdr:from>
    <xdr:ext cx="469744" cy="259045"/>
    <xdr:sp macro="" textlink="">
      <xdr:nvSpPr>
        <xdr:cNvPr id="855" name="n_1aveValue【公民館】&#10;一人当たり面積">
          <a:extLst>
            <a:ext uri="{FF2B5EF4-FFF2-40B4-BE49-F238E27FC236}">
              <a16:creationId xmlns:a16="http://schemas.microsoft.com/office/drawing/2014/main" id="{46B8FDC6-BA0B-46CA-A13E-003447FB16DC}"/>
            </a:ext>
          </a:extLst>
        </xdr:cNvPr>
        <xdr:cNvSpPr txBox="1"/>
      </xdr:nvSpPr>
      <xdr:spPr>
        <a:xfrm>
          <a:off x="21075727" y="18039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23240</xdr:rowOff>
    </xdr:from>
    <xdr:ext cx="469744" cy="259045"/>
    <xdr:sp macro="" textlink="">
      <xdr:nvSpPr>
        <xdr:cNvPr id="856" name="n_2aveValue【公民館】&#10;一人当たり面積">
          <a:extLst>
            <a:ext uri="{FF2B5EF4-FFF2-40B4-BE49-F238E27FC236}">
              <a16:creationId xmlns:a16="http://schemas.microsoft.com/office/drawing/2014/main" id="{0D331FE3-CFA8-46A0-82B5-969F7B0D7FB1}"/>
            </a:ext>
          </a:extLst>
        </xdr:cNvPr>
        <xdr:cNvSpPr txBox="1"/>
      </xdr:nvSpPr>
      <xdr:spPr>
        <a:xfrm>
          <a:off x="20199427" y="18025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5620</xdr:rowOff>
    </xdr:from>
    <xdr:ext cx="469744" cy="259045"/>
    <xdr:sp macro="" textlink="">
      <xdr:nvSpPr>
        <xdr:cNvPr id="857" name="n_3aveValue【公民館】&#10;一人当たり面積">
          <a:extLst>
            <a:ext uri="{FF2B5EF4-FFF2-40B4-BE49-F238E27FC236}">
              <a16:creationId xmlns:a16="http://schemas.microsoft.com/office/drawing/2014/main" id="{39D7DAE7-38F4-449C-86F4-1DAB80F3807C}"/>
            </a:ext>
          </a:extLst>
        </xdr:cNvPr>
        <xdr:cNvSpPr txBox="1"/>
      </xdr:nvSpPr>
      <xdr:spPr>
        <a:xfrm>
          <a:off x="19310427" y="18017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9975</xdr:rowOff>
    </xdr:from>
    <xdr:ext cx="469744" cy="259045"/>
    <xdr:sp macro="" textlink="">
      <xdr:nvSpPr>
        <xdr:cNvPr id="858" name="n_4aveValue【公民館】&#10;一人当たり面積">
          <a:extLst>
            <a:ext uri="{FF2B5EF4-FFF2-40B4-BE49-F238E27FC236}">
              <a16:creationId xmlns:a16="http://schemas.microsoft.com/office/drawing/2014/main" id="{B908AEDD-E9C9-476C-8CD3-427F6E359356}"/>
            </a:ext>
          </a:extLst>
        </xdr:cNvPr>
        <xdr:cNvSpPr txBox="1"/>
      </xdr:nvSpPr>
      <xdr:spPr>
        <a:xfrm>
          <a:off x="18421427" y="180222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01254</xdr:rowOff>
    </xdr:from>
    <xdr:ext cx="469744" cy="259045"/>
    <xdr:sp macro="" textlink="">
      <xdr:nvSpPr>
        <xdr:cNvPr id="859" name="n_1mainValue【公民館】&#10;一人当たり面積">
          <a:extLst>
            <a:ext uri="{FF2B5EF4-FFF2-40B4-BE49-F238E27FC236}">
              <a16:creationId xmlns:a16="http://schemas.microsoft.com/office/drawing/2014/main" id="{36BF5FC3-364F-4AB9-8C0B-BE04E6A55E13}"/>
            </a:ext>
          </a:extLst>
        </xdr:cNvPr>
        <xdr:cNvSpPr txBox="1"/>
      </xdr:nvSpPr>
      <xdr:spPr>
        <a:xfrm>
          <a:off x="21075727" y="184464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06697</xdr:rowOff>
    </xdr:from>
    <xdr:ext cx="469744" cy="259045"/>
    <xdr:sp macro="" textlink="">
      <xdr:nvSpPr>
        <xdr:cNvPr id="860" name="n_2mainValue【公民館】&#10;一人当たり面積">
          <a:extLst>
            <a:ext uri="{FF2B5EF4-FFF2-40B4-BE49-F238E27FC236}">
              <a16:creationId xmlns:a16="http://schemas.microsoft.com/office/drawing/2014/main" id="{DCA22416-5518-45D5-98B7-CB1B6A251714}"/>
            </a:ext>
          </a:extLst>
        </xdr:cNvPr>
        <xdr:cNvSpPr txBox="1"/>
      </xdr:nvSpPr>
      <xdr:spPr>
        <a:xfrm>
          <a:off x="20199427" y="18451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11051</xdr:rowOff>
    </xdr:from>
    <xdr:ext cx="469744" cy="259045"/>
    <xdr:sp macro="" textlink="">
      <xdr:nvSpPr>
        <xdr:cNvPr id="861" name="n_3mainValue【公民館】&#10;一人当たり面積">
          <a:extLst>
            <a:ext uri="{FF2B5EF4-FFF2-40B4-BE49-F238E27FC236}">
              <a16:creationId xmlns:a16="http://schemas.microsoft.com/office/drawing/2014/main" id="{8B229E81-9238-4892-9AA0-4D5D7872704A}"/>
            </a:ext>
          </a:extLst>
        </xdr:cNvPr>
        <xdr:cNvSpPr txBox="1"/>
      </xdr:nvSpPr>
      <xdr:spPr>
        <a:xfrm>
          <a:off x="19310427" y="18456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116495</xdr:rowOff>
    </xdr:from>
    <xdr:ext cx="469744" cy="259045"/>
    <xdr:sp macro="" textlink="">
      <xdr:nvSpPr>
        <xdr:cNvPr id="862" name="n_4mainValue【公民館】&#10;一人当たり面積">
          <a:extLst>
            <a:ext uri="{FF2B5EF4-FFF2-40B4-BE49-F238E27FC236}">
              <a16:creationId xmlns:a16="http://schemas.microsoft.com/office/drawing/2014/main" id="{B47A36A8-6A82-4820-8F5F-66FB28E531F9}"/>
            </a:ext>
          </a:extLst>
        </xdr:cNvPr>
        <xdr:cNvSpPr txBox="1"/>
      </xdr:nvSpPr>
      <xdr:spPr>
        <a:xfrm>
          <a:off x="18421427" y="184616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63" name="正方形/長方形 862">
          <a:extLst>
            <a:ext uri="{FF2B5EF4-FFF2-40B4-BE49-F238E27FC236}">
              <a16:creationId xmlns:a16="http://schemas.microsoft.com/office/drawing/2014/main" id="{38B61B8E-7DD2-4824-AE2D-2B653953DC54}"/>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64" name="正方形/長方形 863">
          <a:extLst>
            <a:ext uri="{FF2B5EF4-FFF2-40B4-BE49-F238E27FC236}">
              <a16:creationId xmlns:a16="http://schemas.microsoft.com/office/drawing/2014/main" id="{3669033B-C776-46DD-9CA9-056E0A7C3232}"/>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65" name="テキスト ボックス 864">
          <a:extLst>
            <a:ext uri="{FF2B5EF4-FFF2-40B4-BE49-F238E27FC236}">
              <a16:creationId xmlns:a16="http://schemas.microsoft.com/office/drawing/2014/main" id="{96C92FDF-C360-44F8-9987-99E354400BC9}"/>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学校施設（小学校、中学校　各１校）及び幼稚園（１園）については、類似団体と比較し、特に有形固定資産減価償却率が高くなっている。令和２年度に学校施設個別施設（長寿命化）計画を策定しているが、いずれも「長寿命化に適さない」判断がなされ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また、公民館の有形固定資産減価償却率は類似団体とほぼ同一であるが、こちらも老朽化が進んでおり、高い水準で推移している。今後、こういった教育施設のあり方は抜本的な検討が必要となってく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他方、道路の有形固定資産減価償却率は類似団体とほぼ同一である。近年は維持補修が主体であり、全体として老朽化が進んで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橋りょうについては、町内に河川がないため、新設工事はない。長寿命化計画に基づく５年に１度の点検をもとに、維持補修工事を進め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公営住宅については、主たる公営住宅の供用開始が平成</a:t>
          </a:r>
          <a:r>
            <a:rPr kumimoji="1" lang="en-US" altLang="ja-JP" sz="1300">
              <a:latin typeface="ＭＳ Ｐゴシック" panose="020B0600070205080204" pitchFamily="50" charset="-128"/>
              <a:ea typeface="ＭＳ Ｐゴシック" panose="020B0600070205080204" pitchFamily="50" charset="-128"/>
            </a:rPr>
            <a:t>17</a:t>
          </a:r>
          <a:r>
            <a:rPr kumimoji="1" lang="ja-JP" altLang="en-US" sz="1300">
              <a:latin typeface="ＭＳ Ｐゴシック" panose="020B0600070205080204" pitchFamily="50" charset="-128"/>
              <a:ea typeface="ＭＳ Ｐゴシック" panose="020B0600070205080204" pitchFamily="50" charset="-128"/>
            </a:rPr>
            <a:t>年であるため、有形固定資産減価償却率は低くなっている。その他の公営住宅については老朽化により既に廃止され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各施設、公共施設等総合管理計画及び個別施設計画に基づき適切な管理を進め、必要に応じて施設の更新・統廃合を含めて検討していかなければならない。</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836E8D79-9EC5-4F39-B59C-ACACD55DA427}"/>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6A767081-587D-4D91-8C97-FCF2413652BC}"/>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5A67007E-7A4D-4184-B3A6-3EBA28B8A34A}"/>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C1790C11-E2BE-4113-9484-6871759BCA6A}"/>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5F1C9957-33F1-4AB3-906B-81FDA41DDA13}"/>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390F6DEA-1D2F-4897-A0C0-D040C18C7CA1}"/>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DB7D12BE-6B5F-4A2D-A8B7-0532A207DC39}"/>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4BF2C5C1-4C4D-4A21-8A14-4DC4B87FC72E}"/>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F0B9F70D-41BB-4B2C-8218-69FD403A36A9}"/>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6FBC5C5D-7059-4559-A5E0-EDF4161D6B85}"/>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880
6,805
7.05
4,303,093
4,120,947
181,921
2,467,769
3,262,6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B40B7BEF-E14B-4751-BF48-3C5FB16E649B}"/>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1C1AFC10-4305-4AAE-A97C-F474C669D7F5}"/>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73D31AB-229D-4652-8C98-A58F55AEF26B}"/>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4
8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8851580D-76A6-4D43-977F-D2EE3C5D099E}"/>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883F70B6-DD21-48AF-96F3-2218F5793001}"/>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18207904-8086-4949-84FB-8AE28DA53234}"/>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9C87255F-03D0-48CE-BD40-CD0DD5C8304F}"/>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464E5235-BEC4-4A6E-AFD3-927173702B26}"/>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CE04BE40-567C-4B1E-B9A4-E06FA0467F90}"/>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94E9DA99-B6CC-473D-B7F3-385D1F78A4A2}"/>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7094CCF2-6594-4550-A172-7B516C35B629}"/>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5F1D3231-3A1F-44CB-8B99-FCF5242527C4}"/>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A3AB1A9E-F36D-45B4-9047-D7A89AB5FC5B}"/>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376A7247-577C-4474-BFD0-C55A35CE692C}"/>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A153F04F-7FE8-4CA3-B54B-3E4808D8B123}"/>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6A6FFF3E-758C-4E2A-80AA-9F2AC6BD4999}"/>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1F4F5962-E99A-4563-9966-07B68D61DCEB}"/>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7BE66DC6-F283-4E54-9C41-BEACDDF18441}"/>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947BFED2-C532-40B1-8E27-4BF1E2118691}"/>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DCB337CB-ED36-4471-B7C8-2B51E4AC9E8C}"/>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12E3BEB6-C7E6-4582-A6B2-F3436F3E982D}"/>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5FCACF43-BB26-4162-931A-525223968E16}"/>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5CED5134-ABD4-4F23-81DD-D063C5F51D2F}"/>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076743F9-3078-4A9B-A569-69D2F7C2A9E4}"/>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78DA4553-3B5D-43D1-BA60-193A61175AF9}"/>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AAA68D09-B992-45BC-8B79-212F282B3150}"/>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A95AD94D-80E4-423B-96A8-D94DE1FEA142}"/>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D0FBF504-8722-4D55-AE7F-59A27F8C12D3}"/>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3D3168F5-527D-40A4-A2EF-3D391658F895}"/>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DA4B0A32-83D0-47D4-8FFE-3A4BF081CC57}"/>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D6472D7C-3F3A-4D04-8FEE-4748FF5A63FA}"/>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A790D888-0622-43DA-BCFE-945024AC5C3C}"/>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518B0567-E420-4D21-BF65-3B9C7AE49EE5}"/>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E25E8A27-4D6C-43E3-A6A5-FF43370CFC09}"/>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F03A5B78-4614-47A8-9361-33158AC272C7}"/>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76A57153-E2F0-424C-95BE-4570323DC00D}"/>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8551747E-2DE9-4E27-9943-E454D0CEACDE}"/>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B89C7379-E0E0-4FB0-89D0-6A1678775B00}"/>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737BD226-2835-4121-BFEC-27CF4DABBCA8}"/>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3FEA0B0A-82EC-4064-951F-66B36F2C2552}"/>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7A7C47ED-9EC2-45BB-A47B-028D2DED47CC}"/>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DAF2B440-24F1-483B-9B59-DAD352AA4F75}"/>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B9A0BBC2-0EA5-4EDE-8158-D3A62980A6AB}"/>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CEA005CF-7096-4CAC-A021-E0AE16797184}"/>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91A78690-DB86-4CF7-A0E6-26DA21C9A397}"/>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id="{0BEA78ED-8097-4E04-B759-E08F9B1B7571}"/>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62742</xdr:rowOff>
    </xdr:from>
    <xdr:to>
      <xdr:col>24</xdr:col>
      <xdr:colOff>62865</xdr:colOff>
      <xdr:row>41</xdr:row>
      <xdr:rowOff>149678</xdr:rowOff>
    </xdr:to>
    <xdr:cxnSp macro="">
      <xdr:nvCxnSpPr>
        <xdr:cNvPr id="58" name="直線コネクタ 57">
          <a:extLst>
            <a:ext uri="{FF2B5EF4-FFF2-40B4-BE49-F238E27FC236}">
              <a16:creationId xmlns:a16="http://schemas.microsoft.com/office/drawing/2014/main" id="{E99D338C-8053-4166-ADDD-D665BDC50CF2}"/>
            </a:ext>
          </a:extLst>
        </xdr:cNvPr>
        <xdr:cNvCxnSpPr/>
      </xdr:nvCxnSpPr>
      <xdr:spPr>
        <a:xfrm flipV="1">
          <a:off x="4634865" y="5820592"/>
          <a:ext cx="0" cy="13585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53505</xdr:rowOff>
    </xdr:from>
    <xdr:ext cx="405111" cy="259045"/>
    <xdr:sp macro="" textlink="">
      <xdr:nvSpPr>
        <xdr:cNvPr id="59" name="【図書館】&#10;有形固定資産減価償却率最小値テキスト">
          <a:extLst>
            <a:ext uri="{FF2B5EF4-FFF2-40B4-BE49-F238E27FC236}">
              <a16:creationId xmlns:a16="http://schemas.microsoft.com/office/drawing/2014/main" id="{3A3ADA3C-A45B-4376-8C52-3369078330C7}"/>
            </a:ext>
          </a:extLst>
        </xdr:cNvPr>
        <xdr:cNvSpPr txBox="1"/>
      </xdr:nvSpPr>
      <xdr:spPr>
        <a:xfrm>
          <a:off x="4673600" y="71829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49678</xdr:rowOff>
    </xdr:from>
    <xdr:to>
      <xdr:col>24</xdr:col>
      <xdr:colOff>152400</xdr:colOff>
      <xdr:row>41</xdr:row>
      <xdr:rowOff>149678</xdr:rowOff>
    </xdr:to>
    <xdr:cxnSp macro="">
      <xdr:nvCxnSpPr>
        <xdr:cNvPr id="60" name="直線コネクタ 59">
          <a:extLst>
            <a:ext uri="{FF2B5EF4-FFF2-40B4-BE49-F238E27FC236}">
              <a16:creationId xmlns:a16="http://schemas.microsoft.com/office/drawing/2014/main" id="{56C670BF-76D4-4822-8C51-8A22119CFF25}"/>
            </a:ext>
          </a:extLst>
        </xdr:cNvPr>
        <xdr:cNvCxnSpPr/>
      </xdr:nvCxnSpPr>
      <xdr:spPr>
        <a:xfrm>
          <a:off x="4546600" y="7179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09419</xdr:rowOff>
    </xdr:from>
    <xdr:ext cx="340478" cy="259045"/>
    <xdr:sp macro="" textlink="">
      <xdr:nvSpPr>
        <xdr:cNvPr id="61" name="【図書館】&#10;有形固定資産減価償却率最大値テキスト">
          <a:extLst>
            <a:ext uri="{FF2B5EF4-FFF2-40B4-BE49-F238E27FC236}">
              <a16:creationId xmlns:a16="http://schemas.microsoft.com/office/drawing/2014/main" id="{7C33BDCA-D7BA-4901-AD00-9588C765167E}"/>
            </a:ext>
          </a:extLst>
        </xdr:cNvPr>
        <xdr:cNvSpPr txBox="1"/>
      </xdr:nvSpPr>
      <xdr:spPr>
        <a:xfrm>
          <a:off x="4673600" y="559581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62742</xdr:rowOff>
    </xdr:from>
    <xdr:to>
      <xdr:col>24</xdr:col>
      <xdr:colOff>152400</xdr:colOff>
      <xdr:row>33</xdr:row>
      <xdr:rowOff>162742</xdr:rowOff>
    </xdr:to>
    <xdr:cxnSp macro="">
      <xdr:nvCxnSpPr>
        <xdr:cNvPr id="62" name="直線コネクタ 61">
          <a:extLst>
            <a:ext uri="{FF2B5EF4-FFF2-40B4-BE49-F238E27FC236}">
              <a16:creationId xmlns:a16="http://schemas.microsoft.com/office/drawing/2014/main" id="{E17451DD-CC57-47A7-A9B3-EA82B55BA129}"/>
            </a:ext>
          </a:extLst>
        </xdr:cNvPr>
        <xdr:cNvCxnSpPr/>
      </xdr:nvCxnSpPr>
      <xdr:spPr>
        <a:xfrm>
          <a:off x="4546600" y="58205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32823</xdr:rowOff>
    </xdr:from>
    <xdr:ext cx="405111" cy="259045"/>
    <xdr:sp macro="" textlink="">
      <xdr:nvSpPr>
        <xdr:cNvPr id="63" name="【図書館】&#10;有形固定資産減価償却率平均値テキスト">
          <a:extLst>
            <a:ext uri="{FF2B5EF4-FFF2-40B4-BE49-F238E27FC236}">
              <a16:creationId xmlns:a16="http://schemas.microsoft.com/office/drawing/2014/main" id="{50ED4A86-EC2C-4BF5-8550-E80269C918D2}"/>
            </a:ext>
          </a:extLst>
        </xdr:cNvPr>
        <xdr:cNvSpPr txBox="1"/>
      </xdr:nvSpPr>
      <xdr:spPr>
        <a:xfrm>
          <a:off x="4673600" y="630502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54396</xdr:rowOff>
    </xdr:from>
    <xdr:to>
      <xdr:col>24</xdr:col>
      <xdr:colOff>114300</xdr:colOff>
      <xdr:row>37</xdr:row>
      <xdr:rowOff>84546</xdr:rowOff>
    </xdr:to>
    <xdr:sp macro="" textlink="">
      <xdr:nvSpPr>
        <xdr:cNvPr id="64" name="フローチャート: 判断 63">
          <a:extLst>
            <a:ext uri="{FF2B5EF4-FFF2-40B4-BE49-F238E27FC236}">
              <a16:creationId xmlns:a16="http://schemas.microsoft.com/office/drawing/2014/main" id="{282510E5-644B-4249-955E-5381C093F65D}"/>
            </a:ext>
          </a:extLst>
        </xdr:cNvPr>
        <xdr:cNvSpPr/>
      </xdr:nvSpPr>
      <xdr:spPr>
        <a:xfrm>
          <a:off x="4584700" y="6326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2337</xdr:rowOff>
    </xdr:from>
    <xdr:to>
      <xdr:col>20</xdr:col>
      <xdr:colOff>38100</xdr:colOff>
      <xdr:row>37</xdr:row>
      <xdr:rowOff>113937</xdr:rowOff>
    </xdr:to>
    <xdr:sp macro="" textlink="">
      <xdr:nvSpPr>
        <xdr:cNvPr id="65" name="フローチャート: 判断 64">
          <a:extLst>
            <a:ext uri="{FF2B5EF4-FFF2-40B4-BE49-F238E27FC236}">
              <a16:creationId xmlns:a16="http://schemas.microsoft.com/office/drawing/2014/main" id="{B6D1C874-0EA8-4FB3-ADBF-EBA5B4EE232C}"/>
            </a:ext>
          </a:extLst>
        </xdr:cNvPr>
        <xdr:cNvSpPr/>
      </xdr:nvSpPr>
      <xdr:spPr>
        <a:xfrm>
          <a:off x="3746500" y="6355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29903</xdr:rowOff>
    </xdr:from>
    <xdr:to>
      <xdr:col>15</xdr:col>
      <xdr:colOff>101600</xdr:colOff>
      <xdr:row>37</xdr:row>
      <xdr:rowOff>60053</xdr:rowOff>
    </xdr:to>
    <xdr:sp macro="" textlink="">
      <xdr:nvSpPr>
        <xdr:cNvPr id="66" name="フローチャート: 判断 65">
          <a:extLst>
            <a:ext uri="{FF2B5EF4-FFF2-40B4-BE49-F238E27FC236}">
              <a16:creationId xmlns:a16="http://schemas.microsoft.com/office/drawing/2014/main" id="{E6DB60EB-A781-431F-9B07-288D844CC1C6}"/>
            </a:ext>
          </a:extLst>
        </xdr:cNvPr>
        <xdr:cNvSpPr/>
      </xdr:nvSpPr>
      <xdr:spPr>
        <a:xfrm>
          <a:off x="2857500" y="6302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95613</xdr:rowOff>
    </xdr:from>
    <xdr:to>
      <xdr:col>10</xdr:col>
      <xdr:colOff>165100</xdr:colOff>
      <xdr:row>37</xdr:row>
      <xdr:rowOff>25763</xdr:rowOff>
    </xdr:to>
    <xdr:sp macro="" textlink="">
      <xdr:nvSpPr>
        <xdr:cNvPr id="67" name="フローチャート: 判断 66">
          <a:extLst>
            <a:ext uri="{FF2B5EF4-FFF2-40B4-BE49-F238E27FC236}">
              <a16:creationId xmlns:a16="http://schemas.microsoft.com/office/drawing/2014/main" id="{B2654213-FBF0-4988-823F-E3254C9B678C}"/>
            </a:ext>
          </a:extLst>
        </xdr:cNvPr>
        <xdr:cNvSpPr/>
      </xdr:nvSpPr>
      <xdr:spPr>
        <a:xfrm>
          <a:off x="1968500" y="6267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84183</xdr:rowOff>
    </xdr:from>
    <xdr:to>
      <xdr:col>6</xdr:col>
      <xdr:colOff>38100</xdr:colOff>
      <xdr:row>37</xdr:row>
      <xdr:rowOff>14333</xdr:rowOff>
    </xdr:to>
    <xdr:sp macro="" textlink="">
      <xdr:nvSpPr>
        <xdr:cNvPr id="68" name="フローチャート: 判断 67">
          <a:extLst>
            <a:ext uri="{FF2B5EF4-FFF2-40B4-BE49-F238E27FC236}">
              <a16:creationId xmlns:a16="http://schemas.microsoft.com/office/drawing/2014/main" id="{4175D71B-4918-471C-B126-168E2DAA3083}"/>
            </a:ext>
          </a:extLst>
        </xdr:cNvPr>
        <xdr:cNvSpPr/>
      </xdr:nvSpPr>
      <xdr:spPr>
        <a:xfrm>
          <a:off x="1079500" y="6256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B093DFAD-B746-450B-B2EA-FB9C66BDCCD7}"/>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D0AB2879-2477-483B-8FD5-2738BAC2FEDA}"/>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8C6C53BB-8CA6-47C0-A7EC-ED177D344460}"/>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7F55728B-93D9-437A-89F5-32051898AB49}"/>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F9CD79A7-1975-4AB2-9A24-204092DF8B85}"/>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84183</xdr:rowOff>
    </xdr:from>
    <xdr:to>
      <xdr:col>24</xdr:col>
      <xdr:colOff>114300</xdr:colOff>
      <xdr:row>37</xdr:row>
      <xdr:rowOff>14333</xdr:rowOff>
    </xdr:to>
    <xdr:sp macro="" textlink="">
      <xdr:nvSpPr>
        <xdr:cNvPr id="74" name="楕円 73">
          <a:extLst>
            <a:ext uri="{FF2B5EF4-FFF2-40B4-BE49-F238E27FC236}">
              <a16:creationId xmlns:a16="http://schemas.microsoft.com/office/drawing/2014/main" id="{1FF8D43E-CB62-46C7-979B-3DFF449A7959}"/>
            </a:ext>
          </a:extLst>
        </xdr:cNvPr>
        <xdr:cNvSpPr/>
      </xdr:nvSpPr>
      <xdr:spPr>
        <a:xfrm>
          <a:off x="4584700" y="6256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107060</xdr:rowOff>
    </xdr:from>
    <xdr:ext cx="405111" cy="259045"/>
    <xdr:sp macro="" textlink="">
      <xdr:nvSpPr>
        <xdr:cNvPr id="75" name="【図書館】&#10;有形固定資産減価償却率該当値テキスト">
          <a:extLst>
            <a:ext uri="{FF2B5EF4-FFF2-40B4-BE49-F238E27FC236}">
              <a16:creationId xmlns:a16="http://schemas.microsoft.com/office/drawing/2014/main" id="{C51890CC-F78C-4351-97CB-0E3D7710F110}"/>
            </a:ext>
          </a:extLst>
        </xdr:cNvPr>
        <xdr:cNvSpPr txBox="1"/>
      </xdr:nvSpPr>
      <xdr:spPr>
        <a:xfrm>
          <a:off x="4673600" y="61078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48260</xdr:rowOff>
    </xdr:from>
    <xdr:to>
      <xdr:col>20</xdr:col>
      <xdr:colOff>38100</xdr:colOff>
      <xdr:row>36</xdr:row>
      <xdr:rowOff>149860</xdr:rowOff>
    </xdr:to>
    <xdr:sp macro="" textlink="">
      <xdr:nvSpPr>
        <xdr:cNvPr id="76" name="楕円 75">
          <a:extLst>
            <a:ext uri="{FF2B5EF4-FFF2-40B4-BE49-F238E27FC236}">
              <a16:creationId xmlns:a16="http://schemas.microsoft.com/office/drawing/2014/main" id="{BEACE36A-F4A4-419F-ABC9-4A021D779557}"/>
            </a:ext>
          </a:extLst>
        </xdr:cNvPr>
        <xdr:cNvSpPr/>
      </xdr:nvSpPr>
      <xdr:spPr>
        <a:xfrm>
          <a:off x="3746500" y="6220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99060</xdr:rowOff>
    </xdr:from>
    <xdr:to>
      <xdr:col>24</xdr:col>
      <xdr:colOff>63500</xdr:colOff>
      <xdr:row>36</xdr:row>
      <xdr:rowOff>134983</xdr:rowOff>
    </xdr:to>
    <xdr:cxnSp macro="">
      <xdr:nvCxnSpPr>
        <xdr:cNvPr id="77" name="直線コネクタ 76">
          <a:extLst>
            <a:ext uri="{FF2B5EF4-FFF2-40B4-BE49-F238E27FC236}">
              <a16:creationId xmlns:a16="http://schemas.microsoft.com/office/drawing/2014/main" id="{05408B33-DB70-48C0-BB44-9E78C66E96D7}"/>
            </a:ext>
          </a:extLst>
        </xdr:cNvPr>
        <xdr:cNvCxnSpPr/>
      </xdr:nvCxnSpPr>
      <xdr:spPr>
        <a:xfrm>
          <a:off x="3797300" y="6271260"/>
          <a:ext cx="8382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2337</xdr:rowOff>
    </xdr:from>
    <xdr:to>
      <xdr:col>15</xdr:col>
      <xdr:colOff>101600</xdr:colOff>
      <xdr:row>36</xdr:row>
      <xdr:rowOff>113937</xdr:rowOff>
    </xdr:to>
    <xdr:sp macro="" textlink="">
      <xdr:nvSpPr>
        <xdr:cNvPr id="78" name="楕円 77">
          <a:extLst>
            <a:ext uri="{FF2B5EF4-FFF2-40B4-BE49-F238E27FC236}">
              <a16:creationId xmlns:a16="http://schemas.microsoft.com/office/drawing/2014/main" id="{5F3AE5AA-9E74-4DA3-8775-CECC50C39E19}"/>
            </a:ext>
          </a:extLst>
        </xdr:cNvPr>
        <xdr:cNvSpPr/>
      </xdr:nvSpPr>
      <xdr:spPr>
        <a:xfrm>
          <a:off x="2857500" y="6184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63137</xdr:rowOff>
    </xdr:from>
    <xdr:to>
      <xdr:col>19</xdr:col>
      <xdr:colOff>177800</xdr:colOff>
      <xdr:row>36</xdr:row>
      <xdr:rowOff>99060</xdr:rowOff>
    </xdr:to>
    <xdr:cxnSp macro="">
      <xdr:nvCxnSpPr>
        <xdr:cNvPr id="79" name="直線コネクタ 78">
          <a:extLst>
            <a:ext uri="{FF2B5EF4-FFF2-40B4-BE49-F238E27FC236}">
              <a16:creationId xmlns:a16="http://schemas.microsoft.com/office/drawing/2014/main" id="{18816954-44F6-4CBC-BB05-C9C13A781C88}"/>
            </a:ext>
          </a:extLst>
        </xdr:cNvPr>
        <xdr:cNvCxnSpPr/>
      </xdr:nvCxnSpPr>
      <xdr:spPr>
        <a:xfrm>
          <a:off x="2908300" y="6235337"/>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47864</xdr:rowOff>
    </xdr:from>
    <xdr:to>
      <xdr:col>10</xdr:col>
      <xdr:colOff>165100</xdr:colOff>
      <xdr:row>36</xdr:row>
      <xdr:rowOff>78014</xdr:rowOff>
    </xdr:to>
    <xdr:sp macro="" textlink="">
      <xdr:nvSpPr>
        <xdr:cNvPr id="80" name="楕円 79">
          <a:extLst>
            <a:ext uri="{FF2B5EF4-FFF2-40B4-BE49-F238E27FC236}">
              <a16:creationId xmlns:a16="http://schemas.microsoft.com/office/drawing/2014/main" id="{41D9E30D-49DF-4AC9-8319-C9F94625BB8D}"/>
            </a:ext>
          </a:extLst>
        </xdr:cNvPr>
        <xdr:cNvSpPr/>
      </xdr:nvSpPr>
      <xdr:spPr>
        <a:xfrm>
          <a:off x="1968500" y="6148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27214</xdr:rowOff>
    </xdr:from>
    <xdr:to>
      <xdr:col>15</xdr:col>
      <xdr:colOff>50800</xdr:colOff>
      <xdr:row>36</xdr:row>
      <xdr:rowOff>63137</xdr:rowOff>
    </xdr:to>
    <xdr:cxnSp macro="">
      <xdr:nvCxnSpPr>
        <xdr:cNvPr id="81" name="直線コネクタ 80">
          <a:extLst>
            <a:ext uri="{FF2B5EF4-FFF2-40B4-BE49-F238E27FC236}">
              <a16:creationId xmlns:a16="http://schemas.microsoft.com/office/drawing/2014/main" id="{05F6A29B-D3FB-4700-B8C7-ABC70477A851}"/>
            </a:ext>
          </a:extLst>
        </xdr:cNvPr>
        <xdr:cNvCxnSpPr/>
      </xdr:nvCxnSpPr>
      <xdr:spPr>
        <a:xfrm>
          <a:off x="2019300" y="6199414"/>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5</xdr:row>
      <xdr:rowOff>111942</xdr:rowOff>
    </xdr:from>
    <xdr:to>
      <xdr:col>6</xdr:col>
      <xdr:colOff>38100</xdr:colOff>
      <xdr:row>36</xdr:row>
      <xdr:rowOff>42092</xdr:rowOff>
    </xdr:to>
    <xdr:sp macro="" textlink="">
      <xdr:nvSpPr>
        <xdr:cNvPr id="82" name="楕円 81">
          <a:extLst>
            <a:ext uri="{FF2B5EF4-FFF2-40B4-BE49-F238E27FC236}">
              <a16:creationId xmlns:a16="http://schemas.microsoft.com/office/drawing/2014/main" id="{260D08B5-6680-4C99-B41A-90FFA63DB3FC}"/>
            </a:ext>
          </a:extLst>
        </xdr:cNvPr>
        <xdr:cNvSpPr/>
      </xdr:nvSpPr>
      <xdr:spPr>
        <a:xfrm>
          <a:off x="1079500" y="6112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5</xdr:row>
      <xdr:rowOff>162742</xdr:rowOff>
    </xdr:from>
    <xdr:to>
      <xdr:col>10</xdr:col>
      <xdr:colOff>114300</xdr:colOff>
      <xdr:row>36</xdr:row>
      <xdr:rowOff>27214</xdr:rowOff>
    </xdr:to>
    <xdr:cxnSp macro="">
      <xdr:nvCxnSpPr>
        <xdr:cNvPr id="83" name="直線コネクタ 82">
          <a:extLst>
            <a:ext uri="{FF2B5EF4-FFF2-40B4-BE49-F238E27FC236}">
              <a16:creationId xmlns:a16="http://schemas.microsoft.com/office/drawing/2014/main" id="{120793A4-0FDE-421F-80BA-288C3E213100}"/>
            </a:ext>
          </a:extLst>
        </xdr:cNvPr>
        <xdr:cNvCxnSpPr/>
      </xdr:nvCxnSpPr>
      <xdr:spPr>
        <a:xfrm>
          <a:off x="1130300" y="6163492"/>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05064</xdr:rowOff>
    </xdr:from>
    <xdr:ext cx="405111" cy="259045"/>
    <xdr:sp macro="" textlink="">
      <xdr:nvSpPr>
        <xdr:cNvPr id="84" name="n_1aveValue【図書館】&#10;有形固定資産減価償却率">
          <a:extLst>
            <a:ext uri="{FF2B5EF4-FFF2-40B4-BE49-F238E27FC236}">
              <a16:creationId xmlns:a16="http://schemas.microsoft.com/office/drawing/2014/main" id="{90885101-E764-4178-A105-1DBBCBE06E1B}"/>
            </a:ext>
          </a:extLst>
        </xdr:cNvPr>
        <xdr:cNvSpPr txBox="1"/>
      </xdr:nvSpPr>
      <xdr:spPr>
        <a:xfrm>
          <a:off x="3582044" y="64487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51180</xdr:rowOff>
    </xdr:from>
    <xdr:ext cx="405111" cy="259045"/>
    <xdr:sp macro="" textlink="">
      <xdr:nvSpPr>
        <xdr:cNvPr id="85" name="n_2aveValue【図書館】&#10;有形固定資産減価償却率">
          <a:extLst>
            <a:ext uri="{FF2B5EF4-FFF2-40B4-BE49-F238E27FC236}">
              <a16:creationId xmlns:a16="http://schemas.microsoft.com/office/drawing/2014/main" id="{916E9D80-1633-4BF2-A8F9-D6523796D877}"/>
            </a:ext>
          </a:extLst>
        </xdr:cNvPr>
        <xdr:cNvSpPr txBox="1"/>
      </xdr:nvSpPr>
      <xdr:spPr>
        <a:xfrm>
          <a:off x="2705744" y="63948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6890</xdr:rowOff>
    </xdr:from>
    <xdr:ext cx="405111" cy="259045"/>
    <xdr:sp macro="" textlink="">
      <xdr:nvSpPr>
        <xdr:cNvPr id="86" name="n_3aveValue【図書館】&#10;有形固定資産減価償却率">
          <a:extLst>
            <a:ext uri="{FF2B5EF4-FFF2-40B4-BE49-F238E27FC236}">
              <a16:creationId xmlns:a16="http://schemas.microsoft.com/office/drawing/2014/main" id="{950C9D47-5C12-46A6-8F0F-96535A227C5B}"/>
            </a:ext>
          </a:extLst>
        </xdr:cNvPr>
        <xdr:cNvSpPr txBox="1"/>
      </xdr:nvSpPr>
      <xdr:spPr>
        <a:xfrm>
          <a:off x="1816744" y="63605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5460</xdr:rowOff>
    </xdr:from>
    <xdr:ext cx="405111" cy="259045"/>
    <xdr:sp macro="" textlink="">
      <xdr:nvSpPr>
        <xdr:cNvPr id="87" name="n_4aveValue【図書館】&#10;有形固定資産減価償却率">
          <a:extLst>
            <a:ext uri="{FF2B5EF4-FFF2-40B4-BE49-F238E27FC236}">
              <a16:creationId xmlns:a16="http://schemas.microsoft.com/office/drawing/2014/main" id="{2114D23A-A587-48A0-BD8A-F1DFB7D5680F}"/>
            </a:ext>
          </a:extLst>
        </xdr:cNvPr>
        <xdr:cNvSpPr txBox="1"/>
      </xdr:nvSpPr>
      <xdr:spPr>
        <a:xfrm>
          <a:off x="927744" y="63491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166387</xdr:rowOff>
    </xdr:from>
    <xdr:ext cx="405111" cy="259045"/>
    <xdr:sp macro="" textlink="">
      <xdr:nvSpPr>
        <xdr:cNvPr id="88" name="n_1mainValue【図書館】&#10;有形固定資産減価償却率">
          <a:extLst>
            <a:ext uri="{FF2B5EF4-FFF2-40B4-BE49-F238E27FC236}">
              <a16:creationId xmlns:a16="http://schemas.microsoft.com/office/drawing/2014/main" id="{BC445E04-A1AA-486B-9F37-3E62D09BC405}"/>
            </a:ext>
          </a:extLst>
        </xdr:cNvPr>
        <xdr:cNvSpPr txBox="1"/>
      </xdr:nvSpPr>
      <xdr:spPr>
        <a:xfrm>
          <a:off x="3582044" y="5995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130464</xdr:rowOff>
    </xdr:from>
    <xdr:ext cx="405111" cy="259045"/>
    <xdr:sp macro="" textlink="">
      <xdr:nvSpPr>
        <xdr:cNvPr id="89" name="n_2mainValue【図書館】&#10;有形固定資産減価償却率">
          <a:extLst>
            <a:ext uri="{FF2B5EF4-FFF2-40B4-BE49-F238E27FC236}">
              <a16:creationId xmlns:a16="http://schemas.microsoft.com/office/drawing/2014/main" id="{E938597A-5F88-4554-A20A-8D1232D6E1F4}"/>
            </a:ext>
          </a:extLst>
        </xdr:cNvPr>
        <xdr:cNvSpPr txBox="1"/>
      </xdr:nvSpPr>
      <xdr:spPr>
        <a:xfrm>
          <a:off x="2705744" y="59597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94541</xdr:rowOff>
    </xdr:from>
    <xdr:ext cx="405111" cy="259045"/>
    <xdr:sp macro="" textlink="">
      <xdr:nvSpPr>
        <xdr:cNvPr id="90" name="n_3mainValue【図書館】&#10;有形固定資産減価償却率">
          <a:extLst>
            <a:ext uri="{FF2B5EF4-FFF2-40B4-BE49-F238E27FC236}">
              <a16:creationId xmlns:a16="http://schemas.microsoft.com/office/drawing/2014/main" id="{020F74C9-0373-42BE-A94F-A461D2176C25}"/>
            </a:ext>
          </a:extLst>
        </xdr:cNvPr>
        <xdr:cNvSpPr txBox="1"/>
      </xdr:nvSpPr>
      <xdr:spPr>
        <a:xfrm>
          <a:off x="1816744" y="59238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58619</xdr:rowOff>
    </xdr:from>
    <xdr:ext cx="405111" cy="259045"/>
    <xdr:sp macro="" textlink="">
      <xdr:nvSpPr>
        <xdr:cNvPr id="91" name="n_4mainValue【図書館】&#10;有形固定資産減価償却率">
          <a:extLst>
            <a:ext uri="{FF2B5EF4-FFF2-40B4-BE49-F238E27FC236}">
              <a16:creationId xmlns:a16="http://schemas.microsoft.com/office/drawing/2014/main" id="{CDA1CA15-5D97-4FD7-8C27-A47CEB0868F0}"/>
            </a:ext>
          </a:extLst>
        </xdr:cNvPr>
        <xdr:cNvSpPr txBox="1"/>
      </xdr:nvSpPr>
      <xdr:spPr>
        <a:xfrm>
          <a:off x="927744" y="58879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424C01FF-9131-49F4-BEF1-E3F7AC74CED5}"/>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9882730C-EDAF-4D6D-8971-7115B34784A7}"/>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D6A38321-CA2D-4A94-9B8E-5C2434DF9F31}"/>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58DE9F4E-E3ED-481D-BDDC-0D77D820A54E}"/>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9209070F-A700-4E5B-A946-EF39CA07185C}"/>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C5C9B6CF-4DEA-4EC7-A26F-BA414684B143}"/>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7DFE2D42-D37E-4B5E-A410-449EDFA70416}"/>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6B929B2F-3F87-4E0B-BEFC-C34F2C17313F}"/>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id="{F0605C76-BBDF-4318-B8E4-D5E6408E6EA7}"/>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845FEB77-A07E-4A79-A979-3A28AFD1507D}"/>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2" name="直線コネクタ 101">
          <a:extLst>
            <a:ext uri="{FF2B5EF4-FFF2-40B4-BE49-F238E27FC236}">
              <a16:creationId xmlns:a16="http://schemas.microsoft.com/office/drawing/2014/main" id="{E3183FFA-C081-45CA-866A-C69B0913C6FE}"/>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3" name="テキスト ボックス 102">
          <a:extLst>
            <a:ext uri="{FF2B5EF4-FFF2-40B4-BE49-F238E27FC236}">
              <a16:creationId xmlns:a16="http://schemas.microsoft.com/office/drawing/2014/main" id="{9C288BD5-C063-4215-A278-C30EEC635DFF}"/>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4" name="直線コネクタ 103">
          <a:extLst>
            <a:ext uri="{FF2B5EF4-FFF2-40B4-BE49-F238E27FC236}">
              <a16:creationId xmlns:a16="http://schemas.microsoft.com/office/drawing/2014/main" id="{61C98B62-E60B-4FDD-A87C-54256CCAA217}"/>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5" name="テキスト ボックス 104">
          <a:extLst>
            <a:ext uri="{FF2B5EF4-FFF2-40B4-BE49-F238E27FC236}">
              <a16:creationId xmlns:a16="http://schemas.microsoft.com/office/drawing/2014/main" id="{B0249FC8-9283-46D7-B5A1-E944C485E8EB}"/>
            </a:ext>
          </a:extLst>
        </xdr:cNvPr>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6" name="直線コネクタ 105">
          <a:extLst>
            <a:ext uri="{FF2B5EF4-FFF2-40B4-BE49-F238E27FC236}">
              <a16:creationId xmlns:a16="http://schemas.microsoft.com/office/drawing/2014/main" id="{CCCD72FE-11B8-4B6F-8E62-8328F875AFCB}"/>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7" name="テキスト ボックス 106">
          <a:extLst>
            <a:ext uri="{FF2B5EF4-FFF2-40B4-BE49-F238E27FC236}">
              <a16:creationId xmlns:a16="http://schemas.microsoft.com/office/drawing/2014/main" id="{084B61AC-F6E1-4405-A298-0B3217D1B750}"/>
            </a:ext>
          </a:extLst>
        </xdr:cNvPr>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8" name="直線コネクタ 107">
          <a:extLst>
            <a:ext uri="{FF2B5EF4-FFF2-40B4-BE49-F238E27FC236}">
              <a16:creationId xmlns:a16="http://schemas.microsoft.com/office/drawing/2014/main" id="{CA5AEEC5-FA1D-465E-92B9-D01414F68ECC}"/>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9" name="テキスト ボックス 108">
          <a:extLst>
            <a:ext uri="{FF2B5EF4-FFF2-40B4-BE49-F238E27FC236}">
              <a16:creationId xmlns:a16="http://schemas.microsoft.com/office/drawing/2014/main" id="{CFA0639B-F00D-4583-B0EA-6CB885F461B3}"/>
            </a:ext>
          </a:extLst>
        </xdr:cNvPr>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a:extLst>
            <a:ext uri="{FF2B5EF4-FFF2-40B4-BE49-F238E27FC236}">
              <a16:creationId xmlns:a16="http://schemas.microsoft.com/office/drawing/2014/main" id="{D1712372-0EE5-41A9-8938-D43BFCD07371}"/>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1" name="テキスト ボックス 110">
          <a:extLst>
            <a:ext uri="{FF2B5EF4-FFF2-40B4-BE49-F238E27FC236}">
              <a16:creationId xmlns:a16="http://schemas.microsoft.com/office/drawing/2014/main" id="{AE10E044-E29A-4A5D-8E85-EAC0E1AFD886}"/>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図書館】&#10;一人当たり面積グラフ枠">
          <a:extLst>
            <a:ext uri="{FF2B5EF4-FFF2-40B4-BE49-F238E27FC236}">
              <a16:creationId xmlns:a16="http://schemas.microsoft.com/office/drawing/2014/main" id="{136FFC6E-8CA3-4B9A-9A77-43A684051047}"/>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5</xdr:row>
      <xdr:rowOff>23622</xdr:rowOff>
    </xdr:from>
    <xdr:to>
      <xdr:col>54</xdr:col>
      <xdr:colOff>189865</xdr:colOff>
      <xdr:row>40</xdr:row>
      <xdr:rowOff>158496</xdr:rowOff>
    </xdr:to>
    <xdr:cxnSp macro="">
      <xdr:nvCxnSpPr>
        <xdr:cNvPr id="113" name="直線コネクタ 112">
          <a:extLst>
            <a:ext uri="{FF2B5EF4-FFF2-40B4-BE49-F238E27FC236}">
              <a16:creationId xmlns:a16="http://schemas.microsoft.com/office/drawing/2014/main" id="{EE110434-606B-4DBE-8F2C-883E97665BD0}"/>
            </a:ext>
          </a:extLst>
        </xdr:cNvPr>
        <xdr:cNvCxnSpPr/>
      </xdr:nvCxnSpPr>
      <xdr:spPr>
        <a:xfrm flipV="1">
          <a:off x="10476865" y="6024372"/>
          <a:ext cx="0" cy="9921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62323</xdr:rowOff>
    </xdr:from>
    <xdr:ext cx="469744" cy="259045"/>
    <xdr:sp macro="" textlink="">
      <xdr:nvSpPr>
        <xdr:cNvPr id="114" name="【図書館】&#10;一人当たり面積最小値テキスト">
          <a:extLst>
            <a:ext uri="{FF2B5EF4-FFF2-40B4-BE49-F238E27FC236}">
              <a16:creationId xmlns:a16="http://schemas.microsoft.com/office/drawing/2014/main" id="{AD0A7874-D4BA-499E-A6A9-CB30327F842B}"/>
            </a:ext>
          </a:extLst>
        </xdr:cNvPr>
        <xdr:cNvSpPr txBox="1"/>
      </xdr:nvSpPr>
      <xdr:spPr>
        <a:xfrm>
          <a:off x="10515600" y="7020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158496</xdr:rowOff>
    </xdr:from>
    <xdr:to>
      <xdr:col>55</xdr:col>
      <xdr:colOff>88900</xdr:colOff>
      <xdr:row>40</xdr:row>
      <xdr:rowOff>158496</xdr:rowOff>
    </xdr:to>
    <xdr:cxnSp macro="">
      <xdr:nvCxnSpPr>
        <xdr:cNvPr id="115" name="直線コネクタ 114">
          <a:extLst>
            <a:ext uri="{FF2B5EF4-FFF2-40B4-BE49-F238E27FC236}">
              <a16:creationId xmlns:a16="http://schemas.microsoft.com/office/drawing/2014/main" id="{4FF65A36-2C4B-4420-8A63-B5E117A73596}"/>
            </a:ext>
          </a:extLst>
        </xdr:cNvPr>
        <xdr:cNvCxnSpPr/>
      </xdr:nvCxnSpPr>
      <xdr:spPr>
        <a:xfrm>
          <a:off x="10388600" y="7016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141749</xdr:rowOff>
    </xdr:from>
    <xdr:ext cx="469744" cy="259045"/>
    <xdr:sp macro="" textlink="">
      <xdr:nvSpPr>
        <xdr:cNvPr id="116" name="【図書館】&#10;一人当たり面積最大値テキスト">
          <a:extLst>
            <a:ext uri="{FF2B5EF4-FFF2-40B4-BE49-F238E27FC236}">
              <a16:creationId xmlns:a16="http://schemas.microsoft.com/office/drawing/2014/main" id="{6D6D1DA4-C0D7-4411-9E3E-8EF11A88BBD7}"/>
            </a:ext>
          </a:extLst>
        </xdr:cNvPr>
        <xdr:cNvSpPr txBox="1"/>
      </xdr:nvSpPr>
      <xdr:spPr>
        <a:xfrm>
          <a:off x="10515600" y="57995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23622</xdr:rowOff>
    </xdr:from>
    <xdr:to>
      <xdr:col>55</xdr:col>
      <xdr:colOff>88900</xdr:colOff>
      <xdr:row>35</xdr:row>
      <xdr:rowOff>23622</xdr:rowOff>
    </xdr:to>
    <xdr:cxnSp macro="">
      <xdr:nvCxnSpPr>
        <xdr:cNvPr id="117" name="直線コネクタ 116">
          <a:extLst>
            <a:ext uri="{FF2B5EF4-FFF2-40B4-BE49-F238E27FC236}">
              <a16:creationId xmlns:a16="http://schemas.microsoft.com/office/drawing/2014/main" id="{6367F130-AFB8-44FE-9D3C-292388428DE6}"/>
            </a:ext>
          </a:extLst>
        </xdr:cNvPr>
        <xdr:cNvCxnSpPr/>
      </xdr:nvCxnSpPr>
      <xdr:spPr>
        <a:xfrm>
          <a:off x="10388600" y="6024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158005</xdr:rowOff>
    </xdr:from>
    <xdr:ext cx="469744" cy="259045"/>
    <xdr:sp macro="" textlink="">
      <xdr:nvSpPr>
        <xdr:cNvPr id="118" name="【図書館】&#10;一人当たり面積平均値テキスト">
          <a:extLst>
            <a:ext uri="{FF2B5EF4-FFF2-40B4-BE49-F238E27FC236}">
              <a16:creationId xmlns:a16="http://schemas.microsoft.com/office/drawing/2014/main" id="{32CDDD41-AB2C-43D1-A187-94234F2EFE1C}"/>
            </a:ext>
          </a:extLst>
        </xdr:cNvPr>
        <xdr:cNvSpPr txBox="1"/>
      </xdr:nvSpPr>
      <xdr:spPr>
        <a:xfrm>
          <a:off x="10515600" y="650165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35128</xdr:rowOff>
    </xdr:from>
    <xdr:to>
      <xdr:col>55</xdr:col>
      <xdr:colOff>50800</xdr:colOff>
      <xdr:row>39</xdr:row>
      <xdr:rowOff>65278</xdr:rowOff>
    </xdr:to>
    <xdr:sp macro="" textlink="">
      <xdr:nvSpPr>
        <xdr:cNvPr id="119" name="フローチャート: 判断 118">
          <a:extLst>
            <a:ext uri="{FF2B5EF4-FFF2-40B4-BE49-F238E27FC236}">
              <a16:creationId xmlns:a16="http://schemas.microsoft.com/office/drawing/2014/main" id="{CD42F3FB-DF0E-456C-92BD-9965A1CC0511}"/>
            </a:ext>
          </a:extLst>
        </xdr:cNvPr>
        <xdr:cNvSpPr/>
      </xdr:nvSpPr>
      <xdr:spPr>
        <a:xfrm>
          <a:off x="10426700" y="665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148844</xdr:rowOff>
    </xdr:from>
    <xdr:to>
      <xdr:col>50</xdr:col>
      <xdr:colOff>165100</xdr:colOff>
      <xdr:row>39</xdr:row>
      <xdr:rowOff>78994</xdr:rowOff>
    </xdr:to>
    <xdr:sp macro="" textlink="">
      <xdr:nvSpPr>
        <xdr:cNvPr id="120" name="フローチャート: 判断 119">
          <a:extLst>
            <a:ext uri="{FF2B5EF4-FFF2-40B4-BE49-F238E27FC236}">
              <a16:creationId xmlns:a16="http://schemas.microsoft.com/office/drawing/2014/main" id="{E48165F9-E172-41F5-8AD0-76AC0BEF4958}"/>
            </a:ext>
          </a:extLst>
        </xdr:cNvPr>
        <xdr:cNvSpPr/>
      </xdr:nvSpPr>
      <xdr:spPr>
        <a:xfrm>
          <a:off x="9588500" y="6663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139700</xdr:rowOff>
    </xdr:from>
    <xdr:to>
      <xdr:col>46</xdr:col>
      <xdr:colOff>38100</xdr:colOff>
      <xdr:row>39</xdr:row>
      <xdr:rowOff>69850</xdr:rowOff>
    </xdr:to>
    <xdr:sp macro="" textlink="">
      <xdr:nvSpPr>
        <xdr:cNvPr id="121" name="フローチャート: 判断 120">
          <a:extLst>
            <a:ext uri="{FF2B5EF4-FFF2-40B4-BE49-F238E27FC236}">
              <a16:creationId xmlns:a16="http://schemas.microsoft.com/office/drawing/2014/main" id="{B6B6D09F-5A78-4CEC-907C-50C98E5F7283}"/>
            </a:ext>
          </a:extLst>
        </xdr:cNvPr>
        <xdr:cNvSpPr/>
      </xdr:nvSpPr>
      <xdr:spPr>
        <a:xfrm>
          <a:off x="8699500" y="665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80264</xdr:rowOff>
    </xdr:from>
    <xdr:to>
      <xdr:col>41</xdr:col>
      <xdr:colOff>101600</xdr:colOff>
      <xdr:row>39</xdr:row>
      <xdr:rowOff>10414</xdr:rowOff>
    </xdr:to>
    <xdr:sp macro="" textlink="">
      <xdr:nvSpPr>
        <xdr:cNvPr id="122" name="フローチャート: 判断 121">
          <a:extLst>
            <a:ext uri="{FF2B5EF4-FFF2-40B4-BE49-F238E27FC236}">
              <a16:creationId xmlns:a16="http://schemas.microsoft.com/office/drawing/2014/main" id="{5B372EA8-24C9-473B-AF38-54C2ACED9467}"/>
            </a:ext>
          </a:extLst>
        </xdr:cNvPr>
        <xdr:cNvSpPr/>
      </xdr:nvSpPr>
      <xdr:spPr>
        <a:xfrm>
          <a:off x="7810500" y="6595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8</xdr:row>
      <xdr:rowOff>80264</xdr:rowOff>
    </xdr:from>
    <xdr:to>
      <xdr:col>36</xdr:col>
      <xdr:colOff>165100</xdr:colOff>
      <xdr:row>39</xdr:row>
      <xdr:rowOff>10414</xdr:rowOff>
    </xdr:to>
    <xdr:sp macro="" textlink="">
      <xdr:nvSpPr>
        <xdr:cNvPr id="123" name="フローチャート: 判断 122">
          <a:extLst>
            <a:ext uri="{FF2B5EF4-FFF2-40B4-BE49-F238E27FC236}">
              <a16:creationId xmlns:a16="http://schemas.microsoft.com/office/drawing/2014/main" id="{C9A9A6E8-B1A3-4D31-B98A-3CCA6B84D9AB}"/>
            </a:ext>
          </a:extLst>
        </xdr:cNvPr>
        <xdr:cNvSpPr/>
      </xdr:nvSpPr>
      <xdr:spPr>
        <a:xfrm>
          <a:off x="6921500" y="6595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8E178B82-0B90-483F-BC78-5ED2DFDA5A09}"/>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E823A509-08C7-4FC8-80B7-09F6EFDCEAEB}"/>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C71B0116-D77C-4A16-A319-5C591F226457}"/>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16A5DA1A-AB26-4C7F-8D89-AC5A0E7EEA60}"/>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896894C4-5A6A-486B-A043-E7D1DD9353CD}"/>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96266</xdr:rowOff>
    </xdr:from>
    <xdr:to>
      <xdr:col>55</xdr:col>
      <xdr:colOff>50800</xdr:colOff>
      <xdr:row>40</xdr:row>
      <xdr:rowOff>26416</xdr:rowOff>
    </xdr:to>
    <xdr:sp macro="" textlink="">
      <xdr:nvSpPr>
        <xdr:cNvPr id="129" name="楕円 128">
          <a:extLst>
            <a:ext uri="{FF2B5EF4-FFF2-40B4-BE49-F238E27FC236}">
              <a16:creationId xmlns:a16="http://schemas.microsoft.com/office/drawing/2014/main" id="{F75C7072-53AD-46BD-A8D4-F0D297495B5A}"/>
            </a:ext>
          </a:extLst>
        </xdr:cNvPr>
        <xdr:cNvSpPr/>
      </xdr:nvSpPr>
      <xdr:spPr>
        <a:xfrm>
          <a:off x="10426700" y="6782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74693</xdr:rowOff>
    </xdr:from>
    <xdr:ext cx="469744" cy="259045"/>
    <xdr:sp macro="" textlink="">
      <xdr:nvSpPr>
        <xdr:cNvPr id="130" name="【図書館】&#10;一人当たり面積該当値テキスト">
          <a:extLst>
            <a:ext uri="{FF2B5EF4-FFF2-40B4-BE49-F238E27FC236}">
              <a16:creationId xmlns:a16="http://schemas.microsoft.com/office/drawing/2014/main" id="{8505A234-D840-472F-AE81-4B13B38575B5}"/>
            </a:ext>
          </a:extLst>
        </xdr:cNvPr>
        <xdr:cNvSpPr txBox="1"/>
      </xdr:nvSpPr>
      <xdr:spPr>
        <a:xfrm>
          <a:off x="10515600" y="67612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100838</xdr:rowOff>
    </xdr:from>
    <xdr:to>
      <xdr:col>50</xdr:col>
      <xdr:colOff>165100</xdr:colOff>
      <xdr:row>40</xdr:row>
      <xdr:rowOff>30988</xdr:rowOff>
    </xdr:to>
    <xdr:sp macro="" textlink="">
      <xdr:nvSpPr>
        <xdr:cNvPr id="131" name="楕円 130">
          <a:extLst>
            <a:ext uri="{FF2B5EF4-FFF2-40B4-BE49-F238E27FC236}">
              <a16:creationId xmlns:a16="http://schemas.microsoft.com/office/drawing/2014/main" id="{B9E28A31-8440-4905-AF90-10FC254E17D9}"/>
            </a:ext>
          </a:extLst>
        </xdr:cNvPr>
        <xdr:cNvSpPr/>
      </xdr:nvSpPr>
      <xdr:spPr>
        <a:xfrm>
          <a:off x="9588500" y="6787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9</xdr:row>
      <xdr:rowOff>147066</xdr:rowOff>
    </xdr:from>
    <xdr:to>
      <xdr:col>55</xdr:col>
      <xdr:colOff>0</xdr:colOff>
      <xdr:row>39</xdr:row>
      <xdr:rowOff>151638</xdr:rowOff>
    </xdr:to>
    <xdr:cxnSp macro="">
      <xdr:nvCxnSpPr>
        <xdr:cNvPr id="132" name="直線コネクタ 131">
          <a:extLst>
            <a:ext uri="{FF2B5EF4-FFF2-40B4-BE49-F238E27FC236}">
              <a16:creationId xmlns:a16="http://schemas.microsoft.com/office/drawing/2014/main" id="{BE163188-4D35-4622-B834-29A728F41DDA}"/>
            </a:ext>
          </a:extLst>
        </xdr:cNvPr>
        <xdr:cNvCxnSpPr/>
      </xdr:nvCxnSpPr>
      <xdr:spPr>
        <a:xfrm flipV="1">
          <a:off x="9639300" y="6833616"/>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9</xdr:row>
      <xdr:rowOff>105410</xdr:rowOff>
    </xdr:from>
    <xdr:to>
      <xdr:col>46</xdr:col>
      <xdr:colOff>38100</xdr:colOff>
      <xdr:row>40</xdr:row>
      <xdr:rowOff>35560</xdr:rowOff>
    </xdr:to>
    <xdr:sp macro="" textlink="">
      <xdr:nvSpPr>
        <xdr:cNvPr id="133" name="楕円 132">
          <a:extLst>
            <a:ext uri="{FF2B5EF4-FFF2-40B4-BE49-F238E27FC236}">
              <a16:creationId xmlns:a16="http://schemas.microsoft.com/office/drawing/2014/main" id="{385D4F23-5096-4837-BA7F-035D30BD3586}"/>
            </a:ext>
          </a:extLst>
        </xdr:cNvPr>
        <xdr:cNvSpPr/>
      </xdr:nvSpPr>
      <xdr:spPr>
        <a:xfrm>
          <a:off x="8699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151638</xdr:rowOff>
    </xdr:from>
    <xdr:to>
      <xdr:col>50</xdr:col>
      <xdr:colOff>114300</xdr:colOff>
      <xdr:row>39</xdr:row>
      <xdr:rowOff>156210</xdr:rowOff>
    </xdr:to>
    <xdr:cxnSp macro="">
      <xdr:nvCxnSpPr>
        <xdr:cNvPr id="134" name="直線コネクタ 133">
          <a:extLst>
            <a:ext uri="{FF2B5EF4-FFF2-40B4-BE49-F238E27FC236}">
              <a16:creationId xmlns:a16="http://schemas.microsoft.com/office/drawing/2014/main" id="{5AD1FE36-20D5-47EC-AE6E-B4A13DC3DCFE}"/>
            </a:ext>
          </a:extLst>
        </xdr:cNvPr>
        <xdr:cNvCxnSpPr/>
      </xdr:nvCxnSpPr>
      <xdr:spPr>
        <a:xfrm flipV="1">
          <a:off x="8750300" y="683818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109982</xdr:rowOff>
    </xdr:from>
    <xdr:to>
      <xdr:col>41</xdr:col>
      <xdr:colOff>101600</xdr:colOff>
      <xdr:row>40</xdr:row>
      <xdr:rowOff>40132</xdr:rowOff>
    </xdr:to>
    <xdr:sp macro="" textlink="">
      <xdr:nvSpPr>
        <xdr:cNvPr id="135" name="楕円 134">
          <a:extLst>
            <a:ext uri="{FF2B5EF4-FFF2-40B4-BE49-F238E27FC236}">
              <a16:creationId xmlns:a16="http://schemas.microsoft.com/office/drawing/2014/main" id="{C185D1FC-8699-435C-9E73-CD73227FEE54}"/>
            </a:ext>
          </a:extLst>
        </xdr:cNvPr>
        <xdr:cNvSpPr/>
      </xdr:nvSpPr>
      <xdr:spPr>
        <a:xfrm>
          <a:off x="7810500" y="6796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9</xdr:row>
      <xdr:rowOff>156210</xdr:rowOff>
    </xdr:from>
    <xdr:to>
      <xdr:col>45</xdr:col>
      <xdr:colOff>177800</xdr:colOff>
      <xdr:row>39</xdr:row>
      <xdr:rowOff>160782</xdr:rowOff>
    </xdr:to>
    <xdr:cxnSp macro="">
      <xdr:nvCxnSpPr>
        <xdr:cNvPr id="136" name="直線コネクタ 135">
          <a:extLst>
            <a:ext uri="{FF2B5EF4-FFF2-40B4-BE49-F238E27FC236}">
              <a16:creationId xmlns:a16="http://schemas.microsoft.com/office/drawing/2014/main" id="{849CF66A-E3E7-4A2D-B2B7-FFBB216E4475}"/>
            </a:ext>
          </a:extLst>
        </xdr:cNvPr>
        <xdr:cNvCxnSpPr/>
      </xdr:nvCxnSpPr>
      <xdr:spPr>
        <a:xfrm flipV="1">
          <a:off x="7861300" y="684276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9</xdr:row>
      <xdr:rowOff>119126</xdr:rowOff>
    </xdr:from>
    <xdr:to>
      <xdr:col>36</xdr:col>
      <xdr:colOff>165100</xdr:colOff>
      <xdr:row>40</xdr:row>
      <xdr:rowOff>49276</xdr:rowOff>
    </xdr:to>
    <xdr:sp macro="" textlink="">
      <xdr:nvSpPr>
        <xdr:cNvPr id="137" name="楕円 136">
          <a:extLst>
            <a:ext uri="{FF2B5EF4-FFF2-40B4-BE49-F238E27FC236}">
              <a16:creationId xmlns:a16="http://schemas.microsoft.com/office/drawing/2014/main" id="{31748DBB-0D3D-403F-90B2-594FBEA28175}"/>
            </a:ext>
          </a:extLst>
        </xdr:cNvPr>
        <xdr:cNvSpPr/>
      </xdr:nvSpPr>
      <xdr:spPr>
        <a:xfrm>
          <a:off x="6921500" y="6805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9</xdr:row>
      <xdr:rowOff>160782</xdr:rowOff>
    </xdr:from>
    <xdr:to>
      <xdr:col>41</xdr:col>
      <xdr:colOff>50800</xdr:colOff>
      <xdr:row>39</xdr:row>
      <xdr:rowOff>169926</xdr:rowOff>
    </xdr:to>
    <xdr:cxnSp macro="">
      <xdr:nvCxnSpPr>
        <xdr:cNvPr id="138" name="直線コネクタ 137">
          <a:extLst>
            <a:ext uri="{FF2B5EF4-FFF2-40B4-BE49-F238E27FC236}">
              <a16:creationId xmlns:a16="http://schemas.microsoft.com/office/drawing/2014/main" id="{3B0B2398-7B42-4C35-9327-B417365439A3}"/>
            </a:ext>
          </a:extLst>
        </xdr:cNvPr>
        <xdr:cNvCxnSpPr/>
      </xdr:nvCxnSpPr>
      <xdr:spPr>
        <a:xfrm flipV="1">
          <a:off x="6972300" y="6847332"/>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7</xdr:row>
      <xdr:rowOff>95521</xdr:rowOff>
    </xdr:from>
    <xdr:ext cx="469744" cy="259045"/>
    <xdr:sp macro="" textlink="">
      <xdr:nvSpPr>
        <xdr:cNvPr id="139" name="n_1aveValue【図書館】&#10;一人当たり面積">
          <a:extLst>
            <a:ext uri="{FF2B5EF4-FFF2-40B4-BE49-F238E27FC236}">
              <a16:creationId xmlns:a16="http://schemas.microsoft.com/office/drawing/2014/main" id="{DA08EDE2-3015-4DEB-8540-B9237567F451}"/>
            </a:ext>
          </a:extLst>
        </xdr:cNvPr>
        <xdr:cNvSpPr txBox="1"/>
      </xdr:nvSpPr>
      <xdr:spPr>
        <a:xfrm>
          <a:off x="9391727" y="6439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86377</xdr:rowOff>
    </xdr:from>
    <xdr:ext cx="469744" cy="259045"/>
    <xdr:sp macro="" textlink="">
      <xdr:nvSpPr>
        <xdr:cNvPr id="140" name="n_2aveValue【図書館】&#10;一人当たり面積">
          <a:extLst>
            <a:ext uri="{FF2B5EF4-FFF2-40B4-BE49-F238E27FC236}">
              <a16:creationId xmlns:a16="http://schemas.microsoft.com/office/drawing/2014/main" id="{AB5CB448-0352-4CC6-A77A-3058AE67EC87}"/>
            </a:ext>
          </a:extLst>
        </xdr:cNvPr>
        <xdr:cNvSpPr txBox="1"/>
      </xdr:nvSpPr>
      <xdr:spPr>
        <a:xfrm>
          <a:off x="8515427" y="643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26941</xdr:rowOff>
    </xdr:from>
    <xdr:ext cx="469744" cy="259045"/>
    <xdr:sp macro="" textlink="">
      <xdr:nvSpPr>
        <xdr:cNvPr id="141" name="n_3aveValue【図書館】&#10;一人当たり面積">
          <a:extLst>
            <a:ext uri="{FF2B5EF4-FFF2-40B4-BE49-F238E27FC236}">
              <a16:creationId xmlns:a16="http://schemas.microsoft.com/office/drawing/2014/main" id="{7BE2089A-00DE-4580-AB31-835BEE76C8F0}"/>
            </a:ext>
          </a:extLst>
        </xdr:cNvPr>
        <xdr:cNvSpPr txBox="1"/>
      </xdr:nvSpPr>
      <xdr:spPr>
        <a:xfrm>
          <a:off x="7626427" y="63705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7</xdr:row>
      <xdr:rowOff>26941</xdr:rowOff>
    </xdr:from>
    <xdr:ext cx="469744" cy="259045"/>
    <xdr:sp macro="" textlink="">
      <xdr:nvSpPr>
        <xdr:cNvPr id="142" name="n_4aveValue【図書館】&#10;一人当たり面積">
          <a:extLst>
            <a:ext uri="{FF2B5EF4-FFF2-40B4-BE49-F238E27FC236}">
              <a16:creationId xmlns:a16="http://schemas.microsoft.com/office/drawing/2014/main" id="{87CE1E63-E18D-407F-91CA-A012AE501204}"/>
            </a:ext>
          </a:extLst>
        </xdr:cNvPr>
        <xdr:cNvSpPr txBox="1"/>
      </xdr:nvSpPr>
      <xdr:spPr>
        <a:xfrm>
          <a:off x="6737427" y="63705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22115</xdr:rowOff>
    </xdr:from>
    <xdr:ext cx="469744" cy="259045"/>
    <xdr:sp macro="" textlink="">
      <xdr:nvSpPr>
        <xdr:cNvPr id="143" name="n_1mainValue【図書館】&#10;一人当たり面積">
          <a:extLst>
            <a:ext uri="{FF2B5EF4-FFF2-40B4-BE49-F238E27FC236}">
              <a16:creationId xmlns:a16="http://schemas.microsoft.com/office/drawing/2014/main" id="{20B07697-3E5A-4E00-9859-F77C9E4A4E4E}"/>
            </a:ext>
          </a:extLst>
        </xdr:cNvPr>
        <xdr:cNvSpPr txBox="1"/>
      </xdr:nvSpPr>
      <xdr:spPr>
        <a:xfrm>
          <a:off x="9391727" y="68801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26687</xdr:rowOff>
    </xdr:from>
    <xdr:ext cx="469744" cy="259045"/>
    <xdr:sp macro="" textlink="">
      <xdr:nvSpPr>
        <xdr:cNvPr id="144" name="n_2mainValue【図書館】&#10;一人当たり面積">
          <a:extLst>
            <a:ext uri="{FF2B5EF4-FFF2-40B4-BE49-F238E27FC236}">
              <a16:creationId xmlns:a16="http://schemas.microsoft.com/office/drawing/2014/main" id="{8785E7A5-88AD-4EDA-86C2-EAE1FEB6F924}"/>
            </a:ext>
          </a:extLst>
        </xdr:cNvPr>
        <xdr:cNvSpPr txBox="1"/>
      </xdr:nvSpPr>
      <xdr:spPr>
        <a:xfrm>
          <a:off x="85154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31259</xdr:rowOff>
    </xdr:from>
    <xdr:ext cx="469744" cy="259045"/>
    <xdr:sp macro="" textlink="">
      <xdr:nvSpPr>
        <xdr:cNvPr id="145" name="n_3mainValue【図書館】&#10;一人当たり面積">
          <a:extLst>
            <a:ext uri="{FF2B5EF4-FFF2-40B4-BE49-F238E27FC236}">
              <a16:creationId xmlns:a16="http://schemas.microsoft.com/office/drawing/2014/main" id="{9F50B932-3FF8-443C-92DB-A20906E04BFF}"/>
            </a:ext>
          </a:extLst>
        </xdr:cNvPr>
        <xdr:cNvSpPr txBox="1"/>
      </xdr:nvSpPr>
      <xdr:spPr>
        <a:xfrm>
          <a:off x="7626427" y="6889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40403</xdr:rowOff>
    </xdr:from>
    <xdr:ext cx="469744" cy="259045"/>
    <xdr:sp macro="" textlink="">
      <xdr:nvSpPr>
        <xdr:cNvPr id="146" name="n_4mainValue【図書館】&#10;一人当たり面積">
          <a:extLst>
            <a:ext uri="{FF2B5EF4-FFF2-40B4-BE49-F238E27FC236}">
              <a16:creationId xmlns:a16="http://schemas.microsoft.com/office/drawing/2014/main" id="{1E22B890-F093-43BB-B04D-34E5B340C728}"/>
            </a:ext>
          </a:extLst>
        </xdr:cNvPr>
        <xdr:cNvSpPr txBox="1"/>
      </xdr:nvSpPr>
      <xdr:spPr>
        <a:xfrm>
          <a:off x="6737427" y="68984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7" name="正方形/長方形 146">
          <a:extLst>
            <a:ext uri="{FF2B5EF4-FFF2-40B4-BE49-F238E27FC236}">
              <a16:creationId xmlns:a16="http://schemas.microsoft.com/office/drawing/2014/main" id="{BD61BAA4-080A-4187-88DF-F1BD9E8B698D}"/>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8" name="正方形/長方形 147">
          <a:extLst>
            <a:ext uri="{FF2B5EF4-FFF2-40B4-BE49-F238E27FC236}">
              <a16:creationId xmlns:a16="http://schemas.microsoft.com/office/drawing/2014/main" id="{40761172-CFDA-48D4-8344-5D5D2354D562}"/>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9" name="正方形/長方形 148">
          <a:extLst>
            <a:ext uri="{FF2B5EF4-FFF2-40B4-BE49-F238E27FC236}">
              <a16:creationId xmlns:a16="http://schemas.microsoft.com/office/drawing/2014/main" id="{7E63B0FC-17C0-483C-B3B4-13F58804AC61}"/>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0" name="正方形/長方形 149">
          <a:extLst>
            <a:ext uri="{FF2B5EF4-FFF2-40B4-BE49-F238E27FC236}">
              <a16:creationId xmlns:a16="http://schemas.microsoft.com/office/drawing/2014/main" id="{1C955E65-3B75-4BC8-9127-8FE0A7E32321}"/>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1" name="正方形/長方形 150">
          <a:extLst>
            <a:ext uri="{FF2B5EF4-FFF2-40B4-BE49-F238E27FC236}">
              <a16:creationId xmlns:a16="http://schemas.microsoft.com/office/drawing/2014/main" id="{E57A172E-CFBD-4553-9BC3-D21DEFF8B3E7}"/>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2" name="正方形/長方形 151">
          <a:extLst>
            <a:ext uri="{FF2B5EF4-FFF2-40B4-BE49-F238E27FC236}">
              <a16:creationId xmlns:a16="http://schemas.microsoft.com/office/drawing/2014/main" id="{910F56FD-E428-4831-938B-5469F5D72C90}"/>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3" name="正方形/長方形 152">
          <a:extLst>
            <a:ext uri="{FF2B5EF4-FFF2-40B4-BE49-F238E27FC236}">
              <a16:creationId xmlns:a16="http://schemas.microsoft.com/office/drawing/2014/main" id="{EDFD6DE2-826C-4866-A167-DCE3EDDB9684}"/>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4" name="正方形/長方形 153">
          <a:extLst>
            <a:ext uri="{FF2B5EF4-FFF2-40B4-BE49-F238E27FC236}">
              <a16:creationId xmlns:a16="http://schemas.microsoft.com/office/drawing/2014/main" id="{D4EB30C9-1F82-45F2-9073-F459EF8E26D7}"/>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5" name="テキスト ボックス 154">
          <a:extLst>
            <a:ext uri="{FF2B5EF4-FFF2-40B4-BE49-F238E27FC236}">
              <a16:creationId xmlns:a16="http://schemas.microsoft.com/office/drawing/2014/main" id="{992B4296-CDAE-40DE-B93F-F91945193518}"/>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6" name="直線コネクタ 155">
          <a:extLst>
            <a:ext uri="{FF2B5EF4-FFF2-40B4-BE49-F238E27FC236}">
              <a16:creationId xmlns:a16="http://schemas.microsoft.com/office/drawing/2014/main" id="{F8351F80-16E8-4CC3-8F24-C859162AF95A}"/>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7" name="テキスト ボックス 156">
          <a:extLst>
            <a:ext uri="{FF2B5EF4-FFF2-40B4-BE49-F238E27FC236}">
              <a16:creationId xmlns:a16="http://schemas.microsoft.com/office/drawing/2014/main" id="{47F81FB9-E9A9-4BCB-9ADA-AD09C6E14B95}"/>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8" name="直線コネクタ 157">
          <a:extLst>
            <a:ext uri="{FF2B5EF4-FFF2-40B4-BE49-F238E27FC236}">
              <a16:creationId xmlns:a16="http://schemas.microsoft.com/office/drawing/2014/main" id="{92F7EA2D-CCF7-4831-AACB-4AC3FE960182}"/>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9" name="テキスト ボックス 158">
          <a:extLst>
            <a:ext uri="{FF2B5EF4-FFF2-40B4-BE49-F238E27FC236}">
              <a16:creationId xmlns:a16="http://schemas.microsoft.com/office/drawing/2014/main" id="{4E77287A-974D-4995-BD8B-E72E7DC41D54}"/>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0" name="直線コネクタ 159">
          <a:extLst>
            <a:ext uri="{FF2B5EF4-FFF2-40B4-BE49-F238E27FC236}">
              <a16:creationId xmlns:a16="http://schemas.microsoft.com/office/drawing/2014/main" id="{91C4ABA2-F269-45B1-AEDA-C8D36DB2FEEA}"/>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1" name="テキスト ボックス 160">
          <a:extLst>
            <a:ext uri="{FF2B5EF4-FFF2-40B4-BE49-F238E27FC236}">
              <a16:creationId xmlns:a16="http://schemas.microsoft.com/office/drawing/2014/main" id="{CDE042EF-3D2A-4B9A-9431-1F2E09540250}"/>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2" name="直線コネクタ 161">
          <a:extLst>
            <a:ext uri="{FF2B5EF4-FFF2-40B4-BE49-F238E27FC236}">
              <a16:creationId xmlns:a16="http://schemas.microsoft.com/office/drawing/2014/main" id="{DA255CDE-F880-4975-BD8B-906A3D4553AB}"/>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3" name="テキスト ボックス 162">
          <a:extLst>
            <a:ext uri="{FF2B5EF4-FFF2-40B4-BE49-F238E27FC236}">
              <a16:creationId xmlns:a16="http://schemas.microsoft.com/office/drawing/2014/main" id="{BE1C6472-852B-4C28-8328-094ADD2DE45D}"/>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4" name="直線コネクタ 163">
          <a:extLst>
            <a:ext uri="{FF2B5EF4-FFF2-40B4-BE49-F238E27FC236}">
              <a16:creationId xmlns:a16="http://schemas.microsoft.com/office/drawing/2014/main" id="{1B8CEC01-3D01-4BB4-85DC-E8A8B262E49D}"/>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5" name="テキスト ボックス 164">
          <a:extLst>
            <a:ext uri="{FF2B5EF4-FFF2-40B4-BE49-F238E27FC236}">
              <a16:creationId xmlns:a16="http://schemas.microsoft.com/office/drawing/2014/main" id="{AE40FAD5-7B39-48CF-A4DD-1B1B56D32853}"/>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6" name="直線コネクタ 165">
          <a:extLst>
            <a:ext uri="{FF2B5EF4-FFF2-40B4-BE49-F238E27FC236}">
              <a16:creationId xmlns:a16="http://schemas.microsoft.com/office/drawing/2014/main" id="{60B64306-950E-442F-987E-A00A1697039A}"/>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7" name="テキスト ボックス 166">
          <a:extLst>
            <a:ext uri="{FF2B5EF4-FFF2-40B4-BE49-F238E27FC236}">
              <a16:creationId xmlns:a16="http://schemas.microsoft.com/office/drawing/2014/main" id="{3D37CCD4-7EE6-4612-BFF7-DAC275B784B2}"/>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8" name="直線コネクタ 167">
          <a:extLst>
            <a:ext uri="{FF2B5EF4-FFF2-40B4-BE49-F238E27FC236}">
              <a16:creationId xmlns:a16="http://schemas.microsoft.com/office/drawing/2014/main" id="{84666F53-DFE4-44BF-9D14-48FFBB8C1042}"/>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9" name="テキスト ボックス 168">
          <a:extLst>
            <a:ext uri="{FF2B5EF4-FFF2-40B4-BE49-F238E27FC236}">
              <a16:creationId xmlns:a16="http://schemas.microsoft.com/office/drawing/2014/main" id="{A3E4B804-205B-490A-8F65-D96459FBB23B}"/>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0" name="直線コネクタ 169">
          <a:extLst>
            <a:ext uri="{FF2B5EF4-FFF2-40B4-BE49-F238E27FC236}">
              <a16:creationId xmlns:a16="http://schemas.microsoft.com/office/drawing/2014/main" id="{C5C45DCC-F436-4DFF-B421-282164A9A82E}"/>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1" name="【体育館・プール】&#10;有形固定資産減価償却率グラフ枠">
          <a:extLst>
            <a:ext uri="{FF2B5EF4-FFF2-40B4-BE49-F238E27FC236}">
              <a16:creationId xmlns:a16="http://schemas.microsoft.com/office/drawing/2014/main" id="{D0C32783-7D2F-45DF-B578-A415B313652C}"/>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50619</xdr:rowOff>
    </xdr:from>
    <xdr:to>
      <xdr:col>24</xdr:col>
      <xdr:colOff>62865</xdr:colOff>
      <xdr:row>64</xdr:row>
      <xdr:rowOff>130628</xdr:rowOff>
    </xdr:to>
    <xdr:cxnSp macro="">
      <xdr:nvCxnSpPr>
        <xdr:cNvPr id="172" name="直線コネクタ 171">
          <a:extLst>
            <a:ext uri="{FF2B5EF4-FFF2-40B4-BE49-F238E27FC236}">
              <a16:creationId xmlns:a16="http://schemas.microsoft.com/office/drawing/2014/main" id="{11F4FD33-15A4-4C99-AAD1-AA51B431E9CD}"/>
            </a:ext>
          </a:extLst>
        </xdr:cNvPr>
        <xdr:cNvCxnSpPr/>
      </xdr:nvCxnSpPr>
      <xdr:spPr>
        <a:xfrm flipV="1">
          <a:off x="4634865" y="9651819"/>
          <a:ext cx="0" cy="14516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173" name="【体育館・プール】&#10;有形固定資産減価償却率最小値テキスト">
          <a:extLst>
            <a:ext uri="{FF2B5EF4-FFF2-40B4-BE49-F238E27FC236}">
              <a16:creationId xmlns:a16="http://schemas.microsoft.com/office/drawing/2014/main" id="{95ED26D0-A13A-46D5-9C88-445D64279A81}"/>
            </a:ext>
          </a:extLst>
        </xdr:cNvPr>
        <xdr:cNvSpPr txBox="1"/>
      </xdr:nvSpPr>
      <xdr:spPr>
        <a:xfrm>
          <a:off x="4673600" y="1110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174" name="直線コネクタ 173">
          <a:extLst>
            <a:ext uri="{FF2B5EF4-FFF2-40B4-BE49-F238E27FC236}">
              <a16:creationId xmlns:a16="http://schemas.microsoft.com/office/drawing/2014/main" id="{E50025A1-8023-4FC3-8F61-FE0B82511C15}"/>
            </a:ext>
          </a:extLst>
        </xdr:cNvPr>
        <xdr:cNvCxnSpPr/>
      </xdr:nvCxnSpPr>
      <xdr:spPr>
        <a:xfrm>
          <a:off x="4546600" y="1110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68746</xdr:rowOff>
    </xdr:from>
    <xdr:ext cx="405111" cy="259045"/>
    <xdr:sp macro="" textlink="">
      <xdr:nvSpPr>
        <xdr:cNvPr id="175" name="【体育館・プール】&#10;有形固定資産減価償却率最大値テキスト">
          <a:extLst>
            <a:ext uri="{FF2B5EF4-FFF2-40B4-BE49-F238E27FC236}">
              <a16:creationId xmlns:a16="http://schemas.microsoft.com/office/drawing/2014/main" id="{7895BB65-2B58-4441-9560-EDF05C356075}"/>
            </a:ext>
          </a:extLst>
        </xdr:cNvPr>
        <xdr:cNvSpPr txBox="1"/>
      </xdr:nvSpPr>
      <xdr:spPr>
        <a:xfrm>
          <a:off x="4673600" y="9427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50619</xdr:rowOff>
    </xdr:from>
    <xdr:to>
      <xdr:col>24</xdr:col>
      <xdr:colOff>152400</xdr:colOff>
      <xdr:row>56</xdr:row>
      <xdr:rowOff>50619</xdr:rowOff>
    </xdr:to>
    <xdr:cxnSp macro="">
      <xdr:nvCxnSpPr>
        <xdr:cNvPr id="176" name="直線コネクタ 175">
          <a:extLst>
            <a:ext uri="{FF2B5EF4-FFF2-40B4-BE49-F238E27FC236}">
              <a16:creationId xmlns:a16="http://schemas.microsoft.com/office/drawing/2014/main" id="{682154CD-3AE5-46A5-A489-653C0BC332AA}"/>
            </a:ext>
          </a:extLst>
        </xdr:cNvPr>
        <xdr:cNvCxnSpPr/>
      </xdr:nvCxnSpPr>
      <xdr:spPr>
        <a:xfrm>
          <a:off x="4546600" y="96518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1</xdr:row>
      <xdr:rowOff>76217</xdr:rowOff>
    </xdr:from>
    <xdr:ext cx="405111" cy="259045"/>
    <xdr:sp macro="" textlink="">
      <xdr:nvSpPr>
        <xdr:cNvPr id="177" name="【体育館・プール】&#10;有形固定資産減価償却率平均値テキスト">
          <a:extLst>
            <a:ext uri="{FF2B5EF4-FFF2-40B4-BE49-F238E27FC236}">
              <a16:creationId xmlns:a16="http://schemas.microsoft.com/office/drawing/2014/main" id="{D99558AC-31C6-4BF3-9743-D4C0C2B29AA2}"/>
            </a:ext>
          </a:extLst>
        </xdr:cNvPr>
        <xdr:cNvSpPr txBox="1"/>
      </xdr:nvSpPr>
      <xdr:spPr>
        <a:xfrm>
          <a:off x="4673600" y="105346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97790</xdr:rowOff>
    </xdr:from>
    <xdr:to>
      <xdr:col>24</xdr:col>
      <xdr:colOff>114300</xdr:colOff>
      <xdr:row>62</xdr:row>
      <xdr:rowOff>27940</xdr:rowOff>
    </xdr:to>
    <xdr:sp macro="" textlink="">
      <xdr:nvSpPr>
        <xdr:cNvPr id="178" name="フローチャート: 判断 177">
          <a:extLst>
            <a:ext uri="{FF2B5EF4-FFF2-40B4-BE49-F238E27FC236}">
              <a16:creationId xmlns:a16="http://schemas.microsoft.com/office/drawing/2014/main" id="{74B7768D-7329-49C3-A34F-0859AA2565E4}"/>
            </a:ext>
          </a:extLst>
        </xdr:cNvPr>
        <xdr:cNvSpPr/>
      </xdr:nvSpPr>
      <xdr:spPr>
        <a:xfrm>
          <a:off x="45847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78196</xdr:rowOff>
    </xdr:from>
    <xdr:to>
      <xdr:col>20</xdr:col>
      <xdr:colOff>38100</xdr:colOff>
      <xdr:row>62</xdr:row>
      <xdr:rowOff>8346</xdr:rowOff>
    </xdr:to>
    <xdr:sp macro="" textlink="">
      <xdr:nvSpPr>
        <xdr:cNvPr id="179" name="フローチャート: 判断 178">
          <a:extLst>
            <a:ext uri="{FF2B5EF4-FFF2-40B4-BE49-F238E27FC236}">
              <a16:creationId xmlns:a16="http://schemas.microsoft.com/office/drawing/2014/main" id="{29D9E554-3AE7-4D5D-ABB1-5CE651B319A9}"/>
            </a:ext>
          </a:extLst>
        </xdr:cNvPr>
        <xdr:cNvSpPr/>
      </xdr:nvSpPr>
      <xdr:spPr>
        <a:xfrm>
          <a:off x="3746500" y="105366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43906</xdr:rowOff>
    </xdr:from>
    <xdr:to>
      <xdr:col>15</xdr:col>
      <xdr:colOff>101600</xdr:colOff>
      <xdr:row>61</xdr:row>
      <xdr:rowOff>145506</xdr:rowOff>
    </xdr:to>
    <xdr:sp macro="" textlink="">
      <xdr:nvSpPr>
        <xdr:cNvPr id="180" name="フローチャート: 判断 179">
          <a:extLst>
            <a:ext uri="{FF2B5EF4-FFF2-40B4-BE49-F238E27FC236}">
              <a16:creationId xmlns:a16="http://schemas.microsoft.com/office/drawing/2014/main" id="{60B2DCAE-B4DD-4DA2-A168-D661C73A1694}"/>
            </a:ext>
          </a:extLst>
        </xdr:cNvPr>
        <xdr:cNvSpPr/>
      </xdr:nvSpPr>
      <xdr:spPr>
        <a:xfrm>
          <a:off x="2857500" y="10502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1</xdr:row>
      <xdr:rowOff>39007</xdr:rowOff>
    </xdr:from>
    <xdr:to>
      <xdr:col>10</xdr:col>
      <xdr:colOff>165100</xdr:colOff>
      <xdr:row>61</xdr:row>
      <xdr:rowOff>140607</xdr:rowOff>
    </xdr:to>
    <xdr:sp macro="" textlink="">
      <xdr:nvSpPr>
        <xdr:cNvPr id="181" name="フローチャート: 判断 180">
          <a:extLst>
            <a:ext uri="{FF2B5EF4-FFF2-40B4-BE49-F238E27FC236}">
              <a16:creationId xmlns:a16="http://schemas.microsoft.com/office/drawing/2014/main" id="{03B3E7F0-F71A-477A-AF95-6E4598759E39}"/>
            </a:ext>
          </a:extLst>
        </xdr:cNvPr>
        <xdr:cNvSpPr/>
      </xdr:nvSpPr>
      <xdr:spPr>
        <a:xfrm>
          <a:off x="1968500" y="10497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1</xdr:row>
      <xdr:rowOff>32476</xdr:rowOff>
    </xdr:from>
    <xdr:to>
      <xdr:col>6</xdr:col>
      <xdr:colOff>38100</xdr:colOff>
      <xdr:row>61</xdr:row>
      <xdr:rowOff>134076</xdr:rowOff>
    </xdr:to>
    <xdr:sp macro="" textlink="">
      <xdr:nvSpPr>
        <xdr:cNvPr id="182" name="フローチャート: 判断 181">
          <a:extLst>
            <a:ext uri="{FF2B5EF4-FFF2-40B4-BE49-F238E27FC236}">
              <a16:creationId xmlns:a16="http://schemas.microsoft.com/office/drawing/2014/main" id="{CFC677FA-45F5-4B26-AAE6-210E13D03772}"/>
            </a:ext>
          </a:extLst>
        </xdr:cNvPr>
        <xdr:cNvSpPr/>
      </xdr:nvSpPr>
      <xdr:spPr>
        <a:xfrm>
          <a:off x="1079500" y="1049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64354CE0-30C9-48EC-A937-55C74D6D7B91}"/>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00391D47-76A4-4C9F-8A4C-0E5509A4F759}"/>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5B8891C8-9EF8-40D1-B5C0-5B6178A441F3}"/>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740ECD36-BEA3-4DAD-A4A6-7E916648EDE0}"/>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0C8233FB-2DF4-484B-B383-C3F2EAFD864E}"/>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54940</xdr:rowOff>
    </xdr:from>
    <xdr:to>
      <xdr:col>24</xdr:col>
      <xdr:colOff>114300</xdr:colOff>
      <xdr:row>61</xdr:row>
      <xdr:rowOff>85090</xdr:rowOff>
    </xdr:to>
    <xdr:sp macro="" textlink="">
      <xdr:nvSpPr>
        <xdr:cNvPr id="188" name="楕円 187">
          <a:extLst>
            <a:ext uri="{FF2B5EF4-FFF2-40B4-BE49-F238E27FC236}">
              <a16:creationId xmlns:a16="http://schemas.microsoft.com/office/drawing/2014/main" id="{5C1BB48C-467D-4BF5-AE21-E8C8E432E0A3}"/>
            </a:ext>
          </a:extLst>
        </xdr:cNvPr>
        <xdr:cNvSpPr/>
      </xdr:nvSpPr>
      <xdr:spPr>
        <a:xfrm>
          <a:off x="4584700" y="10441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6367</xdr:rowOff>
    </xdr:from>
    <xdr:ext cx="405111" cy="259045"/>
    <xdr:sp macro="" textlink="">
      <xdr:nvSpPr>
        <xdr:cNvPr id="189" name="【体育館・プール】&#10;有形固定資産減価償却率該当値テキスト">
          <a:extLst>
            <a:ext uri="{FF2B5EF4-FFF2-40B4-BE49-F238E27FC236}">
              <a16:creationId xmlns:a16="http://schemas.microsoft.com/office/drawing/2014/main" id="{2D2352DE-8DB7-4A41-B5B1-8FA77F313772}"/>
            </a:ext>
          </a:extLst>
        </xdr:cNvPr>
        <xdr:cNvSpPr txBox="1"/>
      </xdr:nvSpPr>
      <xdr:spPr>
        <a:xfrm>
          <a:off x="4673600" y="10293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17384</xdr:rowOff>
    </xdr:from>
    <xdr:to>
      <xdr:col>20</xdr:col>
      <xdr:colOff>38100</xdr:colOff>
      <xdr:row>61</xdr:row>
      <xdr:rowOff>47534</xdr:rowOff>
    </xdr:to>
    <xdr:sp macro="" textlink="">
      <xdr:nvSpPr>
        <xdr:cNvPr id="190" name="楕円 189">
          <a:extLst>
            <a:ext uri="{FF2B5EF4-FFF2-40B4-BE49-F238E27FC236}">
              <a16:creationId xmlns:a16="http://schemas.microsoft.com/office/drawing/2014/main" id="{D079582C-5B7D-414C-8040-658BA30DCFE1}"/>
            </a:ext>
          </a:extLst>
        </xdr:cNvPr>
        <xdr:cNvSpPr/>
      </xdr:nvSpPr>
      <xdr:spPr>
        <a:xfrm>
          <a:off x="3746500" y="10404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68184</xdr:rowOff>
    </xdr:from>
    <xdr:to>
      <xdr:col>24</xdr:col>
      <xdr:colOff>63500</xdr:colOff>
      <xdr:row>61</xdr:row>
      <xdr:rowOff>34290</xdr:rowOff>
    </xdr:to>
    <xdr:cxnSp macro="">
      <xdr:nvCxnSpPr>
        <xdr:cNvPr id="191" name="直線コネクタ 190">
          <a:extLst>
            <a:ext uri="{FF2B5EF4-FFF2-40B4-BE49-F238E27FC236}">
              <a16:creationId xmlns:a16="http://schemas.microsoft.com/office/drawing/2014/main" id="{D6F5BAE4-072F-4E78-88E8-05BB6AF117CE}"/>
            </a:ext>
          </a:extLst>
        </xdr:cNvPr>
        <xdr:cNvCxnSpPr/>
      </xdr:nvCxnSpPr>
      <xdr:spPr>
        <a:xfrm>
          <a:off x="3797300" y="10455184"/>
          <a:ext cx="8382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79828</xdr:rowOff>
    </xdr:from>
    <xdr:to>
      <xdr:col>15</xdr:col>
      <xdr:colOff>101600</xdr:colOff>
      <xdr:row>61</xdr:row>
      <xdr:rowOff>9978</xdr:rowOff>
    </xdr:to>
    <xdr:sp macro="" textlink="">
      <xdr:nvSpPr>
        <xdr:cNvPr id="192" name="楕円 191">
          <a:extLst>
            <a:ext uri="{FF2B5EF4-FFF2-40B4-BE49-F238E27FC236}">
              <a16:creationId xmlns:a16="http://schemas.microsoft.com/office/drawing/2014/main" id="{EF95179C-5710-4227-BAD0-E180293DCA15}"/>
            </a:ext>
          </a:extLst>
        </xdr:cNvPr>
        <xdr:cNvSpPr/>
      </xdr:nvSpPr>
      <xdr:spPr>
        <a:xfrm>
          <a:off x="2857500" y="10366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130628</xdr:rowOff>
    </xdr:from>
    <xdr:to>
      <xdr:col>19</xdr:col>
      <xdr:colOff>177800</xdr:colOff>
      <xdr:row>60</xdr:row>
      <xdr:rowOff>168184</xdr:rowOff>
    </xdr:to>
    <xdr:cxnSp macro="">
      <xdr:nvCxnSpPr>
        <xdr:cNvPr id="193" name="直線コネクタ 192">
          <a:extLst>
            <a:ext uri="{FF2B5EF4-FFF2-40B4-BE49-F238E27FC236}">
              <a16:creationId xmlns:a16="http://schemas.microsoft.com/office/drawing/2014/main" id="{ECDFACEC-A566-4A82-8765-BD59B63E57D8}"/>
            </a:ext>
          </a:extLst>
        </xdr:cNvPr>
        <xdr:cNvCxnSpPr/>
      </xdr:nvCxnSpPr>
      <xdr:spPr>
        <a:xfrm>
          <a:off x="2908300" y="10417628"/>
          <a:ext cx="8890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40640</xdr:rowOff>
    </xdr:from>
    <xdr:to>
      <xdr:col>10</xdr:col>
      <xdr:colOff>165100</xdr:colOff>
      <xdr:row>60</xdr:row>
      <xdr:rowOff>142240</xdr:rowOff>
    </xdr:to>
    <xdr:sp macro="" textlink="">
      <xdr:nvSpPr>
        <xdr:cNvPr id="194" name="楕円 193">
          <a:extLst>
            <a:ext uri="{FF2B5EF4-FFF2-40B4-BE49-F238E27FC236}">
              <a16:creationId xmlns:a16="http://schemas.microsoft.com/office/drawing/2014/main" id="{B4F77DFE-EEE5-4392-B0D0-14CD3EC2859B}"/>
            </a:ext>
          </a:extLst>
        </xdr:cNvPr>
        <xdr:cNvSpPr/>
      </xdr:nvSpPr>
      <xdr:spPr>
        <a:xfrm>
          <a:off x="1968500" y="10327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91440</xdr:rowOff>
    </xdr:from>
    <xdr:to>
      <xdr:col>15</xdr:col>
      <xdr:colOff>50800</xdr:colOff>
      <xdr:row>60</xdr:row>
      <xdr:rowOff>130628</xdr:rowOff>
    </xdr:to>
    <xdr:cxnSp macro="">
      <xdr:nvCxnSpPr>
        <xdr:cNvPr id="195" name="直線コネクタ 194">
          <a:extLst>
            <a:ext uri="{FF2B5EF4-FFF2-40B4-BE49-F238E27FC236}">
              <a16:creationId xmlns:a16="http://schemas.microsoft.com/office/drawing/2014/main" id="{43E18436-A6D0-4654-A2E5-17B874C5E344}"/>
            </a:ext>
          </a:extLst>
        </xdr:cNvPr>
        <xdr:cNvCxnSpPr/>
      </xdr:nvCxnSpPr>
      <xdr:spPr>
        <a:xfrm>
          <a:off x="2019300" y="10378440"/>
          <a:ext cx="8890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3084</xdr:rowOff>
    </xdr:from>
    <xdr:to>
      <xdr:col>6</xdr:col>
      <xdr:colOff>38100</xdr:colOff>
      <xdr:row>60</xdr:row>
      <xdr:rowOff>104684</xdr:rowOff>
    </xdr:to>
    <xdr:sp macro="" textlink="">
      <xdr:nvSpPr>
        <xdr:cNvPr id="196" name="楕円 195">
          <a:extLst>
            <a:ext uri="{FF2B5EF4-FFF2-40B4-BE49-F238E27FC236}">
              <a16:creationId xmlns:a16="http://schemas.microsoft.com/office/drawing/2014/main" id="{C060DF0A-DF27-40EA-8D4E-A3C6C2A980CE}"/>
            </a:ext>
          </a:extLst>
        </xdr:cNvPr>
        <xdr:cNvSpPr/>
      </xdr:nvSpPr>
      <xdr:spPr>
        <a:xfrm>
          <a:off x="1079500" y="10290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53884</xdr:rowOff>
    </xdr:from>
    <xdr:to>
      <xdr:col>10</xdr:col>
      <xdr:colOff>114300</xdr:colOff>
      <xdr:row>60</xdr:row>
      <xdr:rowOff>91440</xdr:rowOff>
    </xdr:to>
    <xdr:cxnSp macro="">
      <xdr:nvCxnSpPr>
        <xdr:cNvPr id="197" name="直線コネクタ 196">
          <a:extLst>
            <a:ext uri="{FF2B5EF4-FFF2-40B4-BE49-F238E27FC236}">
              <a16:creationId xmlns:a16="http://schemas.microsoft.com/office/drawing/2014/main" id="{5DC4AD9E-27CB-44BA-8E0C-C92B1E5F0CDE}"/>
            </a:ext>
          </a:extLst>
        </xdr:cNvPr>
        <xdr:cNvCxnSpPr/>
      </xdr:nvCxnSpPr>
      <xdr:spPr>
        <a:xfrm>
          <a:off x="1130300" y="10340884"/>
          <a:ext cx="8890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170923</xdr:rowOff>
    </xdr:from>
    <xdr:ext cx="405111" cy="259045"/>
    <xdr:sp macro="" textlink="">
      <xdr:nvSpPr>
        <xdr:cNvPr id="198" name="n_1aveValue【体育館・プール】&#10;有形固定資産減価償却率">
          <a:extLst>
            <a:ext uri="{FF2B5EF4-FFF2-40B4-BE49-F238E27FC236}">
              <a16:creationId xmlns:a16="http://schemas.microsoft.com/office/drawing/2014/main" id="{C9330DF8-0FF5-4F35-86D5-CAED7086F9F0}"/>
            </a:ext>
          </a:extLst>
        </xdr:cNvPr>
        <xdr:cNvSpPr txBox="1"/>
      </xdr:nvSpPr>
      <xdr:spPr>
        <a:xfrm>
          <a:off x="3582044" y="106293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136633</xdr:rowOff>
    </xdr:from>
    <xdr:ext cx="405111" cy="259045"/>
    <xdr:sp macro="" textlink="">
      <xdr:nvSpPr>
        <xdr:cNvPr id="199" name="n_2aveValue【体育館・プール】&#10;有形固定資産減価償却率">
          <a:extLst>
            <a:ext uri="{FF2B5EF4-FFF2-40B4-BE49-F238E27FC236}">
              <a16:creationId xmlns:a16="http://schemas.microsoft.com/office/drawing/2014/main" id="{19DBE239-BCFB-4A35-8080-F6D0029C7392}"/>
            </a:ext>
          </a:extLst>
        </xdr:cNvPr>
        <xdr:cNvSpPr txBox="1"/>
      </xdr:nvSpPr>
      <xdr:spPr>
        <a:xfrm>
          <a:off x="2705744" y="105950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131734</xdr:rowOff>
    </xdr:from>
    <xdr:ext cx="405111" cy="259045"/>
    <xdr:sp macro="" textlink="">
      <xdr:nvSpPr>
        <xdr:cNvPr id="200" name="n_3aveValue【体育館・プール】&#10;有形固定資産減価償却率">
          <a:extLst>
            <a:ext uri="{FF2B5EF4-FFF2-40B4-BE49-F238E27FC236}">
              <a16:creationId xmlns:a16="http://schemas.microsoft.com/office/drawing/2014/main" id="{3151495F-5134-4174-AA82-637AC0BC718D}"/>
            </a:ext>
          </a:extLst>
        </xdr:cNvPr>
        <xdr:cNvSpPr txBox="1"/>
      </xdr:nvSpPr>
      <xdr:spPr>
        <a:xfrm>
          <a:off x="1816744" y="105901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125203</xdr:rowOff>
    </xdr:from>
    <xdr:ext cx="405111" cy="259045"/>
    <xdr:sp macro="" textlink="">
      <xdr:nvSpPr>
        <xdr:cNvPr id="201" name="n_4aveValue【体育館・プール】&#10;有形固定資産減価償却率">
          <a:extLst>
            <a:ext uri="{FF2B5EF4-FFF2-40B4-BE49-F238E27FC236}">
              <a16:creationId xmlns:a16="http://schemas.microsoft.com/office/drawing/2014/main" id="{37DB7443-ED81-4CD7-B357-A303F2EB52AC}"/>
            </a:ext>
          </a:extLst>
        </xdr:cNvPr>
        <xdr:cNvSpPr txBox="1"/>
      </xdr:nvSpPr>
      <xdr:spPr>
        <a:xfrm>
          <a:off x="927744" y="105836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9</xdr:row>
      <xdr:rowOff>64061</xdr:rowOff>
    </xdr:from>
    <xdr:ext cx="405111" cy="259045"/>
    <xdr:sp macro="" textlink="">
      <xdr:nvSpPr>
        <xdr:cNvPr id="202" name="n_1mainValue【体育館・プール】&#10;有形固定資産減価償却率">
          <a:extLst>
            <a:ext uri="{FF2B5EF4-FFF2-40B4-BE49-F238E27FC236}">
              <a16:creationId xmlns:a16="http://schemas.microsoft.com/office/drawing/2014/main" id="{5C4710C6-24A1-433A-8F37-A552CC5A6A57}"/>
            </a:ext>
          </a:extLst>
        </xdr:cNvPr>
        <xdr:cNvSpPr txBox="1"/>
      </xdr:nvSpPr>
      <xdr:spPr>
        <a:xfrm>
          <a:off x="3582044" y="101796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26505</xdr:rowOff>
    </xdr:from>
    <xdr:ext cx="405111" cy="259045"/>
    <xdr:sp macro="" textlink="">
      <xdr:nvSpPr>
        <xdr:cNvPr id="203" name="n_2mainValue【体育館・プール】&#10;有形固定資産減価償却率">
          <a:extLst>
            <a:ext uri="{FF2B5EF4-FFF2-40B4-BE49-F238E27FC236}">
              <a16:creationId xmlns:a16="http://schemas.microsoft.com/office/drawing/2014/main" id="{3FDF4E33-5AD7-4293-9DE6-3AFB448337D8}"/>
            </a:ext>
          </a:extLst>
        </xdr:cNvPr>
        <xdr:cNvSpPr txBox="1"/>
      </xdr:nvSpPr>
      <xdr:spPr>
        <a:xfrm>
          <a:off x="2705744" y="101420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58767</xdr:rowOff>
    </xdr:from>
    <xdr:ext cx="405111" cy="259045"/>
    <xdr:sp macro="" textlink="">
      <xdr:nvSpPr>
        <xdr:cNvPr id="204" name="n_3mainValue【体育館・プール】&#10;有形固定資産減価償却率">
          <a:extLst>
            <a:ext uri="{FF2B5EF4-FFF2-40B4-BE49-F238E27FC236}">
              <a16:creationId xmlns:a16="http://schemas.microsoft.com/office/drawing/2014/main" id="{2D8F1836-7CF5-4866-B950-3196BE51C808}"/>
            </a:ext>
          </a:extLst>
        </xdr:cNvPr>
        <xdr:cNvSpPr txBox="1"/>
      </xdr:nvSpPr>
      <xdr:spPr>
        <a:xfrm>
          <a:off x="1816744" y="10102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21211</xdr:rowOff>
    </xdr:from>
    <xdr:ext cx="405111" cy="259045"/>
    <xdr:sp macro="" textlink="">
      <xdr:nvSpPr>
        <xdr:cNvPr id="205" name="n_4mainValue【体育館・プール】&#10;有形固定資産減価償却率">
          <a:extLst>
            <a:ext uri="{FF2B5EF4-FFF2-40B4-BE49-F238E27FC236}">
              <a16:creationId xmlns:a16="http://schemas.microsoft.com/office/drawing/2014/main" id="{B72B3D64-8CCC-482F-A413-370B5ED9D9F6}"/>
            </a:ext>
          </a:extLst>
        </xdr:cNvPr>
        <xdr:cNvSpPr txBox="1"/>
      </xdr:nvSpPr>
      <xdr:spPr>
        <a:xfrm>
          <a:off x="927744" y="100653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a:extLst>
            <a:ext uri="{FF2B5EF4-FFF2-40B4-BE49-F238E27FC236}">
              <a16:creationId xmlns:a16="http://schemas.microsoft.com/office/drawing/2014/main" id="{A3ABB0DB-3DF0-4A97-A36F-06C64207F79D}"/>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a:extLst>
            <a:ext uri="{FF2B5EF4-FFF2-40B4-BE49-F238E27FC236}">
              <a16:creationId xmlns:a16="http://schemas.microsoft.com/office/drawing/2014/main" id="{6542BB9B-F805-4B0E-AC05-D2D67196054D}"/>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a:extLst>
            <a:ext uri="{FF2B5EF4-FFF2-40B4-BE49-F238E27FC236}">
              <a16:creationId xmlns:a16="http://schemas.microsoft.com/office/drawing/2014/main" id="{C8DADCB9-8448-4A88-8696-1192F1167C43}"/>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a:extLst>
            <a:ext uri="{FF2B5EF4-FFF2-40B4-BE49-F238E27FC236}">
              <a16:creationId xmlns:a16="http://schemas.microsoft.com/office/drawing/2014/main" id="{52F351E8-6D0C-430C-83A1-CF91AFD28063}"/>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a:extLst>
            <a:ext uri="{FF2B5EF4-FFF2-40B4-BE49-F238E27FC236}">
              <a16:creationId xmlns:a16="http://schemas.microsoft.com/office/drawing/2014/main" id="{A56209D0-BBBF-40F0-B91F-5CB34E22F935}"/>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a:extLst>
            <a:ext uri="{FF2B5EF4-FFF2-40B4-BE49-F238E27FC236}">
              <a16:creationId xmlns:a16="http://schemas.microsoft.com/office/drawing/2014/main" id="{0CC092A5-F133-4C46-ADD6-AD5DD7925089}"/>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a:extLst>
            <a:ext uri="{FF2B5EF4-FFF2-40B4-BE49-F238E27FC236}">
              <a16:creationId xmlns:a16="http://schemas.microsoft.com/office/drawing/2014/main" id="{3858B4EF-65E6-4733-BD34-B4736C552E91}"/>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a:extLst>
            <a:ext uri="{FF2B5EF4-FFF2-40B4-BE49-F238E27FC236}">
              <a16:creationId xmlns:a16="http://schemas.microsoft.com/office/drawing/2014/main" id="{A3AC30FF-A51C-4FB7-AC80-F86CAD4BF30B}"/>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a:extLst>
            <a:ext uri="{FF2B5EF4-FFF2-40B4-BE49-F238E27FC236}">
              <a16:creationId xmlns:a16="http://schemas.microsoft.com/office/drawing/2014/main" id="{E4969478-827A-4DA4-BDF0-707836D207ED}"/>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a:extLst>
            <a:ext uri="{FF2B5EF4-FFF2-40B4-BE49-F238E27FC236}">
              <a16:creationId xmlns:a16="http://schemas.microsoft.com/office/drawing/2014/main" id="{C2629D9F-68E3-48C0-B022-4D95234D464C}"/>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6" name="直線コネクタ 215">
          <a:extLst>
            <a:ext uri="{FF2B5EF4-FFF2-40B4-BE49-F238E27FC236}">
              <a16:creationId xmlns:a16="http://schemas.microsoft.com/office/drawing/2014/main" id="{613B6628-BC78-4CF1-9CF5-662C71507AB0}"/>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7" name="テキスト ボックス 216">
          <a:extLst>
            <a:ext uri="{FF2B5EF4-FFF2-40B4-BE49-F238E27FC236}">
              <a16:creationId xmlns:a16="http://schemas.microsoft.com/office/drawing/2014/main" id="{BF8D0EC1-F577-48BA-B3E1-7DDEB056BAAC}"/>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8" name="直線コネクタ 217">
          <a:extLst>
            <a:ext uri="{FF2B5EF4-FFF2-40B4-BE49-F238E27FC236}">
              <a16:creationId xmlns:a16="http://schemas.microsoft.com/office/drawing/2014/main" id="{7AAD40A5-28D1-4EE6-B421-DC13AEFD4689}"/>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19" name="テキスト ボックス 218">
          <a:extLst>
            <a:ext uri="{FF2B5EF4-FFF2-40B4-BE49-F238E27FC236}">
              <a16:creationId xmlns:a16="http://schemas.microsoft.com/office/drawing/2014/main" id="{224A0FEB-A863-4D76-BE5A-0C1DCE701BF6}"/>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0" name="直線コネクタ 219">
          <a:extLst>
            <a:ext uri="{FF2B5EF4-FFF2-40B4-BE49-F238E27FC236}">
              <a16:creationId xmlns:a16="http://schemas.microsoft.com/office/drawing/2014/main" id="{957320FF-82EE-4C56-A057-B74F3B833736}"/>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1" name="テキスト ボックス 220">
          <a:extLst>
            <a:ext uri="{FF2B5EF4-FFF2-40B4-BE49-F238E27FC236}">
              <a16:creationId xmlns:a16="http://schemas.microsoft.com/office/drawing/2014/main" id="{ABD613A6-23E3-4987-B908-5128E1741202}"/>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2" name="直線コネクタ 221">
          <a:extLst>
            <a:ext uri="{FF2B5EF4-FFF2-40B4-BE49-F238E27FC236}">
              <a16:creationId xmlns:a16="http://schemas.microsoft.com/office/drawing/2014/main" id="{AE14B5F7-2AAF-4E26-8992-405088D09120}"/>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3" name="テキスト ボックス 222">
          <a:extLst>
            <a:ext uri="{FF2B5EF4-FFF2-40B4-BE49-F238E27FC236}">
              <a16:creationId xmlns:a16="http://schemas.microsoft.com/office/drawing/2014/main" id="{099C5D28-E5AB-418D-A0A3-DC6E85960FA1}"/>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4" name="直線コネクタ 223">
          <a:extLst>
            <a:ext uri="{FF2B5EF4-FFF2-40B4-BE49-F238E27FC236}">
              <a16:creationId xmlns:a16="http://schemas.microsoft.com/office/drawing/2014/main" id="{C3B52FBF-EE93-4EC1-8791-252BFE4566A9}"/>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5" name="テキスト ボックス 224">
          <a:extLst>
            <a:ext uri="{FF2B5EF4-FFF2-40B4-BE49-F238E27FC236}">
              <a16:creationId xmlns:a16="http://schemas.microsoft.com/office/drawing/2014/main" id="{7F8CDD62-D13F-4421-B11E-FF23B03BF250}"/>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6" name="直線コネクタ 225">
          <a:extLst>
            <a:ext uri="{FF2B5EF4-FFF2-40B4-BE49-F238E27FC236}">
              <a16:creationId xmlns:a16="http://schemas.microsoft.com/office/drawing/2014/main" id="{9C2F36F1-1E8E-448A-A531-ED8DA98B4B1B}"/>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7" name="テキスト ボックス 226">
          <a:extLst>
            <a:ext uri="{FF2B5EF4-FFF2-40B4-BE49-F238E27FC236}">
              <a16:creationId xmlns:a16="http://schemas.microsoft.com/office/drawing/2014/main" id="{D06D4453-464F-4606-8043-E22C81F2F63D}"/>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8" name="【体育館・プール】&#10;一人当たり面積グラフ枠">
          <a:extLst>
            <a:ext uri="{FF2B5EF4-FFF2-40B4-BE49-F238E27FC236}">
              <a16:creationId xmlns:a16="http://schemas.microsoft.com/office/drawing/2014/main" id="{93F28037-1FD0-4584-93A2-8368D3585FA9}"/>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58877</xdr:rowOff>
    </xdr:from>
    <xdr:to>
      <xdr:col>54</xdr:col>
      <xdr:colOff>189865</xdr:colOff>
      <xdr:row>64</xdr:row>
      <xdr:rowOff>72390</xdr:rowOff>
    </xdr:to>
    <xdr:cxnSp macro="">
      <xdr:nvCxnSpPr>
        <xdr:cNvPr id="229" name="直線コネクタ 228">
          <a:extLst>
            <a:ext uri="{FF2B5EF4-FFF2-40B4-BE49-F238E27FC236}">
              <a16:creationId xmlns:a16="http://schemas.microsoft.com/office/drawing/2014/main" id="{F0E8D403-6E8A-4416-AD5A-712FF20296BC}"/>
            </a:ext>
          </a:extLst>
        </xdr:cNvPr>
        <xdr:cNvCxnSpPr/>
      </xdr:nvCxnSpPr>
      <xdr:spPr>
        <a:xfrm flipV="1">
          <a:off x="10476865" y="9760077"/>
          <a:ext cx="0" cy="12851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6217</xdr:rowOff>
    </xdr:from>
    <xdr:ext cx="469744" cy="259045"/>
    <xdr:sp macro="" textlink="">
      <xdr:nvSpPr>
        <xdr:cNvPr id="230" name="【体育館・プール】&#10;一人当たり面積最小値テキスト">
          <a:extLst>
            <a:ext uri="{FF2B5EF4-FFF2-40B4-BE49-F238E27FC236}">
              <a16:creationId xmlns:a16="http://schemas.microsoft.com/office/drawing/2014/main" id="{F0032BB4-75F6-4691-BFFE-EBEB6D14485B}"/>
            </a:ext>
          </a:extLst>
        </xdr:cNvPr>
        <xdr:cNvSpPr txBox="1"/>
      </xdr:nvSpPr>
      <xdr:spPr>
        <a:xfrm>
          <a:off x="10515600" y="11049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2390</xdr:rowOff>
    </xdr:from>
    <xdr:to>
      <xdr:col>55</xdr:col>
      <xdr:colOff>88900</xdr:colOff>
      <xdr:row>64</xdr:row>
      <xdr:rowOff>72390</xdr:rowOff>
    </xdr:to>
    <xdr:cxnSp macro="">
      <xdr:nvCxnSpPr>
        <xdr:cNvPr id="231" name="直線コネクタ 230">
          <a:extLst>
            <a:ext uri="{FF2B5EF4-FFF2-40B4-BE49-F238E27FC236}">
              <a16:creationId xmlns:a16="http://schemas.microsoft.com/office/drawing/2014/main" id="{5E3AFBE5-BC90-4B45-A41A-32190E40907F}"/>
            </a:ext>
          </a:extLst>
        </xdr:cNvPr>
        <xdr:cNvCxnSpPr/>
      </xdr:nvCxnSpPr>
      <xdr:spPr>
        <a:xfrm>
          <a:off x="10388600" y="110451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05554</xdr:rowOff>
    </xdr:from>
    <xdr:ext cx="469744" cy="259045"/>
    <xdr:sp macro="" textlink="">
      <xdr:nvSpPr>
        <xdr:cNvPr id="232" name="【体育館・プール】&#10;一人当たり面積最大値テキスト">
          <a:extLst>
            <a:ext uri="{FF2B5EF4-FFF2-40B4-BE49-F238E27FC236}">
              <a16:creationId xmlns:a16="http://schemas.microsoft.com/office/drawing/2014/main" id="{DCBA7CE3-C6C3-40D5-BFFF-17C7E1DAAD0F}"/>
            </a:ext>
          </a:extLst>
        </xdr:cNvPr>
        <xdr:cNvSpPr txBox="1"/>
      </xdr:nvSpPr>
      <xdr:spPr>
        <a:xfrm>
          <a:off x="10515600" y="9535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58877</xdr:rowOff>
    </xdr:from>
    <xdr:to>
      <xdr:col>55</xdr:col>
      <xdr:colOff>88900</xdr:colOff>
      <xdr:row>56</xdr:row>
      <xdr:rowOff>158877</xdr:rowOff>
    </xdr:to>
    <xdr:cxnSp macro="">
      <xdr:nvCxnSpPr>
        <xdr:cNvPr id="233" name="直線コネクタ 232">
          <a:extLst>
            <a:ext uri="{FF2B5EF4-FFF2-40B4-BE49-F238E27FC236}">
              <a16:creationId xmlns:a16="http://schemas.microsoft.com/office/drawing/2014/main" id="{8B7CF50D-D146-48A4-8BED-5F9FBDF086F1}"/>
            </a:ext>
          </a:extLst>
        </xdr:cNvPr>
        <xdr:cNvCxnSpPr/>
      </xdr:nvCxnSpPr>
      <xdr:spPr>
        <a:xfrm>
          <a:off x="10388600" y="9760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63720</xdr:rowOff>
    </xdr:from>
    <xdr:ext cx="469744" cy="259045"/>
    <xdr:sp macro="" textlink="">
      <xdr:nvSpPr>
        <xdr:cNvPr id="234" name="【体育館・プール】&#10;一人当たり面積平均値テキスト">
          <a:extLst>
            <a:ext uri="{FF2B5EF4-FFF2-40B4-BE49-F238E27FC236}">
              <a16:creationId xmlns:a16="http://schemas.microsoft.com/office/drawing/2014/main" id="{1D27BB60-5E48-4E2D-A251-177909C3CFBB}"/>
            </a:ext>
          </a:extLst>
        </xdr:cNvPr>
        <xdr:cNvSpPr txBox="1"/>
      </xdr:nvSpPr>
      <xdr:spPr>
        <a:xfrm>
          <a:off x="10515600" y="106221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40843</xdr:rowOff>
    </xdr:from>
    <xdr:to>
      <xdr:col>55</xdr:col>
      <xdr:colOff>50800</xdr:colOff>
      <xdr:row>63</xdr:row>
      <xdr:rowOff>70993</xdr:rowOff>
    </xdr:to>
    <xdr:sp macro="" textlink="">
      <xdr:nvSpPr>
        <xdr:cNvPr id="235" name="フローチャート: 判断 234">
          <a:extLst>
            <a:ext uri="{FF2B5EF4-FFF2-40B4-BE49-F238E27FC236}">
              <a16:creationId xmlns:a16="http://schemas.microsoft.com/office/drawing/2014/main" id="{D6B29B32-1E9E-449D-A6BE-53A0B99B43B6}"/>
            </a:ext>
          </a:extLst>
        </xdr:cNvPr>
        <xdr:cNvSpPr/>
      </xdr:nvSpPr>
      <xdr:spPr>
        <a:xfrm>
          <a:off x="10426700" y="10770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45034</xdr:rowOff>
    </xdr:from>
    <xdr:to>
      <xdr:col>50</xdr:col>
      <xdr:colOff>165100</xdr:colOff>
      <xdr:row>63</xdr:row>
      <xdr:rowOff>75184</xdr:rowOff>
    </xdr:to>
    <xdr:sp macro="" textlink="">
      <xdr:nvSpPr>
        <xdr:cNvPr id="236" name="フローチャート: 判断 235">
          <a:extLst>
            <a:ext uri="{FF2B5EF4-FFF2-40B4-BE49-F238E27FC236}">
              <a16:creationId xmlns:a16="http://schemas.microsoft.com/office/drawing/2014/main" id="{4AD10FE1-03BE-4ED7-9D4B-3D6F6E1E163D}"/>
            </a:ext>
          </a:extLst>
        </xdr:cNvPr>
        <xdr:cNvSpPr/>
      </xdr:nvSpPr>
      <xdr:spPr>
        <a:xfrm>
          <a:off x="9588500" y="10774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58750</xdr:rowOff>
    </xdr:from>
    <xdr:to>
      <xdr:col>46</xdr:col>
      <xdr:colOff>38100</xdr:colOff>
      <xdr:row>63</xdr:row>
      <xdr:rowOff>88900</xdr:rowOff>
    </xdr:to>
    <xdr:sp macro="" textlink="">
      <xdr:nvSpPr>
        <xdr:cNvPr id="237" name="フローチャート: 判断 236">
          <a:extLst>
            <a:ext uri="{FF2B5EF4-FFF2-40B4-BE49-F238E27FC236}">
              <a16:creationId xmlns:a16="http://schemas.microsoft.com/office/drawing/2014/main" id="{E75795DA-0709-406E-8A07-0929DB66A4C2}"/>
            </a:ext>
          </a:extLst>
        </xdr:cNvPr>
        <xdr:cNvSpPr/>
      </xdr:nvSpPr>
      <xdr:spPr>
        <a:xfrm>
          <a:off x="8699500" y="10788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30937</xdr:rowOff>
    </xdr:from>
    <xdr:to>
      <xdr:col>41</xdr:col>
      <xdr:colOff>101600</xdr:colOff>
      <xdr:row>63</xdr:row>
      <xdr:rowOff>61087</xdr:rowOff>
    </xdr:to>
    <xdr:sp macro="" textlink="">
      <xdr:nvSpPr>
        <xdr:cNvPr id="238" name="フローチャート: 判断 237">
          <a:extLst>
            <a:ext uri="{FF2B5EF4-FFF2-40B4-BE49-F238E27FC236}">
              <a16:creationId xmlns:a16="http://schemas.microsoft.com/office/drawing/2014/main" id="{34BCF4C6-B8B7-41F7-85B3-5E81E301FABD}"/>
            </a:ext>
          </a:extLst>
        </xdr:cNvPr>
        <xdr:cNvSpPr/>
      </xdr:nvSpPr>
      <xdr:spPr>
        <a:xfrm>
          <a:off x="7810500" y="10760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27508</xdr:rowOff>
    </xdr:from>
    <xdr:to>
      <xdr:col>36</xdr:col>
      <xdr:colOff>165100</xdr:colOff>
      <xdr:row>63</xdr:row>
      <xdr:rowOff>57658</xdr:rowOff>
    </xdr:to>
    <xdr:sp macro="" textlink="">
      <xdr:nvSpPr>
        <xdr:cNvPr id="239" name="フローチャート: 判断 238">
          <a:extLst>
            <a:ext uri="{FF2B5EF4-FFF2-40B4-BE49-F238E27FC236}">
              <a16:creationId xmlns:a16="http://schemas.microsoft.com/office/drawing/2014/main" id="{F70F2206-53D7-418F-9528-15825149BD17}"/>
            </a:ext>
          </a:extLst>
        </xdr:cNvPr>
        <xdr:cNvSpPr/>
      </xdr:nvSpPr>
      <xdr:spPr>
        <a:xfrm>
          <a:off x="6921500" y="10757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7A0E3C29-A9EE-4CE9-80BA-033FFCB9BC22}"/>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DA27486B-A41A-47AA-A67F-8440F8863F5D}"/>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FB0340EC-4F37-4C00-AE1D-6427AE3E40D9}"/>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A3A3C6A3-79F8-47CE-B238-867EEA238A1E}"/>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F7264A2F-8311-4F65-849D-686AE03893D3}"/>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86741</xdr:rowOff>
    </xdr:from>
    <xdr:to>
      <xdr:col>55</xdr:col>
      <xdr:colOff>50800</xdr:colOff>
      <xdr:row>64</xdr:row>
      <xdr:rowOff>16891</xdr:rowOff>
    </xdr:to>
    <xdr:sp macro="" textlink="">
      <xdr:nvSpPr>
        <xdr:cNvPr id="245" name="楕円 244">
          <a:extLst>
            <a:ext uri="{FF2B5EF4-FFF2-40B4-BE49-F238E27FC236}">
              <a16:creationId xmlns:a16="http://schemas.microsoft.com/office/drawing/2014/main" id="{255B89B7-D980-47CB-B72F-DF610C172C90}"/>
            </a:ext>
          </a:extLst>
        </xdr:cNvPr>
        <xdr:cNvSpPr/>
      </xdr:nvSpPr>
      <xdr:spPr>
        <a:xfrm>
          <a:off x="10426700" y="10888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668</xdr:rowOff>
    </xdr:from>
    <xdr:ext cx="469744" cy="259045"/>
    <xdr:sp macro="" textlink="">
      <xdr:nvSpPr>
        <xdr:cNvPr id="246" name="【体育館・プール】&#10;一人当たり面積該当値テキスト">
          <a:extLst>
            <a:ext uri="{FF2B5EF4-FFF2-40B4-BE49-F238E27FC236}">
              <a16:creationId xmlns:a16="http://schemas.microsoft.com/office/drawing/2014/main" id="{875E8555-B56B-45E2-B4F0-39A2C5EAEA36}"/>
            </a:ext>
          </a:extLst>
        </xdr:cNvPr>
        <xdr:cNvSpPr txBox="1"/>
      </xdr:nvSpPr>
      <xdr:spPr>
        <a:xfrm>
          <a:off x="10515600" y="108030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88265</xdr:rowOff>
    </xdr:from>
    <xdr:to>
      <xdr:col>50</xdr:col>
      <xdr:colOff>165100</xdr:colOff>
      <xdr:row>64</xdr:row>
      <xdr:rowOff>18415</xdr:rowOff>
    </xdr:to>
    <xdr:sp macro="" textlink="">
      <xdr:nvSpPr>
        <xdr:cNvPr id="247" name="楕円 246">
          <a:extLst>
            <a:ext uri="{FF2B5EF4-FFF2-40B4-BE49-F238E27FC236}">
              <a16:creationId xmlns:a16="http://schemas.microsoft.com/office/drawing/2014/main" id="{EDA252AB-7B5E-4D3F-8D04-23F5F2BA0E71}"/>
            </a:ext>
          </a:extLst>
        </xdr:cNvPr>
        <xdr:cNvSpPr/>
      </xdr:nvSpPr>
      <xdr:spPr>
        <a:xfrm>
          <a:off x="9588500" y="10889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37541</xdr:rowOff>
    </xdr:from>
    <xdr:to>
      <xdr:col>55</xdr:col>
      <xdr:colOff>0</xdr:colOff>
      <xdr:row>63</xdr:row>
      <xdr:rowOff>139065</xdr:rowOff>
    </xdr:to>
    <xdr:cxnSp macro="">
      <xdr:nvCxnSpPr>
        <xdr:cNvPr id="248" name="直線コネクタ 247">
          <a:extLst>
            <a:ext uri="{FF2B5EF4-FFF2-40B4-BE49-F238E27FC236}">
              <a16:creationId xmlns:a16="http://schemas.microsoft.com/office/drawing/2014/main" id="{9EA77CDD-910F-476B-836A-0695AD7D31BD}"/>
            </a:ext>
          </a:extLst>
        </xdr:cNvPr>
        <xdr:cNvCxnSpPr/>
      </xdr:nvCxnSpPr>
      <xdr:spPr>
        <a:xfrm flipV="1">
          <a:off x="9639300" y="10938891"/>
          <a:ext cx="8382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90170</xdr:rowOff>
    </xdr:from>
    <xdr:to>
      <xdr:col>46</xdr:col>
      <xdr:colOff>38100</xdr:colOff>
      <xdr:row>64</xdr:row>
      <xdr:rowOff>20320</xdr:rowOff>
    </xdr:to>
    <xdr:sp macro="" textlink="">
      <xdr:nvSpPr>
        <xdr:cNvPr id="249" name="楕円 248">
          <a:extLst>
            <a:ext uri="{FF2B5EF4-FFF2-40B4-BE49-F238E27FC236}">
              <a16:creationId xmlns:a16="http://schemas.microsoft.com/office/drawing/2014/main" id="{240BE20D-52A4-4012-8673-93FD8D885CB5}"/>
            </a:ext>
          </a:extLst>
        </xdr:cNvPr>
        <xdr:cNvSpPr/>
      </xdr:nvSpPr>
      <xdr:spPr>
        <a:xfrm>
          <a:off x="8699500" y="10891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39065</xdr:rowOff>
    </xdr:from>
    <xdr:to>
      <xdr:col>50</xdr:col>
      <xdr:colOff>114300</xdr:colOff>
      <xdr:row>63</xdr:row>
      <xdr:rowOff>140970</xdr:rowOff>
    </xdr:to>
    <xdr:cxnSp macro="">
      <xdr:nvCxnSpPr>
        <xdr:cNvPr id="250" name="直線コネクタ 249">
          <a:extLst>
            <a:ext uri="{FF2B5EF4-FFF2-40B4-BE49-F238E27FC236}">
              <a16:creationId xmlns:a16="http://schemas.microsoft.com/office/drawing/2014/main" id="{5CEA2612-9A3D-4111-857D-D24F6DA2C4D1}"/>
            </a:ext>
          </a:extLst>
        </xdr:cNvPr>
        <xdr:cNvCxnSpPr/>
      </xdr:nvCxnSpPr>
      <xdr:spPr>
        <a:xfrm flipV="1">
          <a:off x="8750300" y="1094041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91694</xdr:rowOff>
    </xdr:from>
    <xdr:to>
      <xdr:col>41</xdr:col>
      <xdr:colOff>101600</xdr:colOff>
      <xdr:row>64</xdr:row>
      <xdr:rowOff>21844</xdr:rowOff>
    </xdr:to>
    <xdr:sp macro="" textlink="">
      <xdr:nvSpPr>
        <xdr:cNvPr id="251" name="楕円 250">
          <a:extLst>
            <a:ext uri="{FF2B5EF4-FFF2-40B4-BE49-F238E27FC236}">
              <a16:creationId xmlns:a16="http://schemas.microsoft.com/office/drawing/2014/main" id="{F37C399A-EDB5-47EE-A85C-ECEF45B221FE}"/>
            </a:ext>
          </a:extLst>
        </xdr:cNvPr>
        <xdr:cNvSpPr/>
      </xdr:nvSpPr>
      <xdr:spPr>
        <a:xfrm>
          <a:off x="7810500" y="10893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40970</xdr:rowOff>
    </xdr:from>
    <xdr:to>
      <xdr:col>45</xdr:col>
      <xdr:colOff>177800</xdr:colOff>
      <xdr:row>63</xdr:row>
      <xdr:rowOff>142494</xdr:rowOff>
    </xdr:to>
    <xdr:cxnSp macro="">
      <xdr:nvCxnSpPr>
        <xdr:cNvPr id="252" name="直線コネクタ 251">
          <a:extLst>
            <a:ext uri="{FF2B5EF4-FFF2-40B4-BE49-F238E27FC236}">
              <a16:creationId xmlns:a16="http://schemas.microsoft.com/office/drawing/2014/main" id="{FE200E2B-581D-442D-A68D-E4DC66E257B1}"/>
            </a:ext>
          </a:extLst>
        </xdr:cNvPr>
        <xdr:cNvCxnSpPr/>
      </xdr:nvCxnSpPr>
      <xdr:spPr>
        <a:xfrm flipV="1">
          <a:off x="7861300" y="10942320"/>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93599</xdr:rowOff>
    </xdr:from>
    <xdr:to>
      <xdr:col>36</xdr:col>
      <xdr:colOff>165100</xdr:colOff>
      <xdr:row>64</xdr:row>
      <xdr:rowOff>23749</xdr:rowOff>
    </xdr:to>
    <xdr:sp macro="" textlink="">
      <xdr:nvSpPr>
        <xdr:cNvPr id="253" name="楕円 252">
          <a:extLst>
            <a:ext uri="{FF2B5EF4-FFF2-40B4-BE49-F238E27FC236}">
              <a16:creationId xmlns:a16="http://schemas.microsoft.com/office/drawing/2014/main" id="{0816A852-27DC-4E0F-858B-029A6677470D}"/>
            </a:ext>
          </a:extLst>
        </xdr:cNvPr>
        <xdr:cNvSpPr/>
      </xdr:nvSpPr>
      <xdr:spPr>
        <a:xfrm>
          <a:off x="6921500" y="10894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42494</xdr:rowOff>
    </xdr:from>
    <xdr:to>
      <xdr:col>41</xdr:col>
      <xdr:colOff>50800</xdr:colOff>
      <xdr:row>63</xdr:row>
      <xdr:rowOff>144399</xdr:rowOff>
    </xdr:to>
    <xdr:cxnSp macro="">
      <xdr:nvCxnSpPr>
        <xdr:cNvPr id="254" name="直線コネクタ 253">
          <a:extLst>
            <a:ext uri="{FF2B5EF4-FFF2-40B4-BE49-F238E27FC236}">
              <a16:creationId xmlns:a16="http://schemas.microsoft.com/office/drawing/2014/main" id="{9AD42E70-A0E6-4CA5-BA0D-591D6ACEECCA}"/>
            </a:ext>
          </a:extLst>
        </xdr:cNvPr>
        <xdr:cNvCxnSpPr/>
      </xdr:nvCxnSpPr>
      <xdr:spPr>
        <a:xfrm flipV="1">
          <a:off x="6972300" y="10943844"/>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91711</xdr:rowOff>
    </xdr:from>
    <xdr:ext cx="469744" cy="259045"/>
    <xdr:sp macro="" textlink="">
      <xdr:nvSpPr>
        <xdr:cNvPr id="255" name="n_1aveValue【体育館・プール】&#10;一人当たり面積">
          <a:extLst>
            <a:ext uri="{FF2B5EF4-FFF2-40B4-BE49-F238E27FC236}">
              <a16:creationId xmlns:a16="http://schemas.microsoft.com/office/drawing/2014/main" id="{AFFF303B-D065-4FF5-8D0C-DA98E7CB13B8}"/>
            </a:ext>
          </a:extLst>
        </xdr:cNvPr>
        <xdr:cNvSpPr txBox="1"/>
      </xdr:nvSpPr>
      <xdr:spPr>
        <a:xfrm>
          <a:off x="9391727" y="105501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105427</xdr:rowOff>
    </xdr:from>
    <xdr:ext cx="469744" cy="259045"/>
    <xdr:sp macro="" textlink="">
      <xdr:nvSpPr>
        <xdr:cNvPr id="256" name="n_2aveValue【体育館・プール】&#10;一人当たり面積">
          <a:extLst>
            <a:ext uri="{FF2B5EF4-FFF2-40B4-BE49-F238E27FC236}">
              <a16:creationId xmlns:a16="http://schemas.microsoft.com/office/drawing/2014/main" id="{41D9E797-F44C-4966-AB65-DBC6ED6BA589}"/>
            </a:ext>
          </a:extLst>
        </xdr:cNvPr>
        <xdr:cNvSpPr txBox="1"/>
      </xdr:nvSpPr>
      <xdr:spPr>
        <a:xfrm>
          <a:off x="8515427" y="10563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77614</xdr:rowOff>
    </xdr:from>
    <xdr:ext cx="469744" cy="259045"/>
    <xdr:sp macro="" textlink="">
      <xdr:nvSpPr>
        <xdr:cNvPr id="257" name="n_3aveValue【体育館・プール】&#10;一人当たり面積">
          <a:extLst>
            <a:ext uri="{FF2B5EF4-FFF2-40B4-BE49-F238E27FC236}">
              <a16:creationId xmlns:a16="http://schemas.microsoft.com/office/drawing/2014/main" id="{9AE1B562-B684-45AC-85A2-B879DAD9E143}"/>
            </a:ext>
          </a:extLst>
        </xdr:cNvPr>
        <xdr:cNvSpPr txBox="1"/>
      </xdr:nvSpPr>
      <xdr:spPr>
        <a:xfrm>
          <a:off x="7626427" y="10536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74185</xdr:rowOff>
    </xdr:from>
    <xdr:ext cx="469744" cy="259045"/>
    <xdr:sp macro="" textlink="">
      <xdr:nvSpPr>
        <xdr:cNvPr id="258" name="n_4aveValue【体育館・プール】&#10;一人当たり面積">
          <a:extLst>
            <a:ext uri="{FF2B5EF4-FFF2-40B4-BE49-F238E27FC236}">
              <a16:creationId xmlns:a16="http://schemas.microsoft.com/office/drawing/2014/main" id="{A8D08520-A844-4D66-9F9D-0C984373D933}"/>
            </a:ext>
          </a:extLst>
        </xdr:cNvPr>
        <xdr:cNvSpPr txBox="1"/>
      </xdr:nvSpPr>
      <xdr:spPr>
        <a:xfrm>
          <a:off x="6737427" y="10532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9542</xdr:rowOff>
    </xdr:from>
    <xdr:ext cx="469744" cy="259045"/>
    <xdr:sp macro="" textlink="">
      <xdr:nvSpPr>
        <xdr:cNvPr id="259" name="n_1mainValue【体育館・プール】&#10;一人当たり面積">
          <a:extLst>
            <a:ext uri="{FF2B5EF4-FFF2-40B4-BE49-F238E27FC236}">
              <a16:creationId xmlns:a16="http://schemas.microsoft.com/office/drawing/2014/main" id="{BE1CBD2B-006B-4F62-AE45-93365886CB2B}"/>
            </a:ext>
          </a:extLst>
        </xdr:cNvPr>
        <xdr:cNvSpPr txBox="1"/>
      </xdr:nvSpPr>
      <xdr:spPr>
        <a:xfrm>
          <a:off x="9391727" y="10982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11447</xdr:rowOff>
    </xdr:from>
    <xdr:ext cx="469744" cy="259045"/>
    <xdr:sp macro="" textlink="">
      <xdr:nvSpPr>
        <xdr:cNvPr id="260" name="n_2mainValue【体育館・プール】&#10;一人当たり面積">
          <a:extLst>
            <a:ext uri="{FF2B5EF4-FFF2-40B4-BE49-F238E27FC236}">
              <a16:creationId xmlns:a16="http://schemas.microsoft.com/office/drawing/2014/main" id="{76DB3B6E-EFC5-48D4-B1A0-A96F8BAFC21E}"/>
            </a:ext>
          </a:extLst>
        </xdr:cNvPr>
        <xdr:cNvSpPr txBox="1"/>
      </xdr:nvSpPr>
      <xdr:spPr>
        <a:xfrm>
          <a:off x="8515427" y="10984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12971</xdr:rowOff>
    </xdr:from>
    <xdr:ext cx="469744" cy="259045"/>
    <xdr:sp macro="" textlink="">
      <xdr:nvSpPr>
        <xdr:cNvPr id="261" name="n_3mainValue【体育館・プール】&#10;一人当たり面積">
          <a:extLst>
            <a:ext uri="{FF2B5EF4-FFF2-40B4-BE49-F238E27FC236}">
              <a16:creationId xmlns:a16="http://schemas.microsoft.com/office/drawing/2014/main" id="{97A28933-4F50-419C-94DD-AC0B5C2CAA37}"/>
            </a:ext>
          </a:extLst>
        </xdr:cNvPr>
        <xdr:cNvSpPr txBox="1"/>
      </xdr:nvSpPr>
      <xdr:spPr>
        <a:xfrm>
          <a:off x="7626427" y="10985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4</xdr:row>
      <xdr:rowOff>14876</xdr:rowOff>
    </xdr:from>
    <xdr:ext cx="469744" cy="259045"/>
    <xdr:sp macro="" textlink="">
      <xdr:nvSpPr>
        <xdr:cNvPr id="262" name="n_4mainValue【体育館・プール】&#10;一人当たり面積">
          <a:extLst>
            <a:ext uri="{FF2B5EF4-FFF2-40B4-BE49-F238E27FC236}">
              <a16:creationId xmlns:a16="http://schemas.microsoft.com/office/drawing/2014/main" id="{04BE07A8-E807-4A2A-AD0C-19DE54FC1EE4}"/>
            </a:ext>
          </a:extLst>
        </xdr:cNvPr>
        <xdr:cNvSpPr txBox="1"/>
      </xdr:nvSpPr>
      <xdr:spPr>
        <a:xfrm>
          <a:off x="6737427" y="109876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3" name="正方形/長方形 262">
          <a:extLst>
            <a:ext uri="{FF2B5EF4-FFF2-40B4-BE49-F238E27FC236}">
              <a16:creationId xmlns:a16="http://schemas.microsoft.com/office/drawing/2014/main" id="{7B2E5BA1-1B03-454A-8550-DB039B396E5B}"/>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4" name="正方形/長方形 263">
          <a:extLst>
            <a:ext uri="{FF2B5EF4-FFF2-40B4-BE49-F238E27FC236}">
              <a16:creationId xmlns:a16="http://schemas.microsoft.com/office/drawing/2014/main" id="{BE5F4CED-FA2A-440A-8B44-5322175487E8}"/>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5" name="正方形/長方形 264">
          <a:extLst>
            <a:ext uri="{FF2B5EF4-FFF2-40B4-BE49-F238E27FC236}">
              <a16:creationId xmlns:a16="http://schemas.microsoft.com/office/drawing/2014/main" id="{E18559B4-84B3-4D78-9E85-7B7F46543C3F}"/>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6" name="正方形/長方形 265">
          <a:extLst>
            <a:ext uri="{FF2B5EF4-FFF2-40B4-BE49-F238E27FC236}">
              <a16:creationId xmlns:a16="http://schemas.microsoft.com/office/drawing/2014/main" id="{7C0EF9AE-18A6-4615-9A48-00E9F143AD36}"/>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7" name="正方形/長方形 266">
          <a:extLst>
            <a:ext uri="{FF2B5EF4-FFF2-40B4-BE49-F238E27FC236}">
              <a16:creationId xmlns:a16="http://schemas.microsoft.com/office/drawing/2014/main" id="{E16ECDEC-456B-4CFC-B955-021B662C6AE7}"/>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8" name="正方形/長方形 267">
          <a:extLst>
            <a:ext uri="{FF2B5EF4-FFF2-40B4-BE49-F238E27FC236}">
              <a16:creationId xmlns:a16="http://schemas.microsoft.com/office/drawing/2014/main" id="{E03170CC-620E-4324-B6A1-F0205B8F6A82}"/>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9" name="正方形/長方形 268">
          <a:extLst>
            <a:ext uri="{FF2B5EF4-FFF2-40B4-BE49-F238E27FC236}">
              <a16:creationId xmlns:a16="http://schemas.microsoft.com/office/drawing/2014/main" id="{C367AFBF-D48E-4FA4-8ED2-4469280CB01B}"/>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0" name="正方形/長方形 269">
          <a:extLst>
            <a:ext uri="{FF2B5EF4-FFF2-40B4-BE49-F238E27FC236}">
              <a16:creationId xmlns:a16="http://schemas.microsoft.com/office/drawing/2014/main" id="{D9D10BB5-B8B5-4CF9-A578-D3F58668639E}"/>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1" name="テキスト ボックス 270">
          <a:extLst>
            <a:ext uri="{FF2B5EF4-FFF2-40B4-BE49-F238E27FC236}">
              <a16:creationId xmlns:a16="http://schemas.microsoft.com/office/drawing/2014/main" id="{FB13BC1D-10D4-4E92-BB36-8F57F2D49C45}"/>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2" name="直線コネクタ 271">
          <a:extLst>
            <a:ext uri="{FF2B5EF4-FFF2-40B4-BE49-F238E27FC236}">
              <a16:creationId xmlns:a16="http://schemas.microsoft.com/office/drawing/2014/main" id="{2FEFF38B-881E-469C-8B5D-057249DEB3D6}"/>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3" name="テキスト ボックス 272">
          <a:extLst>
            <a:ext uri="{FF2B5EF4-FFF2-40B4-BE49-F238E27FC236}">
              <a16:creationId xmlns:a16="http://schemas.microsoft.com/office/drawing/2014/main" id="{5A5EBD79-F887-484D-BCE2-0F57068704A4}"/>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4" name="直線コネクタ 273">
          <a:extLst>
            <a:ext uri="{FF2B5EF4-FFF2-40B4-BE49-F238E27FC236}">
              <a16:creationId xmlns:a16="http://schemas.microsoft.com/office/drawing/2014/main" id="{12C3C2A1-74D2-4DBE-807B-7BCFBDE2D0EF}"/>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5" name="テキスト ボックス 274">
          <a:extLst>
            <a:ext uri="{FF2B5EF4-FFF2-40B4-BE49-F238E27FC236}">
              <a16:creationId xmlns:a16="http://schemas.microsoft.com/office/drawing/2014/main" id="{52B8B506-59B3-4392-AB24-DE558C1FC1DB}"/>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6" name="直線コネクタ 275">
          <a:extLst>
            <a:ext uri="{FF2B5EF4-FFF2-40B4-BE49-F238E27FC236}">
              <a16:creationId xmlns:a16="http://schemas.microsoft.com/office/drawing/2014/main" id="{D0610A35-48D6-40C2-8962-9E417613F112}"/>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7" name="テキスト ボックス 276">
          <a:extLst>
            <a:ext uri="{FF2B5EF4-FFF2-40B4-BE49-F238E27FC236}">
              <a16:creationId xmlns:a16="http://schemas.microsoft.com/office/drawing/2014/main" id="{6BE62F35-82CB-447E-B747-A3ECA45F344D}"/>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8" name="直線コネクタ 277">
          <a:extLst>
            <a:ext uri="{FF2B5EF4-FFF2-40B4-BE49-F238E27FC236}">
              <a16:creationId xmlns:a16="http://schemas.microsoft.com/office/drawing/2014/main" id="{B38A0BE1-E186-497A-AF1D-62BAFC7E2EEF}"/>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9" name="テキスト ボックス 278">
          <a:extLst>
            <a:ext uri="{FF2B5EF4-FFF2-40B4-BE49-F238E27FC236}">
              <a16:creationId xmlns:a16="http://schemas.microsoft.com/office/drawing/2014/main" id="{0C975493-F431-46D9-8F29-8406055F5404}"/>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0" name="直線コネクタ 279">
          <a:extLst>
            <a:ext uri="{FF2B5EF4-FFF2-40B4-BE49-F238E27FC236}">
              <a16:creationId xmlns:a16="http://schemas.microsoft.com/office/drawing/2014/main" id="{C60E612A-7CDD-4F08-BDF4-5235F20A46DB}"/>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1" name="テキスト ボックス 280">
          <a:extLst>
            <a:ext uri="{FF2B5EF4-FFF2-40B4-BE49-F238E27FC236}">
              <a16:creationId xmlns:a16="http://schemas.microsoft.com/office/drawing/2014/main" id="{1987A2AF-0067-4609-91CD-565D27DF03FD}"/>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2" name="直線コネクタ 281">
          <a:extLst>
            <a:ext uri="{FF2B5EF4-FFF2-40B4-BE49-F238E27FC236}">
              <a16:creationId xmlns:a16="http://schemas.microsoft.com/office/drawing/2014/main" id="{39F88241-90A2-4CD6-9DB9-CB77B1C023E1}"/>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3" name="テキスト ボックス 282">
          <a:extLst>
            <a:ext uri="{FF2B5EF4-FFF2-40B4-BE49-F238E27FC236}">
              <a16:creationId xmlns:a16="http://schemas.microsoft.com/office/drawing/2014/main" id="{226CA773-5054-4870-9815-A85311ECE0A9}"/>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4" name="直線コネクタ 283">
          <a:extLst>
            <a:ext uri="{FF2B5EF4-FFF2-40B4-BE49-F238E27FC236}">
              <a16:creationId xmlns:a16="http://schemas.microsoft.com/office/drawing/2014/main" id="{3FE2F2B7-5A79-4860-A984-45C2EFCF4E65}"/>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5" name="テキスト ボックス 284">
          <a:extLst>
            <a:ext uri="{FF2B5EF4-FFF2-40B4-BE49-F238E27FC236}">
              <a16:creationId xmlns:a16="http://schemas.microsoft.com/office/drawing/2014/main" id="{AA216B45-9B35-41DF-8ED6-42F1981E0E40}"/>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6" name="直線コネクタ 285">
          <a:extLst>
            <a:ext uri="{FF2B5EF4-FFF2-40B4-BE49-F238E27FC236}">
              <a16:creationId xmlns:a16="http://schemas.microsoft.com/office/drawing/2014/main" id="{1C9C2FBB-DE89-4BB9-B995-95F3DFE2C59C}"/>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7" name="【福祉施設】&#10;有形固定資産減価償却率グラフ枠">
          <a:extLst>
            <a:ext uri="{FF2B5EF4-FFF2-40B4-BE49-F238E27FC236}">
              <a16:creationId xmlns:a16="http://schemas.microsoft.com/office/drawing/2014/main" id="{379278E6-8C7B-4D9D-9132-AD39072BC4D7}"/>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23008</xdr:rowOff>
    </xdr:from>
    <xdr:to>
      <xdr:col>24</xdr:col>
      <xdr:colOff>62865</xdr:colOff>
      <xdr:row>86</xdr:row>
      <xdr:rowOff>168729</xdr:rowOff>
    </xdr:to>
    <xdr:cxnSp macro="">
      <xdr:nvCxnSpPr>
        <xdr:cNvPr id="288" name="直線コネクタ 287">
          <a:extLst>
            <a:ext uri="{FF2B5EF4-FFF2-40B4-BE49-F238E27FC236}">
              <a16:creationId xmlns:a16="http://schemas.microsoft.com/office/drawing/2014/main" id="{36D094A8-C564-4EAA-997E-78C6D8DD30F9}"/>
            </a:ext>
          </a:extLst>
        </xdr:cNvPr>
        <xdr:cNvCxnSpPr/>
      </xdr:nvCxnSpPr>
      <xdr:spPr>
        <a:xfrm flipV="1">
          <a:off x="4634865" y="13496108"/>
          <a:ext cx="0" cy="14173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89" name="【福祉施設】&#10;有形固定資産減価償却率最小値テキスト">
          <a:extLst>
            <a:ext uri="{FF2B5EF4-FFF2-40B4-BE49-F238E27FC236}">
              <a16:creationId xmlns:a16="http://schemas.microsoft.com/office/drawing/2014/main" id="{DD3BED87-8502-4AC9-A61B-B533E5EE3CC6}"/>
            </a:ext>
          </a:extLst>
        </xdr:cNvPr>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90" name="直線コネクタ 289">
          <a:extLst>
            <a:ext uri="{FF2B5EF4-FFF2-40B4-BE49-F238E27FC236}">
              <a16:creationId xmlns:a16="http://schemas.microsoft.com/office/drawing/2014/main" id="{C2EF2BBD-7A07-46A2-99A5-BE1D67C1953A}"/>
            </a:ext>
          </a:extLst>
        </xdr:cNvPr>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69685</xdr:rowOff>
    </xdr:from>
    <xdr:ext cx="405111" cy="259045"/>
    <xdr:sp macro="" textlink="">
      <xdr:nvSpPr>
        <xdr:cNvPr id="291" name="【福祉施設】&#10;有形固定資産減価償却率最大値テキスト">
          <a:extLst>
            <a:ext uri="{FF2B5EF4-FFF2-40B4-BE49-F238E27FC236}">
              <a16:creationId xmlns:a16="http://schemas.microsoft.com/office/drawing/2014/main" id="{A6113583-3552-4518-870E-EFBFC572B00C}"/>
            </a:ext>
          </a:extLst>
        </xdr:cNvPr>
        <xdr:cNvSpPr txBox="1"/>
      </xdr:nvSpPr>
      <xdr:spPr>
        <a:xfrm>
          <a:off x="4673600" y="132713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3008</xdr:rowOff>
    </xdr:from>
    <xdr:to>
      <xdr:col>24</xdr:col>
      <xdr:colOff>152400</xdr:colOff>
      <xdr:row>78</xdr:row>
      <xdr:rowOff>123008</xdr:rowOff>
    </xdr:to>
    <xdr:cxnSp macro="">
      <xdr:nvCxnSpPr>
        <xdr:cNvPr id="292" name="直線コネクタ 291">
          <a:extLst>
            <a:ext uri="{FF2B5EF4-FFF2-40B4-BE49-F238E27FC236}">
              <a16:creationId xmlns:a16="http://schemas.microsoft.com/office/drawing/2014/main" id="{13210F1C-6F37-4D8D-87AC-FDD61F2D0C88}"/>
            </a:ext>
          </a:extLst>
        </xdr:cNvPr>
        <xdr:cNvCxnSpPr/>
      </xdr:nvCxnSpPr>
      <xdr:spPr>
        <a:xfrm>
          <a:off x="4546600" y="134961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19578</xdr:rowOff>
    </xdr:from>
    <xdr:ext cx="405111" cy="259045"/>
    <xdr:sp macro="" textlink="">
      <xdr:nvSpPr>
        <xdr:cNvPr id="293" name="【福祉施設】&#10;有形固定資産減価償却率平均値テキスト">
          <a:extLst>
            <a:ext uri="{FF2B5EF4-FFF2-40B4-BE49-F238E27FC236}">
              <a16:creationId xmlns:a16="http://schemas.microsoft.com/office/drawing/2014/main" id="{DEFAC7BD-7A5B-4121-B854-3734B1EEC111}"/>
            </a:ext>
          </a:extLst>
        </xdr:cNvPr>
        <xdr:cNvSpPr txBox="1"/>
      </xdr:nvSpPr>
      <xdr:spPr>
        <a:xfrm>
          <a:off x="4673600" y="1417847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96701</xdr:rowOff>
    </xdr:from>
    <xdr:to>
      <xdr:col>24</xdr:col>
      <xdr:colOff>114300</xdr:colOff>
      <xdr:row>84</xdr:row>
      <xdr:rowOff>26851</xdr:rowOff>
    </xdr:to>
    <xdr:sp macro="" textlink="">
      <xdr:nvSpPr>
        <xdr:cNvPr id="294" name="フローチャート: 判断 293">
          <a:extLst>
            <a:ext uri="{FF2B5EF4-FFF2-40B4-BE49-F238E27FC236}">
              <a16:creationId xmlns:a16="http://schemas.microsoft.com/office/drawing/2014/main" id="{3400F5B7-4AED-4981-BB86-C7FC5FA29D50}"/>
            </a:ext>
          </a:extLst>
        </xdr:cNvPr>
        <xdr:cNvSpPr/>
      </xdr:nvSpPr>
      <xdr:spPr>
        <a:xfrm>
          <a:off x="4584700" y="14327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72208</xdr:rowOff>
    </xdr:from>
    <xdr:to>
      <xdr:col>20</xdr:col>
      <xdr:colOff>38100</xdr:colOff>
      <xdr:row>84</xdr:row>
      <xdr:rowOff>2358</xdr:rowOff>
    </xdr:to>
    <xdr:sp macro="" textlink="">
      <xdr:nvSpPr>
        <xdr:cNvPr id="295" name="フローチャート: 判断 294">
          <a:extLst>
            <a:ext uri="{FF2B5EF4-FFF2-40B4-BE49-F238E27FC236}">
              <a16:creationId xmlns:a16="http://schemas.microsoft.com/office/drawing/2014/main" id="{C352B9C5-C564-40E8-B4FD-9115E4792753}"/>
            </a:ext>
          </a:extLst>
        </xdr:cNvPr>
        <xdr:cNvSpPr/>
      </xdr:nvSpPr>
      <xdr:spPr>
        <a:xfrm>
          <a:off x="3746500" y="14302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36286</xdr:rowOff>
    </xdr:from>
    <xdr:to>
      <xdr:col>15</xdr:col>
      <xdr:colOff>101600</xdr:colOff>
      <xdr:row>83</xdr:row>
      <xdr:rowOff>137886</xdr:rowOff>
    </xdr:to>
    <xdr:sp macro="" textlink="">
      <xdr:nvSpPr>
        <xdr:cNvPr id="296" name="フローチャート: 判断 295">
          <a:extLst>
            <a:ext uri="{FF2B5EF4-FFF2-40B4-BE49-F238E27FC236}">
              <a16:creationId xmlns:a16="http://schemas.microsoft.com/office/drawing/2014/main" id="{1B6FB6D6-EB6A-44B1-8EBE-B9984D04FD84}"/>
            </a:ext>
          </a:extLst>
        </xdr:cNvPr>
        <xdr:cNvSpPr/>
      </xdr:nvSpPr>
      <xdr:spPr>
        <a:xfrm>
          <a:off x="2857500" y="142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42818</xdr:rowOff>
    </xdr:from>
    <xdr:to>
      <xdr:col>10</xdr:col>
      <xdr:colOff>165100</xdr:colOff>
      <xdr:row>83</xdr:row>
      <xdr:rowOff>144418</xdr:rowOff>
    </xdr:to>
    <xdr:sp macro="" textlink="">
      <xdr:nvSpPr>
        <xdr:cNvPr id="297" name="フローチャート: 判断 296">
          <a:extLst>
            <a:ext uri="{FF2B5EF4-FFF2-40B4-BE49-F238E27FC236}">
              <a16:creationId xmlns:a16="http://schemas.microsoft.com/office/drawing/2014/main" id="{30833FDF-F259-4B46-B0B5-E09BB76CD2DB}"/>
            </a:ext>
          </a:extLst>
        </xdr:cNvPr>
        <xdr:cNvSpPr/>
      </xdr:nvSpPr>
      <xdr:spPr>
        <a:xfrm>
          <a:off x="1968500" y="14273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26488</xdr:rowOff>
    </xdr:from>
    <xdr:to>
      <xdr:col>6</xdr:col>
      <xdr:colOff>38100</xdr:colOff>
      <xdr:row>83</xdr:row>
      <xdr:rowOff>128088</xdr:rowOff>
    </xdr:to>
    <xdr:sp macro="" textlink="">
      <xdr:nvSpPr>
        <xdr:cNvPr id="298" name="フローチャート: 判断 297">
          <a:extLst>
            <a:ext uri="{FF2B5EF4-FFF2-40B4-BE49-F238E27FC236}">
              <a16:creationId xmlns:a16="http://schemas.microsoft.com/office/drawing/2014/main" id="{F6A052C6-559C-4FF6-A400-48FC3B791B42}"/>
            </a:ext>
          </a:extLst>
        </xdr:cNvPr>
        <xdr:cNvSpPr/>
      </xdr:nvSpPr>
      <xdr:spPr>
        <a:xfrm>
          <a:off x="1079500" y="14256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79E7FFA0-6AAC-4489-9645-EC18C21F4FB3}"/>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F76F67F8-8CD7-42A5-AE84-CA11A9296B73}"/>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A9C12C64-CF91-4261-86D8-C28AFDDCAB8C}"/>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244832C1-61C0-4AC6-B4E4-62265E608A8E}"/>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A1AC4B11-A44E-47CC-BAC3-AEFE53BA43B7}"/>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4</xdr:row>
      <xdr:rowOff>104866</xdr:rowOff>
    </xdr:from>
    <xdr:to>
      <xdr:col>24</xdr:col>
      <xdr:colOff>114300</xdr:colOff>
      <xdr:row>85</xdr:row>
      <xdr:rowOff>35016</xdr:rowOff>
    </xdr:to>
    <xdr:sp macro="" textlink="">
      <xdr:nvSpPr>
        <xdr:cNvPr id="304" name="楕円 303">
          <a:extLst>
            <a:ext uri="{FF2B5EF4-FFF2-40B4-BE49-F238E27FC236}">
              <a16:creationId xmlns:a16="http://schemas.microsoft.com/office/drawing/2014/main" id="{957ACE96-C05D-43AE-911A-54F183EAD259}"/>
            </a:ext>
          </a:extLst>
        </xdr:cNvPr>
        <xdr:cNvSpPr/>
      </xdr:nvSpPr>
      <xdr:spPr>
        <a:xfrm>
          <a:off x="4584700" y="14506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83293</xdr:rowOff>
    </xdr:from>
    <xdr:ext cx="405111" cy="259045"/>
    <xdr:sp macro="" textlink="">
      <xdr:nvSpPr>
        <xdr:cNvPr id="305" name="【福祉施設】&#10;有形固定資産減価償却率該当値テキスト">
          <a:extLst>
            <a:ext uri="{FF2B5EF4-FFF2-40B4-BE49-F238E27FC236}">
              <a16:creationId xmlns:a16="http://schemas.microsoft.com/office/drawing/2014/main" id="{3AF088B6-A9FA-4D26-8398-6EA92EBF0E8A}"/>
            </a:ext>
          </a:extLst>
        </xdr:cNvPr>
        <xdr:cNvSpPr txBox="1"/>
      </xdr:nvSpPr>
      <xdr:spPr>
        <a:xfrm>
          <a:off x="4673600" y="144850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73842</xdr:rowOff>
    </xdr:from>
    <xdr:to>
      <xdr:col>20</xdr:col>
      <xdr:colOff>38100</xdr:colOff>
      <xdr:row>85</xdr:row>
      <xdr:rowOff>3992</xdr:rowOff>
    </xdr:to>
    <xdr:sp macro="" textlink="">
      <xdr:nvSpPr>
        <xdr:cNvPr id="306" name="楕円 305">
          <a:extLst>
            <a:ext uri="{FF2B5EF4-FFF2-40B4-BE49-F238E27FC236}">
              <a16:creationId xmlns:a16="http://schemas.microsoft.com/office/drawing/2014/main" id="{F7857FC4-3876-409E-B89C-E0FE4C1C2CD0}"/>
            </a:ext>
          </a:extLst>
        </xdr:cNvPr>
        <xdr:cNvSpPr/>
      </xdr:nvSpPr>
      <xdr:spPr>
        <a:xfrm>
          <a:off x="3746500" y="14475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124642</xdr:rowOff>
    </xdr:from>
    <xdr:to>
      <xdr:col>24</xdr:col>
      <xdr:colOff>63500</xdr:colOff>
      <xdr:row>84</xdr:row>
      <xdr:rowOff>155666</xdr:rowOff>
    </xdr:to>
    <xdr:cxnSp macro="">
      <xdr:nvCxnSpPr>
        <xdr:cNvPr id="307" name="直線コネクタ 306">
          <a:extLst>
            <a:ext uri="{FF2B5EF4-FFF2-40B4-BE49-F238E27FC236}">
              <a16:creationId xmlns:a16="http://schemas.microsoft.com/office/drawing/2014/main" id="{4256BC38-7FF4-4307-A0BB-AB970FC239A8}"/>
            </a:ext>
          </a:extLst>
        </xdr:cNvPr>
        <xdr:cNvCxnSpPr/>
      </xdr:nvCxnSpPr>
      <xdr:spPr>
        <a:xfrm>
          <a:off x="3797300" y="14526442"/>
          <a:ext cx="8382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4</xdr:row>
      <xdr:rowOff>41184</xdr:rowOff>
    </xdr:from>
    <xdr:to>
      <xdr:col>15</xdr:col>
      <xdr:colOff>101600</xdr:colOff>
      <xdr:row>84</xdr:row>
      <xdr:rowOff>142784</xdr:rowOff>
    </xdr:to>
    <xdr:sp macro="" textlink="">
      <xdr:nvSpPr>
        <xdr:cNvPr id="308" name="楕円 307">
          <a:extLst>
            <a:ext uri="{FF2B5EF4-FFF2-40B4-BE49-F238E27FC236}">
              <a16:creationId xmlns:a16="http://schemas.microsoft.com/office/drawing/2014/main" id="{CC916176-F348-4770-A2D1-B3918AD6F69D}"/>
            </a:ext>
          </a:extLst>
        </xdr:cNvPr>
        <xdr:cNvSpPr/>
      </xdr:nvSpPr>
      <xdr:spPr>
        <a:xfrm>
          <a:off x="2857500" y="14442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4</xdr:row>
      <xdr:rowOff>91984</xdr:rowOff>
    </xdr:from>
    <xdr:to>
      <xdr:col>19</xdr:col>
      <xdr:colOff>177800</xdr:colOff>
      <xdr:row>84</xdr:row>
      <xdr:rowOff>124642</xdr:rowOff>
    </xdr:to>
    <xdr:cxnSp macro="">
      <xdr:nvCxnSpPr>
        <xdr:cNvPr id="309" name="直線コネクタ 308">
          <a:extLst>
            <a:ext uri="{FF2B5EF4-FFF2-40B4-BE49-F238E27FC236}">
              <a16:creationId xmlns:a16="http://schemas.microsoft.com/office/drawing/2014/main" id="{E2DA6D2C-556E-4799-8A6D-0DFA93E4E902}"/>
            </a:ext>
          </a:extLst>
        </xdr:cNvPr>
        <xdr:cNvCxnSpPr/>
      </xdr:nvCxnSpPr>
      <xdr:spPr>
        <a:xfrm>
          <a:off x="2908300" y="14493784"/>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4</xdr:row>
      <xdr:rowOff>10161</xdr:rowOff>
    </xdr:from>
    <xdr:to>
      <xdr:col>10</xdr:col>
      <xdr:colOff>165100</xdr:colOff>
      <xdr:row>84</xdr:row>
      <xdr:rowOff>111761</xdr:rowOff>
    </xdr:to>
    <xdr:sp macro="" textlink="">
      <xdr:nvSpPr>
        <xdr:cNvPr id="310" name="楕円 309">
          <a:extLst>
            <a:ext uri="{FF2B5EF4-FFF2-40B4-BE49-F238E27FC236}">
              <a16:creationId xmlns:a16="http://schemas.microsoft.com/office/drawing/2014/main" id="{BA2719A1-B7BA-408C-B9A3-21CE897F7085}"/>
            </a:ext>
          </a:extLst>
        </xdr:cNvPr>
        <xdr:cNvSpPr/>
      </xdr:nvSpPr>
      <xdr:spPr>
        <a:xfrm>
          <a:off x="1968500" y="1441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60961</xdr:rowOff>
    </xdr:from>
    <xdr:to>
      <xdr:col>15</xdr:col>
      <xdr:colOff>50800</xdr:colOff>
      <xdr:row>84</xdr:row>
      <xdr:rowOff>91984</xdr:rowOff>
    </xdr:to>
    <xdr:cxnSp macro="">
      <xdr:nvCxnSpPr>
        <xdr:cNvPr id="311" name="直線コネクタ 310">
          <a:extLst>
            <a:ext uri="{FF2B5EF4-FFF2-40B4-BE49-F238E27FC236}">
              <a16:creationId xmlns:a16="http://schemas.microsoft.com/office/drawing/2014/main" id="{8FFD83E3-7862-4599-8724-E0F21EA8C25F}"/>
            </a:ext>
          </a:extLst>
        </xdr:cNvPr>
        <xdr:cNvCxnSpPr/>
      </xdr:nvCxnSpPr>
      <xdr:spPr>
        <a:xfrm>
          <a:off x="2019300" y="14462761"/>
          <a:ext cx="889000" cy="31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148952</xdr:rowOff>
    </xdr:from>
    <xdr:to>
      <xdr:col>6</xdr:col>
      <xdr:colOff>38100</xdr:colOff>
      <xdr:row>84</xdr:row>
      <xdr:rowOff>79102</xdr:rowOff>
    </xdr:to>
    <xdr:sp macro="" textlink="">
      <xdr:nvSpPr>
        <xdr:cNvPr id="312" name="楕円 311">
          <a:extLst>
            <a:ext uri="{FF2B5EF4-FFF2-40B4-BE49-F238E27FC236}">
              <a16:creationId xmlns:a16="http://schemas.microsoft.com/office/drawing/2014/main" id="{A05C3E07-9179-47E9-8937-61D5D52F89FA}"/>
            </a:ext>
          </a:extLst>
        </xdr:cNvPr>
        <xdr:cNvSpPr/>
      </xdr:nvSpPr>
      <xdr:spPr>
        <a:xfrm>
          <a:off x="1079500" y="14379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4</xdr:row>
      <xdr:rowOff>28302</xdr:rowOff>
    </xdr:from>
    <xdr:to>
      <xdr:col>10</xdr:col>
      <xdr:colOff>114300</xdr:colOff>
      <xdr:row>84</xdr:row>
      <xdr:rowOff>60961</xdr:rowOff>
    </xdr:to>
    <xdr:cxnSp macro="">
      <xdr:nvCxnSpPr>
        <xdr:cNvPr id="313" name="直線コネクタ 312">
          <a:extLst>
            <a:ext uri="{FF2B5EF4-FFF2-40B4-BE49-F238E27FC236}">
              <a16:creationId xmlns:a16="http://schemas.microsoft.com/office/drawing/2014/main" id="{A32C0D4C-7C97-40ED-96A8-461B88C23E80}"/>
            </a:ext>
          </a:extLst>
        </xdr:cNvPr>
        <xdr:cNvCxnSpPr/>
      </xdr:nvCxnSpPr>
      <xdr:spPr>
        <a:xfrm>
          <a:off x="1130300" y="14430102"/>
          <a:ext cx="889000" cy="32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18885</xdr:rowOff>
    </xdr:from>
    <xdr:ext cx="405111" cy="259045"/>
    <xdr:sp macro="" textlink="">
      <xdr:nvSpPr>
        <xdr:cNvPr id="314" name="n_1aveValue【福祉施設】&#10;有形固定資産減価償却率">
          <a:extLst>
            <a:ext uri="{FF2B5EF4-FFF2-40B4-BE49-F238E27FC236}">
              <a16:creationId xmlns:a16="http://schemas.microsoft.com/office/drawing/2014/main" id="{A3E9F19B-7C22-4113-BB0B-9104798CD7FF}"/>
            </a:ext>
          </a:extLst>
        </xdr:cNvPr>
        <xdr:cNvSpPr txBox="1"/>
      </xdr:nvSpPr>
      <xdr:spPr>
        <a:xfrm>
          <a:off x="3582044" y="140777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54413</xdr:rowOff>
    </xdr:from>
    <xdr:ext cx="405111" cy="259045"/>
    <xdr:sp macro="" textlink="">
      <xdr:nvSpPr>
        <xdr:cNvPr id="315" name="n_2aveValue【福祉施設】&#10;有形固定資産減価償却率">
          <a:extLst>
            <a:ext uri="{FF2B5EF4-FFF2-40B4-BE49-F238E27FC236}">
              <a16:creationId xmlns:a16="http://schemas.microsoft.com/office/drawing/2014/main" id="{7612FCFF-BE4D-4587-ADF5-A476B0952A83}"/>
            </a:ext>
          </a:extLst>
        </xdr:cNvPr>
        <xdr:cNvSpPr txBox="1"/>
      </xdr:nvSpPr>
      <xdr:spPr>
        <a:xfrm>
          <a:off x="2705744" y="140418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60945</xdr:rowOff>
    </xdr:from>
    <xdr:ext cx="405111" cy="259045"/>
    <xdr:sp macro="" textlink="">
      <xdr:nvSpPr>
        <xdr:cNvPr id="316" name="n_3aveValue【福祉施設】&#10;有形固定資産減価償却率">
          <a:extLst>
            <a:ext uri="{FF2B5EF4-FFF2-40B4-BE49-F238E27FC236}">
              <a16:creationId xmlns:a16="http://schemas.microsoft.com/office/drawing/2014/main" id="{26B5FCE9-97A3-4E2B-86A1-D5BC22DC41DA}"/>
            </a:ext>
          </a:extLst>
        </xdr:cNvPr>
        <xdr:cNvSpPr txBox="1"/>
      </xdr:nvSpPr>
      <xdr:spPr>
        <a:xfrm>
          <a:off x="1816744" y="140483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44615</xdr:rowOff>
    </xdr:from>
    <xdr:ext cx="405111" cy="259045"/>
    <xdr:sp macro="" textlink="">
      <xdr:nvSpPr>
        <xdr:cNvPr id="317" name="n_4aveValue【福祉施設】&#10;有形固定資産減価償却率">
          <a:extLst>
            <a:ext uri="{FF2B5EF4-FFF2-40B4-BE49-F238E27FC236}">
              <a16:creationId xmlns:a16="http://schemas.microsoft.com/office/drawing/2014/main" id="{DCE88BF3-5093-4DDC-A96D-D3A78C04471E}"/>
            </a:ext>
          </a:extLst>
        </xdr:cNvPr>
        <xdr:cNvSpPr txBox="1"/>
      </xdr:nvSpPr>
      <xdr:spPr>
        <a:xfrm>
          <a:off x="927744" y="140320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166569</xdr:rowOff>
    </xdr:from>
    <xdr:ext cx="405111" cy="259045"/>
    <xdr:sp macro="" textlink="">
      <xdr:nvSpPr>
        <xdr:cNvPr id="318" name="n_1mainValue【福祉施設】&#10;有形固定資産減価償却率">
          <a:extLst>
            <a:ext uri="{FF2B5EF4-FFF2-40B4-BE49-F238E27FC236}">
              <a16:creationId xmlns:a16="http://schemas.microsoft.com/office/drawing/2014/main" id="{9594B5CE-0EA9-4700-8E7B-0659733012E9}"/>
            </a:ext>
          </a:extLst>
        </xdr:cNvPr>
        <xdr:cNvSpPr txBox="1"/>
      </xdr:nvSpPr>
      <xdr:spPr>
        <a:xfrm>
          <a:off x="3582044" y="145683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133911</xdr:rowOff>
    </xdr:from>
    <xdr:ext cx="405111" cy="259045"/>
    <xdr:sp macro="" textlink="">
      <xdr:nvSpPr>
        <xdr:cNvPr id="319" name="n_2mainValue【福祉施設】&#10;有形固定資産減価償却率">
          <a:extLst>
            <a:ext uri="{FF2B5EF4-FFF2-40B4-BE49-F238E27FC236}">
              <a16:creationId xmlns:a16="http://schemas.microsoft.com/office/drawing/2014/main" id="{CBB516B3-E2AD-4D9C-B476-28CE1D9FD351}"/>
            </a:ext>
          </a:extLst>
        </xdr:cNvPr>
        <xdr:cNvSpPr txBox="1"/>
      </xdr:nvSpPr>
      <xdr:spPr>
        <a:xfrm>
          <a:off x="2705744" y="145357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102888</xdr:rowOff>
    </xdr:from>
    <xdr:ext cx="405111" cy="259045"/>
    <xdr:sp macro="" textlink="">
      <xdr:nvSpPr>
        <xdr:cNvPr id="320" name="n_3mainValue【福祉施設】&#10;有形固定資産減価償却率">
          <a:extLst>
            <a:ext uri="{FF2B5EF4-FFF2-40B4-BE49-F238E27FC236}">
              <a16:creationId xmlns:a16="http://schemas.microsoft.com/office/drawing/2014/main" id="{B62EA126-0A9C-48C1-83E2-CD71CE94999E}"/>
            </a:ext>
          </a:extLst>
        </xdr:cNvPr>
        <xdr:cNvSpPr txBox="1"/>
      </xdr:nvSpPr>
      <xdr:spPr>
        <a:xfrm>
          <a:off x="1816744" y="14504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70229</xdr:rowOff>
    </xdr:from>
    <xdr:ext cx="405111" cy="259045"/>
    <xdr:sp macro="" textlink="">
      <xdr:nvSpPr>
        <xdr:cNvPr id="321" name="n_4mainValue【福祉施設】&#10;有形固定資産減価償却率">
          <a:extLst>
            <a:ext uri="{FF2B5EF4-FFF2-40B4-BE49-F238E27FC236}">
              <a16:creationId xmlns:a16="http://schemas.microsoft.com/office/drawing/2014/main" id="{9E9FD81E-66BA-4C68-AC93-F4B9E1D5283E}"/>
            </a:ext>
          </a:extLst>
        </xdr:cNvPr>
        <xdr:cNvSpPr txBox="1"/>
      </xdr:nvSpPr>
      <xdr:spPr>
        <a:xfrm>
          <a:off x="927744" y="144720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a:extLst>
            <a:ext uri="{FF2B5EF4-FFF2-40B4-BE49-F238E27FC236}">
              <a16:creationId xmlns:a16="http://schemas.microsoft.com/office/drawing/2014/main" id="{6828A4BA-CCA1-4608-A7AE-F221D6E99975}"/>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a:extLst>
            <a:ext uri="{FF2B5EF4-FFF2-40B4-BE49-F238E27FC236}">
              <a16:creationId xmlns:a16="http://schemas.microsoft.com/office/drawing/2014/main" id="{7189F1FA-AA14-4DED-9C91-4A59E920F2E0}"/>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a:extLst>
            <a:ext uri="{FF2B5EF4-FFF2-40B4-BE49-F238E27FC236}">
              <a16:creationId xmlns:a16="http://schemas.microsoft.com/office/drawing/2014/main" id="{D1B7A42D-3218-40A1-8B56-6DA522479C48}"/>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a:extLst>
            <a:ext uri="{FF2B5EF4-FFF2-40B4-BE49-F238E27FC236}">
              <a16:creationId xmlns:a16="http://schemas.microsoft.com/office/drawing/2014/main" id="{1261442B-F7F5-4E9E-B303-908CEDDA8AE6}"/>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a:extLst>
            <a:ext uri="{FF2B5EF4-FFF2-40B4-BE49-F238E27FC236}">
              <a16:creationId xmlns:a16="http://schemas.microsoft.com/office/drawing/2014/main" id="{0288F9BB-E482-4AF2-AF4E-C9F75D4B5FBD}"/>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a:extLst>
            <a:ext uri="{FF2B5EF4-FFF2-40B4-BE49-F238E27FC236}">
              <a16:creationId xmlns:a16="http://schemas.microsoft.com/office/drawing/2014/main" id="{B60A990D-45E9-4784-98CA-2EAB860FE551}"/>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a:extLst>
            <a:ext uri="{FF2B5EF4-FFF2-40B4-BE49-F238E27FC236}">
              <a16:creationId xmlns:a16="http://schemas.microsoft.com/office/drawing/2014/main" id="{3FFB4CB7-D376-4A6A-A6D4-57BA0328DAEA}"/>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a:extLst>
            <a:ext uri="{FF2B5EF4-FFF2-40B4-BE49-F238E27FC236}">
              <a16:creationId xmlns:a16="http://schemas.microsoft.com/office/drawing/2014/main" id="{28DBD534-96B1-4394-B697-C71BADAD705B}"/>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0" name="テキスト ボックス 329">
          <a:extLst>
            <a:ext uri="{FF2B5EF4-FFF2-40B4-BE49-F238E27FC236}">
              <a16:creationId xmlns:a16="http://schemas.microsoft.com/office/drawing/2014/main" id="{4DC337FE-7DE7-4DCB-B466-708002217E56}"/>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a:extLst>
            <a:ext uri="{FF2B5EF4-FFF2-40B4-BE49-F238E27FC236}">
              <a16:creationId xmlns:a16="http://schemas.microsoft.com/office/drawing/2014/main" id="{4A217DD5-E9FA-4580-A62F-D8509EE5FA7D}"/>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2" name="直線コネクタ 331">
          <a:extLst>
            <a:ext uri="{FF2B5EF4-FFF2-40B4-BE49-F238E27FC236}">
              <a16:creationId xmlns:a16="http://schemas.microsoft.com/office/drawing/2014/main" id="{6E339E27-BD93-4538-91D7-05CDED891BA5}"/>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3" name="テキスト ボックス 332">
          <a:extLst>
            <a:ext uri="{FF2B5EF4-FFF2-40B4-BE49-F238E27FC236}">
              <a16:creationId xmlns:a16="http://schemas.microsoft.com/office/drawing/2014/main" id="{701C8085-E8B1-46E6-90AF-66C03F6EB997}"/>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4" name="直線コネクタ 333">
          <a:extLst>
            <a:ext uri="{FF2B5EF4-FFF2-40B4-BE49-F238E27FC236}">
              <a16:creationId xmlns:a16="http://schemas.microsoft.com/office/drawing/2014/main" id="{9BD8085C-24E3-4BE5-B9A8-BAF96A5FD8D8}"/>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5" name="テキスト ボックス 334">
          <a:extLst>
            <a:ext uri="{FF2B5EF4-FFF2-40B4-BE49-F238E27FC236}">
              <a16:creationId xmlns:a16="http://schemas.microsoft.com/office/drawing/2014/main" id="{5CF312F9-EDB4-425C-A828-D1F6C3E58D53}"/>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6" name="直線コネクタ 335">
          <a:extLst>
            <a:ext uri="{FF2B5EF4-FFF2-40B4-BE49-F238E27FC236}">
              <a16:creationId xmlns:a16="http://schemas.microsoft.com/office/drawing/2014/main" id="{8D95BA54-7F8F-4006-8254-817DD82FCD4E}"/>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7" name="テキスト ボックス 336">
          <a:extLst>
            <a:ext uri="{FF2B5EF4-FFF2-40B4-BE49-F238E27FC236}">
              <a16:creationId xmlns:a16="http://schemas.microsoft.com/office/drawing/2014/main" id="{8D29981D-9359-4C85-92D8-5EAFD8228786}"/>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8" name="直線コネクタ 337">
          <a:extLst>
            <a:ext uri="{FF2B5EF4-FFF2-40B4-BE49-F238E27FC236}">
              <a16:creationId xmlns:a16="http://schemas.microsoft.com/office/drawing/2014/main" id="{7B58F53F-035A-4BFF-A4B6-903BC66BB39F}"/>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9" name="テキスト ボックス 338">
          <a:extLst>
            <a:ext uri="{FF2B5EF4-FFF2-40B4-BE49-F238E27FC236}">
              <a16:creationId xmlns:a16="http://schemas.microsoft.com/office/drawing/2014/main" id="{3BE9E350-4CB6-4039-AD1E-89BB3584F62A}"/>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0" name="直線コネクタ 339">
          <a:extLst>
            <a:ext uri="{FF2B5EF4-FFF2-40B4-BE49-F238E27FC236}">
              <a16:creationId xmlns:a16="http://schemas.microsoft.com/office/drawing/2014/main" id="{2B1D6053-68C9-4B1C-891A-C85265F52068}"/>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1" name="テキスト ボックス 340">
          <a:extLst>
            <a:ext uri="{FF2B5EF4-FFF2-40B4-BE49-F238E27FC236}">
              <a16:creationId xmlns:a16="http://schemas.microsoft.com/office/drawing/2014/main" id="{ECFF1716-B9E6-47A4-9FE0-A775D1EA4DF7}"/>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2" name="直線コネクタ 341">
          <a:extLst>
            <a:ext uri="{FF2B5EF4-FFF2-40B4-BE49-F238E27FC236}">
              <a16:creationId xmlns:a16="http://schemas.microsoft.com/office/drawing/2014/main" id="{CBDB4C71-DCCB-42B3-8FB8-F8540D99D2E6}"/>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3" name="テキスト ボックス 342">
          <a:extLst>
            <a:ext uri="{FF2B5EF4-FFF2-40B4-BE49-F238E27FC236}">
              <a16:creationId xmlns:a16="http://schemas.microsoft.com/office/drawing/2014/main" id="{0B87C10A-400C-4AD9-9F8C-8A6457950615}"/>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4" name="【福祉施設】&#10;一人当たり面積グラフ枠">
          <a:extLst>
            <a:ext uri="{FF2B5EF4-FFF2-40B4-BE49-F238E27FC236}">
              <a16:creationId xmlns:a16="http://schemas.microsoft.com/office/drawing/2014/main" id="{3DDF63FB-3A36-4B69-8F1C-1573A733F0C9}"/>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19050</xdr:rowOff>
    </xdr:from>
    <xdr:to>
      <xdr:col>54</xdr:col>
      <xdr:colOff>189865</xdr:colOff>
      <xdr:row>86</xdr:row>
      <xdr:rowOff>87630</xdr:rowOff>
    </xdr:to>
    <xdr:cxnSp macro="">
      <xdr:nvCxnSpPr>
        <xdr:cNvPr id="345" name="直線コネクタ 344">
          <a:extLst>
            <a:ext uri="{FF2B5EF4-FFF2-40B4-BE49-F238E27FC236}">
              <a16:creationId xmlns:a16="http://schemas.microsoft.com/office/drawing/2014/main" id="{81CF8430-9E90-491D-80AA-470CACECEF72}"/>
            </a:ext>
          </a:extLst>
        </xdr:cNvPr>
        <xdr:cNvCxnSpPr/>
      </xdr:nvCxnSpPr>
      <xdr:spPr>
        <a:xfrm flipV="1">
          <a:off x="10476865" y="13563600"/>
          <a:ext cx="0" cy="12687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91457</xdr:rowOff>
    </xdr:from>
    <xdr:ext cx="469744" cy="259045"/>
    <xdr:sp macro="" textlink="">
      <xdr:nvSpPr>
        <xdr:cNvPr id="346" name="【福祉施設】&#10;一人当たり面積最小値テキスト">
          <a:extLst>
            <a:ext uri="{FF2B5EF4-FFF2-40B4-BE49-F238E27FC236}">
              <a16:creationId xmlns:a16="http://schemas.microsoft.com/office/drawing/2014/main" id="{AC578A72-0DBE-4A70-B56E-A15A97AA6200}"/>
            </a:ext>
          </a:extLst>
        </xdr:cNvPr>
        <xdr:cNvSpPr txBox="1"/>
      </xdr:nvSpPr>
      <xdr:spPr>
        <a:xfrm>
          <a:off x="10515600" y="14836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87630</xdr:rowOff>
    </xdr:from>
    <xdr:to>
      <xdr:col>55</xdr:col>
      <xdr:colOff>88900</xdr:colOff>
      <xdr:row>86</xdr:row>
      <xdr:rowOff>87630</xdr:rowOff>
    </xdr:to>
    <xdr:cxnSp macro="">
      <xdr:nvCxnSpPr>
        <xdr:cNvPr id="347" name="直線コネクタ 346">
          <a:extLst>
            <a:ext uri="{FF2B5EF4-FFF2-40B4-BE49-F238E27FC236}">
              <a16:creationId xmlns:a16="http://schemas.microsoft.com/office/drawing/2014/main" id="{34782581-4DDE-4D2E-95FF-6B940B4233E1}"/>
            </a:ext>
          </a:extLst>
        </xdr:cNvPr>
        <xdr:cNvCxnSpPr/>
      </xdr:nvCxnSpPr>
      <xdr:spPr>
        <a:xfrm>
          <a:off x="10388600" y="14832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37177</xdr:rowOff>
    </xdr:from>
    <xdr:ext cx="469744" cy="259045"/>
    <xdr:sp macro="" textlink="">
      <xdr:nvSpPr>
        <xdr:cNvPr id="348" name="【福祉施設】&#10;一人当たり面積最大値テキスト">
          <a:extLst>
            <a:ext uri="{FF2B5EF4-FFF2-40B4-BE49-F238E27FC236}">
              <a16:creationId xmlns:a16="http://schemas.microsoft.com/office/drawing/2014/main" id="{922C5D82-F1B3-413E-BE98-09D11A872212}"/>
            </a:ext>
          </a:extLst>
        </xdr:cNvPr>
        <xdr:cNvSpPr txBox="1"/>
      </xdr:nvSpPr>
      <xdr:spPr>
        <a:xfrm>
          <a:off x="10515600" y="1333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19050</xdr:rowOff>
    </xdr:from>
    <xdr:to>
      <xdr:col>55</xdr:col>
      <xdr:colOff>88900</xdr:colOff>
      <xdr:row>79</xdr:row>
      <xdr:rowOff>19050</xdr:rowOff>
    </xdr:to>
    <xdr:cxnSp macro="">
      <xdr:nvCxnSpPr>
        <xdr:cNvPr id="349" name="直線コネクタ 348">
          <a:extLst>
            <a:ext uri="{FF2B5EF4-FFF2-40B4-BE49-F238E27FC236}">
              <a16:creationId xmlns:a16="http://schemas.microsoft.com/office/drawing/2014/main" id="{38B804B7-16D3-467A-90F3-D2EE5EDBCD43}"/>
            </a:ext>
          </a:extLst>
        </xdr:cNvPr>
        <xdr:cNvCxnSpPr/>
      </xdr:nvCxnSpPr>
      <xdr:spPr>
        <a:xfrm>
          <a:off x="10388600" y="13563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67912</xdr:rowOff>
    </xdr:from>
    <xdr:ext cx="469744" cy="259045"/>
    <xdr:sp macro="" textlink="">
      <xdr:nvSpPr>
        <xdr:cNvPr id="350" name="【福祉施設】&#10;一人当たり面積平均値テキスト">
          <a:extLst>
            <a:ext uri="{FF2B5EF4-FFF2-40B4-BE49-F238E27FC236}">
              <a16:creationId xmlns:a16="http://schemas.microsoft.com/office/drawing/2014/main" id="{701F8C5D-9BBE-4F12-9408-85E34EE8055A}"/>
            </a:ext>
          </a:extLst>
        </xdr:cNvPr>
        <xdr:cNvSpPr txBox="1"/>
      </xdr:nvSpPr>
      <xdr:spPr>
        <a:xfrm>
          <a:off x="10515600" y="1439826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45035</xdr:rowOff>
    </xdr:from>
    <xdr:to>
      <xdr:col>55</xdr:col>
      <xdr:colOff>50800</xdr:colOff>
      <xdr:row>85</xdr:row>
      <xdr:rowOff>75185</xdr:rowOff>
    </xdr:to>
    <xdr:sp macro="" textlink="">
      <xdr:nvSpPr>
        <xdr:cNvPr id="351" name="フローチャート: 判断 350">
          <a:extLst>
            <a:ext uri="{FF2B5EF4-FFF2-40B4-BE49-F238E27FC236}">
              <a16:creationId xmlns:a16="http://schemas.microsoft.com/office/drawing/2014/main" id="{EEE1AD23-8050-4A62-9367-6244ED692A74}"/>
            </a:ext>
          </a:extLst>
        </xdr:cNvPr>
        <xdr:cNvSpPr/>
      </xdr:nvSpPr>
      <xdr:spPr>
        <a:xfrm>
          <a:off x="10426700" y="14546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41987</xdr:rowOff>
    </xdr:from>
    <xdr:to>
      <xdr:col>50</xdr:col>
      <xdr:colOff>165100</xdr:colOff>
      <xdr:row>85</xdr:row>
      <xdr:rowOff>72137</xdr:rowOff>
    </xdr:to>
    <xdr:sp macro="" textlink="">
      <xdr:nvSpPr>
        <xdr:cNvPr id="352" name="フローチャート: 判断 351">
          <a:extLst>
            <a:ext uri="{FF2B5EF4-FFF2-40B4-BE49-F238E27FC236}">
              <a16:creationId xmlns:a16="http://schemas.microsoft.com/office/drawing/2014/main" id="{2EA49155-EE80-4DBE-A570-EC435747B45D}"/>
            </a:ext>
          </a:extLst>
        </xdr:cNvPr>
        <xdr:cNvSpPr/>
      </xdr:nvSpPr>
      <xdr:spPr>
        <a:xfrm>
          <a:off x="9588500" y="14543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0922</xdr:rowOff>
    </xdr:from>
    <xdr:to>
      <xdr:col>46</xdr:col>
      <xdr:colOff>38100</xdr:colOff>
      <xdr:row>85</xdr:row>
      <xdr:rowOff>112522</xdr:rowOff>
    </xdr:to>
    <xdr:sp macro="" textlink="">
      <xdr:nvSpPr>
        <xdr:cNvPr id="353" name="フローチャート: 判断 352">
          <a:extLst>
            <a:ext uri="{FF2B5EF4-FFF2-40B4-BE49-F238E27FC236}">
              <a16:creationId xmlns:a16="http://schemas.microsoft.com/office/drawing/2014/main" id="{EC8B45FD-479B-4CB6-883A-62CA9CB676C3}"/>
            </a:ext>
          </a:extLst>
        </xdr:cNvPr>
        <xdr:cNvSpPr/>
      </xdr:nvSpPr>
      <xdr:spPr>
        <a:xfrm>
          <a:off x="8699500" y="14584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67132</xdr:rowOff>
    </xdr:from>
    <xdr:to>
      <xdr:col>41</xdr:col>
      <xdr:colOff>101600</xdr:colOff>
      <xdr:row>85</xdr:row>
      <xdr:rowOff>97282</xdr:rowOff>
    </xdr:to>
    <xdr:sp macro="" textlink="">
      <xdr:nvSpPr>
        <xdr:cNvPr id="354" name="フローチャート: 判断 353">
          <a:extLst>
            <a:ext uri="{FF2B5EF4-FFF2-40B4-BE49-F238E27FC236}">
              <a16:creationId xmlns:a16="http://schemas.microsoft.com/office/drawing/2014/main" id="{315C3956-5FCD-4A20-ADC4-E492202B9887}"/>
            </a:ext>
          </a:extLst>
        </xdr:cNvPr>
        <xdr:cNvSpPr/>
      </xdr:nvSpPr>
      <xdr:spPr>
        <a:xfrm>
          <a:off x="7810500" y="14568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67132</xdr:rowOff>
    </xdr:from>
    <xdr:to>
      <xdr:col>36</xdr:col>
      <xdr:colOff>165100</xdr:colOff>
      <xdr:row>85</xdr:row>
      <xdr:rowOff>97282</xdr:rowOff>
    </xdr:to>
    <xdr:sp macro="" textlink="">
      <xdr:nvSpPr>
        <xdr:cNvPr id="355" name="フローチャート: 判断 354">
          <a:extLst>
            <a:ext uri="{FF2B5EF4-FFF2-40B4-BE49-F238E27FC236}">
              <a16:creationId xmlns:a16="http://schemas.microsoft.com/office/drawing/2014/main" id="{70398342-F0ED-4A0B-B195-1F112AA8791F}"/>
            </a:ext>
          </a:extLst>
        </xdr:cNvPr>
        <xdr:cNvSpPr/>
      </xdr:nvSpPr>
      <xdr:spPr>
        <a:xfrm>
          <a:off x="6921500" y="14568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5E02B09E-EFC1-4D46-B110-F357383559E1}"/>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D6890F3C-9E36-4874-8769-4AFDB38A254D}"/>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7B09B14F-B0D6-4FE1-81CE-DEA84AD1F91F}"/>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C4DFC463-9E73-4418-8B0D-158B5230140A}"/>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FC88D008-0EFA-448C-BF6B-828FF3102AE0}"/>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52654</xdr:rowOff>
    </xdr:from>
    <xdr:to>
      <xdr:col>55</xdr:col>
      <xdr:colOff>50800</xdr:colOff>
      <xdr:row>86</xdr:row>
      <xdr:rowOff>82804</xdr:rowOff>
    </xdr:to>
    <xdr:sp macro="" textlink="">
      <xdr:nvSpPr>
        <xdr:cNvPr id="361" name="楕円 360">
          <a:extLst>
            <a:ext uri="{FF2B5EF4-FFF2-40B4-BE49-F238E27FC236}">
              <a16:creationId xmlns:a16="http://schemas.microsoft.com/office/drawing/2014/main" id="{A47828B8-FD7F-4015-9A13-36E0465BBB08}"/>
            </a:ext>
          </a:extLst>
        </xdr:cNvPr>
        <xdr:cNvSpPr/>
      </xdr:nvSpPr>
      <xdr:spPr>
        <a:xfrm>
          <a:off x="10426700" y="14725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67581</xdr:rowOff>
    </xdr:from>
    <xdr:ext cx="469744" cy="259045"/>
    <xdr:sp macro="" textlink="">
      <xdr:nvSpPr>
        <xdr:cNvPr id="362" name="【福祉施設】&#10;一人当たり面積該当値テキスト">
          <a:extLst>
            <a:ext uri="{FF2B5EF4-FFF2-40B4-BE49-F238E27FC236}">
              <a16:creationId xmlns:a16="http://schemas.microsoft.com/office/drawing/2014/main" id="{220C4335-FCF2-47AD-92F7-EC863A844139}"/>
            </a:ext>
          </a:extLst>
        </xdr:cNvPr>
        <xdr:cNvSpPr txBox="1"/>
      </xdr:nvSpPr>
      <xdr:spPr>
        <a:xfrm>
          <a:off x="10515600" y="14640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54178</xdr:rowOff>
    </xdr:from>
    <xdr:to>
      <xdr:col>50</xdr:col>
      <xdr:colOff>165100</xdr:colOff>
      <xdr:row>86</xdr:row>
      <xdr:rowOff>84328</xdr:rowOff>
    </xdr:to>
    <xdr:sp macro="" textlink="">
      <xdr:nvSpPr>
        <xdr:cNvPr id="363" name="楕円 362">
          <a:extLst>
            <a:ext uri="{FF2B5EF4-FFF2-40B4-BE49-F238E27FC236}">
              <a16:creationId xmlns:a16="http://schemas.microsoft.com/office/drawing/2014/main" id="{162F103D-B54A-4D54-94EF-A8FC62135199}"/>
            </a:ext>
          </a:extLst>
        </xdr:cNvPr>
        <xdr:cNvSpPr/>
      </xdr:nvSpPr>
      <xdr:spPr>
        <a:xfrm>
          <a:off x="9588500" y="14727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32004</xdr:rowOff>
    </xdr:from>
    <xdr:to>
      <xdr:col>55</xdr:col>
      <xdr:colOff>0</xdr:colOff>
      <xdr:row>86</xdr:row>
      <xdr:rowOff>33528</xdr:rowOff>
    </xdr:to>
    <xdr:cxnSp macro="">
      <xdr:nvCxnSpPr>
        <xdr:cNvPr id="364" name="直線コネクタ 363">
          <a:extLst>
            <a:ext uri="{FF2B5EF4-FFF2-40B4-BE49-F238E27FC236}">
              <a16:creationId xmlns:a16="http://schemas.microsoft.com/office/drawing/2014/main" id="{8EB4BEF6-C66D-4080-86D4-41AA5F260157}"/>
            </a:ext>
          </a:extLst>
        </xdr:cNvPr>
        <xdr:cNvCxnSpPr/>
      </xdr:nvCxnSpPr>
      <xdr:spPr>
        <a:xfrm flipV="1">
          <a:off x="9639300" y="14776704"/>
          <a:ext cx="8382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55702</xdr:rowOff>
    </xdr:from>
    <xdr:to>
      <xdr:col>46</xdr:col>
      <xdr:colOff>38100</xdr:colOff>
      <xdr:row>86</xdr:row>
      <xdr:rowOff>85852</xdr:rowOff>
    </xdr:to>
    <xdr:sp macro="" textlink="">
      <xdr:nvSpPr>
        <xdr:cNvPr id="365" name="楕円 364">
          <a:extLst>
            <a:ext uri="{FF2B5EF4-FFF2-40B4-BE49-F238E27FC236}">
              <a16:creationId xmlns:a16="http://schemas.microsoft.com/office/drawing/2014/main" id="{1D58DB03-B18C-4673-A77C-BC1415C0B915}"/>
            </a:ext>
          </a:extLst>
        </xdr:cNvPr>
        <xdr:cNvSpPr/>
      </xdr:nvSpPr>
      <xdr:spPr>
        <a:xfrm>
          <a:off x="8699500" y="14728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33528</xdr:rowOff>
    </xdr:from>
    <xdr:to>
      <xdr:col>50</xdr:col>
      <xdr:colOff>114300</xdr:colOff>
      <xdr:row>86</xdr:row>
      <xdr:rowOff>35052</xdr:rowOff>
    </xdr:to>
    <xdr:cxnSp macro="">
      <xdr:nvCxnSpPr>
        <xdr:cNvPr id="366" name="直線コネクタ 365">
          <a:extLst>
            <a:ext uri="{FF2B5EF4-FFF2-40B4-BE49-F238E27FC236}">
              <a16:creationId xmlns:a16="http://schemas.microsoft.com/office/drawing/2014/main" id="{822C02CB-9C05-464F-B483-B6413FA5CEE0}"/>
            </a:ext>
          </a:extLst>
        </xdr:cNvPr>
        <xdr:cNvCxnSpPr/>
      </xdr:nvCxnSpPr>
      <xdr:spPr>
        <a:xfrm flipV="1">
          <a:off x="8750300" y="14778228"/>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56463</xdr:rowOff>
    </xdr:from>
    <xdr:to>
      <xdr:col>41</xdr:col>
      <xdr:colOff>101600</xdr:colOff>
      <xdr:row>86</xdr:row>
      <xdr:rowOff>86613</xdr:rowOff>
    </xdr:to>
    <xdr:sp macro="" textlink="">
      <xdr:nvSpPr>
        <xdr:cNvPr id="367" name="楕円 366">
          <a:extLst>
            <a:ext uri="{FF2B5EF4-FFF2-40B4-BE49-F238E27FC236}">
              <a16:creationId xmlns:a16="http://schemas.microsoft.com/office/drawing/2014/main" id="{6A866FF1-A53D-49CC-BDF7-D51BDE5C3F2E}"/>
            </a:ext>
          </a:extLst>
        </xdr:cNvPr>
        <xdr:cNvSpPr/>
      </xdr:nvSpPr>
      <xdr:spPr>
        <a:xfrm>
          <a:off x="7810500" y="14729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35052</xdr:rowOff>
    </xdr:from>
    <xdr:to>
      <xdr:col>45</xdr:col>
      <xdr:colOff>177800</xdr:colOff>
      <xdr:row>86</xdr:row>
      <xdr:rowOff>35813</xdr:rowOff>
    </xdr:to>
    <xdr:cxnSp macro="">
      <xdr:nvCxnSpPr>
        <xdr:cNvPr id="368" name="直線コネクタ 367">
          <a:extLst>
            <a:ext uri="{FF2B5EF4-FFF2-40B4-BE49-F238E27FC236}">
              <a16:creationId xmlns:a16="http://schemas.microsoft.com/office/drawing/2014/main" id="{610A7B28-019D-4945-A0C2-994B3A9BCDC4}"/>
            </a:ext>
          </a:extLst>
        </xdr:cNvPr>
        <xdr:cNvCxnSpPr/>
      </xdr:nvCxnSpPr>
      <xdr:spPr>
        <a:xfrm flipV="1">
          <a:off x="7861300" y="14779752"/>
          <a:ext cx="889000" cy="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57987</xdr:rowOff>
    </xdr:from>
    <xdr:to>
      <xdr:col>36</xdr:col>
      <xdr:colOff>165100</xdr:colOff>
      <xdr:row>86</xdr:row>
      <xdr:rowOff>88137</xdr:rowOff>
    </xdr:to>
    <xdr:sp macro="" textlink="">
      <xdr:nvSpPr>
        <xdr:cNvPr id="369" name="楕円 368">
          <a:extLst>
            <a:ext uri="{FF2B5EF4-FFF2-40B4-BE49-F238E27FC236}">
              <a16:creationId xmlns:a16="http://schemas.microsoft.com/office/drawing/2014/main" id="{81693EDE-3D81-4510-A517-08B658693683}"/>
            </a:ext>
          </a:extLst>
        </xdr:cNvPr>
        <xdr:cNvSpPr/>
      </xdr:nvSpPr>
      <xdr:spPr>
        <a:xfrm>
          <a:off x="6921500" y="14731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35813</xdr:rowOff>
    </xdr:from>
    <xdr:to>
      <xdr:col>41</xdr:col>
      <xdr:colOff>50800</xdr:colOff>
      <xdr:row>86</xdr:row>
      <xdr:rowOff>37337</xdr:rowOff>
    </xdr:to>
    <xdr:cxnSp macro="">
      <xdr:nvCxnSpPr>
        <xdr:cNvPr id="370" name="直線コネクタ 369">
          <a:extLst>
            <a:ext uri="{FF2B5EF4-FFF2-40B4-BE49-F238E27FC236}">
              <a16:creationId xmlns:a16="http://schemas.microsoft.com/office/drawing/2014/main" id="{4B4F10F2-5037-4BC6-A092-1CE9D8A72BE2}"/>
            </a:ext>
          </a:extLst>
        </xdr:cNvPr>
        <xdr:cNvCxnSpPr/>
      </xdr:nvCxnSpPr>
      <xdr:spPr>
        <a:xfrm flipV="1">
          <a:off x="6972300" y="14780513"/>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88664</xdr:rowOff>
    </xdr:from>
    <xdr:ext cx="469744" cy="259045"/>
    <xdr:sp macro="" textlink="">
      <xdr:nvSpPr>
        <xdr:cNvPr id="371" name="n_1aveValue【福祉施設】&#10;一人当たり面積">
          <a:extLst>
            <a:ext uri="{FF2B5EF4-FFF2-40B4-BE49-F238E27FC236}">
              <a16:creationId xmlns:a16="http://schemas.microsoft.com/office/drawing/2014/main" id="{9ACB0B38-D693-4FF7-BCA1-56BDC731CFA8}"/>
            </a:ext>
          </a:extLst>
        </xdr:cNvPr>
        <xdr:cNvSpPr txBox="1"/>
      </xdr:nvSpPr>
      <xdr:spPr>
        <a:xfrm>
          <a:off x="9391727" y="143190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29049</xdr:rowOff>
    </xdr:from>
    <xdr:ext cx="469744" cy="259045"/>
    <xdr:sp macro="" textlink="">
      <xdr:nvSpPr>
        <xdr:cNvPr id="372" name="n_2aveValue【福祉施設】&#10;一人当たり面積">
          <a:extLst>
            <a:ext uri="{FF2B5EF4-FFF2-40B4-BE49-F238E27FC236}">
              <a16:creationId xmlns:a16="http://schemas.microsoft.com/office/drawing/2014/main" id="{A907731F-649D-4B0D-AAFC-BE01C46DD481}"/>
            </a:ext>
          </a:extLst>
        </xdr:cNvPr>
        <xdr:cNvSpPr txBox="1"/>
      </xdr:nvSpPr>
      <xdr:spPr>
        <a:xfrm>
          <a:off x="8515427" y="14359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13809</xdr:rowOff>
    </xdr:from>
    <xdr:ext cx="469744" cy="259045"/>
    <xdr:sp macro="" textlink="">
      <xdr:nvSpPr>
        <xdr:cNvPr id="373" name="n_3aveValue【福祉施設】&#10;一人当たり面積">
          <a:extLst>
            <a:ext uri="{FF2B5EF4-FFF2-40B4-BE49-F238E27FC236}">
              <a16:creationId xmlns:a16="http://schemas.microsoft.com/office/drawing/2014/main" id="{698924BD-38E5-4CAF-8100-398A83F73CD5}"/>
            </a:ext>
          </a:extLst>
        </xdr:cNvPr>
        <xdr:cNvSpPr txBox="1"/>
      </xdr:nvSpPr>
      <xdr:spPr>
        <a:xfrm>
          <a:off x="7626427" y="14344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13809</xdr:rowOff>
    </xdr:from>
    <xdr:ext cx="469744" cy="259045"/>
    <xdr:sp macro="" textlink="">
      <xdr:nvSpPr>
        <xdr:cNvPr id="374" name="n_4aveValue【福祉施設】&#10;一人当たり面積">
          <a:extLst>
            <a:ext uri="{FF2B5EF4-FFF2-40B4-BE49-F238E27FC236}">
              <a16:creationId xmlns:a16="http://schemas.microsoft.com/office/drawing/2014/main" id="{1A52934F-3D53-4584-896C-5DA997AB39C3}"/>
            </a:ext>
          </a:extLst>
        </xdr:cNvPr>
        <xdr:cNvSpPr txBox="1"/>
      </xdr:nvSpPr>
      <xdr:spPr>
        <a:xfrm>
          <a:off x="6737427" y="14344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75455</xdr:rowOff>
    </xdr:from>
    <xdr:ext cx="469744" cy="259045"/>
    <xdr:sp macro="" textlink="">
      <xdr:nvSpPr>
        <xdr:cNvPr id="375" name="n_1mainValue【福祉施設】&#10;一人当たり面積">
          <a:extLst>
            <a:ext uri="{FF2B5EF4-FFF2-40B4-BE49-F238E27FC236}">
              <a16:creationId xmlns:a16="http://schemas.microsoft.com/office/drawing/2014/main" id="{0929710D-8171-401B-B7B5-D602D21AD51B}"/>
            </a:ext>
          </a:extLst>
        </xdr:cNvPr>
        <xdr:cNvSpPr txBox="1"/>
      </xdr:nvSpPr>
      <xdr:spPr>
        <a:xfrm>
          <a:off x="9391727" y="14820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76979</xdr:rowOff>
    </xdr:from>
    <xdr:ext cx="469744" cy="259045"/>
    <xdr:sp macro="" textlink="">
      <xdr:nvSpPr>
        <xdr:cNvPr id="376" name="n_2mainValue【福祉施設】&#10;一人当たり面積">
          <a:extLst>
            <a:ext uri="{FF2B5EF4-FFF2-40B4-BE49-F238E27FC236}">
              <a16:creationId xmlns:a16="http://schemas.microsoft.com/office/drawing/2014/main" id="{8A40DE51-33AB-41EB-948F-9E7686022C23}"/>
            </a:ext>
          </a:extLst>
        </xdr:cNvPr>
        <xdr:cNvSpPr txBox="1"/>
      </xdr:nvSpPr>
      <xdr:spPr>
        <a:xfrm>
          <a:off x="8515427" y="148216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77740</xdr:rowOff>
    </xdr:from>
    <xdr:ext cx="469744" cy="259045"/>
    <xdr:sp macro="" textlink="">
      <xdr:nvSpPr>
        <xdr:cNvPr id="377" name="n_3mainValue【福祉施設】&#10;一人当たり面積">
          <a:extLst>
            <a:ext uri="{FF2B5EF4-FFF2-40B4-BE49-F238E27FC236}">
              <a16:creationId xmlns:a16="http://schemas.microsoft.com/office/drawing/2014/main" id="{D5B512A5-0944-40B5-ACDF-68838492E93E}"/>
            </a:ext>
          </a:extLst>
        </xdr:cNvPr>
        <xdr:cNvSpPr txBox="1"/>
      </xdr:nvSpPr>
      <xdr:spPr>
        <a:xfrm>
          <a:off x="7626427" y="14822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79264</xdr:rowOff>
    </xdr:from>
    <xdr:ext cx="469744" cy="259045"/>
    <xdr:sp macro="" textlink="">
      <xdr:nvSpPr>
        <xdr:cNvPr id="378" name="n_4mainValue【福祉施設】&#10;一人当たり面積">
          <a:extLst>
            <a:ext uri="{FF2B5EF4-FFF2-40B4-BE49-F238E27FC236}">
              <a16:creationId xmlns:a16="http://schemas.microsoft.com/office/drawing/2014/main" id="{76712236-EEBF-4230-B161-54AF72E69E95}"/>
            </a:ext>
          </a:extLst>
        </xdr:cNvPr>
        <xdr:cNvSpPr txBox="1"/>
      </xdr:nvSpPr>
      <xdr:spPr>
        <a:xfrm>
          <a:off x="6737427" y="14823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9" name="正方形/長方形 378">
          <a:extLst>
            <a:ext uri="{FF2B5EF4-FFF2-40B4-BE49-F238E27FC236}">
              <a16:creationId xmlns:a16="http://schemas.microsoft.com/office/drawing/2014/main" id="{DA06E40B-9162-4AD8-86D1-060EC5B9F0C8}"/>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0" name="正方形/長方形 379">
          <a:extLst>
            <a:ext uri="{FF2B5EF4-FFF2-40B4-BE49-F238E27FC236}">
              <a16:creationId xmlns:a16="http://schemas.microsoft.com/office/drawing/2014/main" id="{D2CC24B6-A342-480D-B1AF-6220E6139E4D}"/>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1" name="正方形/長方形 380">
          <a:extLst>
            <a:ext uri="{FF2B5EF4-FFF2-40B4-BE49-F238E27FC236}">
              <a16:creationId xmlns:a16="http://schemas.microsoft.com/office/drawing/2014/main" id="{AC164E41-E413-4863-BE4F-5FC5371226E2}"/>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2" name="正方形/長方形 381">
          <a:extLst>
            <a:ext uri="{FF2B5EF4-FFF2-40B4-BE49-F238E27FC236}">
              <a16:creationId xmlns:a16="http://schemas.microsoft.com/office/drawing/2014/main" id="{6571C74D-98FD-4156-93D4-4A3CEE9B3584}"/>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3" name="正方形/長方形 382">
          <a:extLst>
            <a:ext uri="{FF2B5EF4-FFF2-40B4-BE49-F238E27FC236}">
              <a16:creationId xmlns:a16="http://schemas.microsoft.com/office/drawing/2014/main" id="{47631199-C869-479C-A164-D89B68BDC6C0}"/>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4" name="正方形/長方形 383">
          <a:extLst>
            <a:ext uri="{FF2B5EF4-FFF2-40B4-BE49-F238E27FC236}">
              <a16:creationId xmlns:a16="http://schemas.microsoft.com/office/drawing/2014/main" id="{FC329E8A-48BB-452E-86D2-93F024F7059F}"/>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5" name="正方形/長方形 384">
          <a:extLst>
            <a:ext uri="{FF2B5EF4-FFF2-40B4-BE49-F238E27FC236}">
              <a16:creationId xmlns:a16="http://schemas.microsoft.com/office/drawing/2014/main" id="{BB59BF03-5420-4E52-886F-F583B0BBAC12}"/>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a:extLst>
            <a:ext uri="{FF2B5EF4-FFF2-40B4-BE49-F238E27FC236}">
              <a16:creationId xmlns:a16="http://schemas.microsoft.com/office/drawing/2014/main" id="{1F8E99AC-04C7-42DD-8784-4452F7FDD92C}"/>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7" name="正方形/長方形 386">
          <a:extLst>
            <a:ext uri="{FF2B5EF4-FFF2-40B4-BE49-F238E27FC236}">
              <a16:creationId xmlns:a16="http://schemas.microsoft.com/office/drawing/2014/main" id="{17923A5D-5F0C-4E09-9495-EA7FB51F1260}"/>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8" name="正方形/長方形 387">
          <a:extLst>
            <a:ext uri="{FF2B5EF4-FFF2-40B4-BE49-F238E27FC236}">
              <a16:creationId xmlns:a16="http://schemas.microsoft.com/office/drawing/2014/main" id="{F750A93C-275E-48F8-9CF2-D8608BE6FA5F}"/>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9" name="正方形/長方形 388">
          <a:extLst>
            <a:ext uri="{FF2B5EF4-FFF2-40B4-BE49-F238E27FC236}">
              <a16:creationId xmlns:a16="http://schemas.microsoft.com/office/drawing/2014/main" id="{4FD05696-8DD3-4CA8-A432-441345A7D2B6}"/>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90" name="正方形/長方形 389">
          <a:extLst>
            <a:ext uri="{FF2B5EF4-FFF2-40B4-BE49-F238E27FC236}">
              <a16:creationId xmlns:a16="http://schemas.microsoft.com/office/drawing/2014/main" id="{14B0DE2F-84C4-4941-A4DB-8378DCC2AC69}"/>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91" name="正方形/長方形 390">
          <a:extLst>
            <a:ext uri="{FF2B5EF4-FFF2-40B4-BE49-F238E27FC236}">
              <a16:creationId xmlns:a16="http://schemas.microsoft.com/office/drawing/2014/main" id="{00AE5505-B491-4A45-B306-F79BB5672464}"/>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2" name="正方形/長方形 391">
          <a:extLst>
            <a:ext uri="{FF2B5EF4-FFF2-40B4-BE49-F238E27FC236}">
              <a16:creationId xmlns:a16="http://schemas.microsoft.com/office/drawing/2014/main" id="{51832909-B595-4014-AB97-6FDA5014484E}"/>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3" name="正方形/長方形 392">
          <a:extLst>
            <a:ext uri="{FF2B5EF4-FFF2-40B4-BE49-F238E27FC236}">
              <a16:creationId xmlns:a16="http://schemas.microsoft.com/office/drawing/2014/main" id="{C4245A60-6BDD-4A6F-A715-1590CDE547EF}"/>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4" name="正方形/長方形 393">
          <a:extLst>
            <a:ext uri="{FF2B5EF4-FFF2-40B4-BE49-F238E27FC236}">
              <a16:creationId xmlns:a16="http://schemas.microsoft.com/office/drawing/2014/main" id="{59DE004C-C58E-4AA9-997F-758C7106B141}"/>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5" name="正方形/長方形 394">
          <a:extLst>
            <a:ext uri="{FF2B5EF4-FFF2-40B4-BE49-F238E27FC236}">
              <a16:creationId xmlns:a16="http://schemas.microsoft.com/office/drawing/2014/main" id="{A5A8E52C-E5E5-4274-A288-ED025410AC4A}"/>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6" name="正方形/長方形 395">
          <a:extLst>
            <a:ext uri="{FF2B5EF4-FFF2-40B4-BE49-F238E27FC236}">
              <a16:creationId xmlns:a16="http://schemas.microsoft.com/office/drawing/2014/main" id="{60341C26-FCC1-4A9B-8318-98DC6C8AF8D7}"/>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7" name="正方形/長方形 396">
          <a:extLst>
            <a:ext uri="{FF2B5EF4-FFF2-40B4-BE49-F238E27FC236}">
              <a16:creationId xmlns:a16="http://schemas.microsoft.com/office/drawing/2014/main" id="{F5F53946-815A-4E29-BEB2-B64185F2DE03}"/>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8" name="正方形/長方形 397">
          <a:extLst>
            <a:ext uri="{FF2B5EF4-FFF2-40B4-BE49-F238E27FC236}">
              <a16:creationId xmlns:a16="http://schemas.microsoft.com/office/drawing/2014/main" id="{3A7E0B3C-B944-49EC-A292-2A0DA5F07BCE}"/>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9" name="正方形/長方形 398">
          <a:extLst>
            <a:ext uri="{FF2B5EF4-FFF2-40B4-BE49-F238E27FC236}">
              <a16:creationId xmlns:a16="http://schemas.microsoft.com/office/drawing/2014/main" id="{6E367F13-C020-478E-BDE2-57263F4D9EE5}"/>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0" name="正方形/長方形 399">
          <a:extLst>
            <a:ext uri="{FF2B5EF4-FFF2-40B4-BE49-F238E27FC236}">
              <a16:creationId xmlns:a16="http://schemas.microsoft.com/office/drawing/2014/main" id="{0A7998B6-BE5E-4AAF-90B5-4D4C744F8D4A}"/>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1" name="正方形/長方形 400">
          <a:extLst>
            <a:ext uri="{FF2B5EF4-FFF2-40B4-BE49-F238E27FC236}">
              <a16:creationId xmlns:a16="http://schemas.microsoft.com/office/drawing/2014/main" id="{4E379002-E3E3-4A52-8ECF-B6BC9F0973A9}"/>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2" name="正方形/長方形 401">
          <a:extLst>
            <a:ext uri="{FF2B5EF4-FFF2-40B4-BE49-F238E27FC236}">
              <a16:creationId xmlns:a16="http://schemas.microsoft.com/office/drawing/2014/main" id="{415B3CB8-92F0-43C7-B936-3FFDFAA2EEE6}"/>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3" name="テキスト ボックス 402">
          <a:extLst>
            <a:ext uri="{FF2B5EF4-FFF2-40B4-BE49-F238E27FC236}">
              <a16:creationId xmlns:a16="http://schemas.microsoft.com/office/drawing/2014/main" id="{A6C0FB50-788A-4914-BE8C-7209CE773F03}"/>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4" name="直線コネクタ 403">
          <a:extLst>
            <a:ext uri="{FF2B5EF4-FFF2-40B4-BE49-F238E27FC236}">
              <a16:creationId xmlns:a16="http://schemas.microsoft.com/office/drawing/2014/main" id="{5BD1F6FF-C83E-4A97-85D7-ACF52A8EC62E}"/>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5" name="テキスト ボックス 404">
          <a:extLst>
            <a:ext uri="{FF2B5EF4-FFF2-40B4-BE49-F238E27FC236}">
              <a16:creationId xmlns:a16="http://schemas.microsoft.com/office/drawing/2014/main" id="{8AB1D433-0DAB-4036-89CB-53ACFF3F72CD}"/>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6" name="直線コネクタ 405">
          <a:extLst>
            <a:ext uri="{FF2B5EF4-FFF2-40B4-BE49-F238E27FC236}">
              <a16:creationId xmlns:a16="http://schemas.microsoft.com/office/drawing/2014/main" id="{F9EE3249-358B-4906-B18B-60A51D8FF264}"/>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07" name="テキスト ボックス 406">
          <a:extLst>
            <a:ext uri="{FF2B5EF4-FFF2-40B4-BE49-F238E27FC236}">
              <a16:creationId xmlns:a16="http://schemas.microsoft.com/office/drawing/2014/main" id="{3BA480C1-FE48-4DAA-9275-99684F9478EB}"/>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08" name="直線コネクタ 407">
          <a:extLst>
            <a:ext uri="{FF2B5EF4-FFF2-40B4-BE49-F238E27FC236}">
              <a16:creationId xmlns:a16="http://schemas.microsoft.com/office/drawing/2014/main" id="{D83D29DE-65CC-4343-9A59-64674A036642}"/>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09" name="テキスト ボックス 408">
          <a:extLst>
            <a:ext uri="{FF2B5EF4-FFF2-40B4-BE49-F238E27FC236}">
              <a16:creationId xmlns:a16="http://schemas.microsoft.com/office/drawing/2014/main" id="{0C89E035-40A3-441F-B5CD-1276F523AD51}"/>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10" name="直線コネクタ 409">
          <a:extLst>
            <a:ext uri="{FF2B5EF4-FFF2-40B4-BE49-F238E27FC236}">
              <a16:creationId xmlns:a16="http://schemas.microsoft.com/office/drawing/2014/main" id="{3704C56C-E184-401B-9DCF-6589FCD80679}"/>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11" name="テキスト ボックス 410">
          <a:extLst>
            <a:ext uri="{FF2B5EF4-FFF2-40B4-BE49-F238E27FC236}">
              <a16:creationId xmlns:a16="http://schemas.microsoft.com/office/drawing/2014/main" id="{170C36AA-9D18-4F17-8312-2905CFC9D075}"/>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12" name="直線コネクタ 411">
          <a:extLst>
            <a:ext uri="{FF2B5EF4-FFF2-40B4-BE49-F238E27FC236}">
              <a16:creationId xmlns:a16="http://schemas.microsoft.com/office/drawing/2014/main" id="{AB0C83DC-E9C8-4395-83F0-4D54087C4D51}"/>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13" name="テキスト ボックス 412">
          <a:extLst>
            <a:ext uri="{FF2B5EF4-FFF2-40B4-BE49-F238E27FC236}">
              <a16:creationId xmlns:a16="http://schemas.microsoft.com/office/drawing/2014/main" id="{778B3BDA-A84E-4ADC-9182-23FB39A312A1}"/>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14" name="直線コネクタ 413">
          <a:extLst>
            <a:ext uri="{FF2B5EF4-FFF2-40B4-BE49-F238E27FC236}">
              <a16:creationId xmlns:a16="http://schemas.microsoft.com/office/drawing/2014/main" id="{BA065424-B00F-410E-AD9A-365805D3DF1E}"/>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15" name="テキスト ボックス 414">
          <a:extLst>
            <a:ext uri="{FF2B5EF4-FFF2-40B4-BE49-F238E27FC236}">
              <a16:creationId xmlns:a16="http://schemas.microsoft.com/office/drawing/2014/main" id="{049B615F-4DF1-4826-9A67-ED086EEFE0BA}"/>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6" name="直線コネクタ 415">
          <a:extLst>
            <a:ext uri="{FF2B5EF4-FFF2-40B4-BE49-F238E27FC236}">
              <a16:creationId xmlns:a16="http://schemas.microsoft.com/office/drawing/2014/main" id="{B4D2AE4F-287D-411A-A3E7-C0D92AC1D6D4}"/>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17" name="テキスト ボックス 416">
          <a:extLst>
            <a:ext uri="{FF2B5EF4-FFF2-40B4-BE49-F238E27FC236}">
              <a16:creationId xmlns:a16="http://schemas.microsoft.com/office/drawing/2014/main" id="{88E85200-9F99-4401-A0F5-1AEEE704DA9C}"/>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8" name="直線コネクタ 417">
          <a:extLst>
            <a:ext uri="{FF2B5EF4-FFF2-40B4-BE49-F238E27FC236}">
              <a16:creationId xmlns:a16="http://schemas.microsoft.com/office/drawing/2014/main" id="{FD66CD16-2BAF-4BA6-BFC7-A6E2BF698944}"/>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9" name="【一般廃棄物処理施設】&#10;有形固定資産減価償却率グラフ枠">
          <a:extLst>
            <a:ext uri="{FF2B5EF4-FFF2-40B4-BE49-F238E27FC236}">
              <a16:creationId xmlns:a16="http://schemas.microsoft.com/office/drawing/2014/main" id="{146DE2CD-333D-4239-BC88-331766B24619}"/>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84364</xdr:rowOff>
    </xdr:from>
    <xdr:to>
      <xdr:col>85</xdr:col>
      <xdr:colOff>126364</xdr:colOff>
      <xdr:row>42</xdr:row>
      <xdr:rowOff>92528</xdr:rowOff>
    </xdr:to>
    <xdr:cxnSp macro="">
      <xdr:nvCxnSpPr>
        <xdr:cNvPr id="420" name="直線コネクタ 419">
          <a:extLst>
            <a:ext uri="{FF2B5EF4-FFF2-40B4-BE49-F238E27FC236}">
              <a16:creationId xmlns:a16="http://schemas.microsoft.com/office/drawing/2014/main" id="{9F93F57A-0B27-4767-A34B-8273CB60F18A}"/>
            </a:ext>
          </a:extLst>
        </xdr:cNvPr>
        <xdr:cNvCxnSpPr/>
      </xdr:nvCxnSpPr>
      <xdr:spPr>
        <a:xfrm flipV="1">
          <a:off x="16318864" y="5742214"/>
          <a:ext cx="0" cy="15512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421" name="【一般廃棄物処理施設】&#10;有形固定資産減価償却率最小値テキスト">
          <a:extLst>
            <a:ext uri="{FF2B5EF4-FFF2-40B4-BE49-F238E27FC236}">
              <a16:creationId xmlns:a16="http://schemas.microsoft.com/office/drawing/2014/main" id="{230286C8-B494-4FD1-8C98-6A6F90135685}"/>
            </a:ext>
          </a:extLst>
        </xdr:cNvPr>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422" name="直線コネクタ 421">
          <a:extLst>
            <a:ext uri="{FF2B5EF4-FFF2-40B4-BE49-F238E27FC236}">
              <a16:creationId xmlns:a16="http://schemas.microsoft.com/office/drawing/2014/main" id="{17F6D6DA-2500-4094-8593-5A14E3D031A8}"/>
            </a:ext>
          </a:extLst>
        </xdr:cNvPr>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31041</xdr:rowOff>
    </xdr:from>
    <xdr:ext cx="340478" cy="259045"/>
    <xdr:sp macro="" textlink="">
      <xdr:nvSpPr>
        <xdr:cNvPr id="423" name="【一般廃棄物処理施設】&#10;有形固定資産減価償却率最大値テキスト">
          <a:extLst>
            <a:ext uri="{FF2B5EF4-FFF2-40B4-BE49-F238E27FC236}">
              <a16:creationId xmlns:a16="http://schemas.microsoft.com/office/drawing/2014/main" id="{92C96321-3CBD-44B6-A088-425C229AFE25}"/>
            </a:ext>
          </a:extLst>
        </xdr:cNvPr>
        <xdr:cNvSpPr txBox="1"/>
      </xdr:nvSpPr>
      <xdr:spPr>
        <a:xfrm>
          <a:off x="16357600" y="551744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84364</xdr:rowOff>
    </xdr:from>
    <xdr:to>
      <xdr:col>86</xdr:col>
      <xdr:colOff>25400</xdr:colOff>
      <xdr:row>33</xdr:row>
      <xdr:rowOff>84364</xdr:rowOff>
    </xdr:to>
    <xdr:cxnSp macro="">
      <xdr:nvCxnSpPr>
        <xdr:cNvPr id="424" name="直線コネクタ 423">
          <a:extLst>
            <a:ext uri="{FF2B5EF4-FFF2-40B4-BE49-F238E27FC236}">
              <a16:creationId xmlns:a16="http://schemas.microsoft.com/office/drawing/2014/main" id="{0638C6FA-EE88-456F-87E7-8DE02C99F59C}"/>
            </a:ext>
          </a:extLst>
        </xdr:cNvPr>
        <xdr:cNvCxnSpPr/>
      </xdr:nvCxnSpPr>
      <xdr:spPr>
        <a:xfrm>
          <a:off x="16230600" y="5742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62214</xdr:rowOff>
    </xdr:from>
    <xdr:ext cx="405111" cy="259045"/>
    <xdr:sp macro="" textlink="">
      <xdr:nvSpPr>
        <xdr:cNvPr id="425" name="【一般廃棄物処理施設】&#10;有形固定資産減価償却率平均値テキスト">
          <a:extLst>
            <a:ext uri="{FF2B5EF4-FFF2-40B4-BE49-F238E27FC236}">
              <a16:creationId xmlns:a16="http://schemas.microsoft.com/office/drawing/2014/main" id="{D9DFA637-4D5B-4F37-B818-FFE9731BBC49}"/>
            </a:ext>
          </a:extLst>
        </xdr:cNvPr>
        <xdr:cNvSpPr txBox="1"/>
      </xdr:nvSpPr>
      <xdr:spPr>
        <a:xfrm>
          <a:off x="16357600" y="650586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2337</xdr:rowOff>
    </xdr:from>
    <xdr:to>
      <xdr:col>85</xdr:col>
      <xdr:colOff>177800</xdr:colOff>
      <xdr:row>38</xdr:row>
      <xdr:rowOff>113937</xdr:rowOff>
    </xdr:to>
    <xdr:sp macro="" textlink="">
      <xdr:nvSpPr>
        <xdr:cNvPr id="426" name="フローチャート: 判断 425">
          <a:extLst>
            <a:ext uri="{FF2B5EF4-FFF2-40B4-BE49-F238E27FC236}">
              <a16:creationId xmlns:a16="http://schemas.microsoft.com/office/drawing/2014/main" id="{2A7F95EC-36D9-4FD2-8ED4-89520741E057}"/>
            </a:ext>
          </a:extLst>
        </xdr:cNvPr>
        <xdr:cNvSpPr/>
      </xdr:nvSpPr>
      <xdr:spPr>
        <a:xfrm>
          <a:off x="16268700" y="6527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1130</xdr:rowOff>
    </xdr:from>
    <xdr:to>
      <xdr:col>81</xdr:col>
      <xdr:colOff>101600</xdr:colOff>
      <xdr:row>38</xdr:row>
      <xdr:rowOff>81280</xdr:rowOff>
    </xdr:to>
    <xdr:sp macro="" textlink="">
      <xdr:nvSpPr>
        <xdr:cNvPr id="427" name="フローチャート: 判断 426">
          <a:extLst>
            <a:ext uri="{FF2B5EF4-FFF2-40B4-BE49-F238E27FC236}">
              <a16:creationId xmlns:a16="http://schemas.microsoft.com/office/drawing/2014/main" id="{87E40071-2E11-43A7-AE9A-04BA10122338}"/>
            </a:ext>
          </a:extLst>
        </xdr:cNvPr>
        <xdr:cNvSpPr/>
      </xdr:nvSpPr>
      <xdr:spPr>
        <a:xfrm>
          <a:off x="154305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49893</xdr:rowOff>
    </xdr:from>
    <xdr:to>
      <xdr:col>76</xdr:col>
      <xdr:colOff>165100</xdr:colOff>
      <xdr:row>38</xdr:row>
      <xdr:rowOff>151493</xdr:rowOff>
    </xdr:to>
    <xdr:sp macro="" textlink="">
      <xdr:nvSpPr>
        <xdr:cNvPr id="428" name="フローチャート: 判断 427">
          <a:extLst>
            <a:ext uri="{FF2B5EF4-FFF2-40B4-BE49-F238E27FC236}">
              <a16:creationId xmlns:a16="http://schemas.microsoft.com/office/drawing/2014/main" id="{03FE49DA-4648-4B84-A044-A934C9B3A215}"/>
            </a:ext>
          </a:extLst>
        </xdr:cNvPr>
        <xdr:cNvSpPr/>
      </xdr:nvSpPr>
      <xdr:spPr>
        <a:xfrm>
          <a:off x="14541500" y="6564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93980</xdr:rowOff>
    </xdr:from>
    <xdr:to>
      <xdr:col>72</xdr:col>
      <xdr:colOff>38100</xdr:colOff>
      <xdr:row>39</xdr:row>
      <xdr:rowOff>24130</xdr:rowOff>
    </xdr:to>
    <xdr:sp macro="" textlink="">
      <xdr:nvSpPr>
        <xdr:cNvPr id="429" name="フローチャート: 判断 428">
          <a:extLst>
            <a:ext uri="{FF2B5EF4-FFF2-40B4-BE49-F238E27FC236}">
              <a16:creationId xmlns:a16="http://schemas.microsoft.com/office/drawing/2014/main" id="{693FFBA2-99C5-436A-84B6-4BEC5F9C8F79}"/>
            </a:ext>
          </a:extLst>
        </xdr:cNvPr>
        <xdr:cNvSpPr/>
      </xdr:nvSpPr>
      <xdr:spPr>
        <a:xfrm>
          <a:off x="13652500" y="660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85816</xdr:rowOff>
    </xdr:from>
    <xdr:to>
      <xdr:col>67</xdr:col>
      <xdr:colOff>101600</xdr:colOff>
      <xdr:row>39</xdr:row>
      <xdr:rowOff>15966</xdr:rowOff>
    </xdr:to>
    <xdr:sp macro="" textlink="">
      <xdr:nvSpPr>
        <xdr:cNvPr id="430" name="フローチャート: 判断 429">
          <a:extLst>
            <a:ext uri="{FF2B5EF4-FFF2-40B4-BE49-F238E27FC236}">
              <a16:creationId xmlns:a16="http://schemas.microsoft.com/office/drawing/2014/main" id="{D43A6962-A5BF-4277-B6B2-11632F035B22}"/>
            </a:ext>
          </a:extLst>
        </xdr:cNvPr>
        <xdr:cNvSpPr/>
      </xdr:nvSpPr>
      <xdr:spPr>
        <a:xfrm>
          <a:off x="12763500" y="6600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id="{1ACE26D8-7B26-4873-8AA8-48CFAD07F8B0}"/>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2" name="テキスト ボックス 431">
          <a:extLst>
            <a:ext uri="{FF2B5EF4-FFF2-40B4-BE49-F238E27FC236}">
              <a16:creationId xmlns:a16="http://schemas.microsoft.com/office/drawing/2014/main" id="{2B834863-D1A3-4799-A81E-6D692BB6F153}"/>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3" name="テキスト ボックス 432">
          <a:extLst>
            <a:ext uri="{FF2B5EF4-FFF2-40B4-BE49-F238E27FC236}">
              <a16:creationId xmlns:a16="http://schemas.microsoft.com/office/drawing/2014/main" id="{784FBBCB-8AB0-480F-A73D-932B73DCAAC5}"/>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4" name="テキスト ボックス 433">
          <a:extLst>
            <a:ext uri="{FF2B5EF4-FFF2-40B4-BE49-F238E27FC236}">
              <a16:creationId xmlns:a16="http://schemas.microsoft.com/office/drawing/2014/main" id="{B5182ED6-0C4C-46B2-9794-A4CB9E5A1123}"/>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5" name="テキスト ボックス 434">
          <a:extLst>
            <a:ext uri="{FF2B5EF4-FFF2-40B4-BE49-F238E27FC236}">
              <a16:creationId xmlns:a16="http://schemas.microsoft.com/office/drawing/2014/main" id="{AEF70827-6D5C-4C83-9F6D-1FB03F1F6976}"/>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157661</xdr:rowOff>
    </xdr:from>
    <xdr:to>
      <xdr:col>85</xdr:col>
      <xdr:colOff>177800</xdr:colOff>
      <xdr:row>35</xdr:row>
      <xdr:rowOff>87811</xdr:rowOff>
    </xdr:to>
    <xdr:sp macro="" textlink="">
      <xdr:nvSpPr>
        <xdr:cNvPr id="436" name="楕円 435">
          <a:extLst>
            <a:ext uri="{FF2B5EF4-FFF2-40B4-BE49-F238E27FC236}">
              <a16:creationId xmlns:a16="http://schemas.microsoft.com/office/drawing/2014/main" id="{348AE182-409A-4015-A8E6-C6272C6A5D0B}"/>
            </a:ext>
          </a:extLst>
        </xdr:cNvPr>
        <xdr:cNvSpPr/>
      </xdr:nvSpPr>
      <xdr:spPr>
        <a:xfrm>
          <a:off x="16268700" y="5986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9088</xdr:rowOff>
    </xdr:from>
    <xdr:ext cx="405111" cy="259045"/>
    <xdr:sp macro="" textlink="">
      <xdr:nvSpPr>
        <xdr:cNvPr id="437" name="【一般廃棄物処理施設】&#10;有形固定資産減価償却率該当値テキスト">
          <a:extLst>
            <a:ext uri="{FF2B5EF4-FFF2-40B4-BE49-F238E27FC236}">
              <a16:creationId xmlns:a16="http://schemas.microsoft.com/office/drawing/2014/main" id="{7FCACF26-60D4-4BF9-A52B-01410D527E0B}"/>
            </a:ext>
          </a:extLst>
        </xdr:cNvPr>
        <xdr:cNvSpPr txBox="1"/>
      </xdr:nvSpPr>
      <xdr:spPr>
        <a:xfrm>
          <a:off x="16357600" y="5838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93980</xdr:rowOff>
    </xdr:from>
    <xdr:to>
      <xdr:col>81</xdr:col>
      <xdr:colOff>101600</xdr:colOff>
      <xdr:row>35</xdr:row>
      <xdr:rowOff>24130</xdr:rowOff>
    </xdr:to>
    <xdr:sp macro="" textlink="">
      <xdr:nvSpPr>
        <xdr:cNvPr id="438" name="楕円 437">
          <a:extLst>
            <a:ext uri="{FF2B5EF4-FFF2-40B4-BE49-F238E27FC236}">
              <a16:creationId xmlns:a16="http://schemas.microsoft.com/office/drawing/2014/main" id="{E968CE16-8998-4C2D-BD05-9A7DE59E8988}"/>
            </a:ext>
          </a:extLst>
        </xdr:cNvPr>
        <xdr:cNvSpPr/>
      </xdr:nvSpPr>
      <xdr:spPr>
        <a:xfrm>
          <a:off x="15430500" y="5923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4</xdr:row>
      <xdr:rowOff>144780</xdr:rowOff>
    </xdr:from>
    <xdr:to>
      <xdr:col>85</xdr:col>
      <xdr:colOff>127000</xdr:colOff>
      <xdr:row>35</xdr:row>
      <xdr:rowOff>37011</xdr:rowOff>
    </xdr:to>
    <xdr:cxnSp macro="">
      <xdr:nvCxnSpPr>
        <xdr:cNvPr id="439" name="直線コネクタ 438">
          <a:extLst>
            <a:ext uri="{FF2B5EF4-FFF2-40B4-BE49-F238E27FC236}">
              <a16:creationId xmlns:a16="http://schemas.microsoft.com/office/drawing/2014/main" id="{3097BA22-BBC9-446A-A0FD-34D196004DC2}"/>
            </a:ext>
          </a:extLst>
        </xdr:cNvPr>
        <xdr:cNvCxnSpPr/>
      </xdr:nvCxnSpPr>
      <xdr:spPr>
        <a:xfrm>
          <a:off x="15481300" y="5974080"/>
          <a:ext cx="838200" cy="63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31931</xdr:rowOff>
    </xdr:from>
    <xdr:to>
      <xdr:col>76</xdr:col>
      <xdr:colOff>165100</xdr:colOff>
      <xdr:row>34</xdr:row>
      <xdr:rowOff>133531</xdr:rowOff>
    </xdr:to>
    <xdr:sp macro="" textlink="">
      <xdr:nvSpPr>
        <xdr:cNvPr id="440" name="楕円 439">
          <a:extLst>
            <a:ext uri="{FF2B5EF4-FFF2-40B4-BE49-F238E27FC236}">
              <a16:creationId xmlns:a16="http://schemas.microsoft.com/office/drawing/2014/main" id="{A9F1AC0F-FBF5-4CB0-BCAC-00577D0DB7A5}"/>
            </a:ext>
          </a:extLst>
        </xdr:cNvPr>
        <xdr:cNvSpPr/>
      </xdr:nvSpPr>
      <xdr:spPr>
        <a:xfrm>
          <a:off x="14541500" y="5861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82731</xdr:rowOff>
    </xdr:from>
    <xdr:to>
      <xdr:col>81</xdr:col>
      <xdr:colOff>50800</xdr:colOff>
      <xdr:row>34</xdr:row>
      <xdr:rowOff>144780</xdr:rowOff>
    </xdr:to>
    <xdr:cxnSp macro="">
      <xdr:nvCxnSpPr>
        <xdr:cNvPr id="441" name="直線コネクタ 440">
          <a:extLst>
            <a:ext uri="{FF2B5EF4-FFF2-40B4-BE49-F238E27FC236}">
              <a16:creationId xmlns:a16="http://schemas.microsoft.com/office/drawing/2014/main" id="{4567D2A0-E379-44D0-8C4B-017A7641AEF8}"/>
            </a:ext>
          </a:extLst>
        </xdr:cNvPr>
        <xdr:cNvCxnSpPr/>
      </xdr:nvCxnSpPr>
      <xdr:spPr>
        <a:xfrm>
          <a:off x="14592300" y="5912031"/>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72407</xdr:rowOff>
    </xdr:from>
    <xdr:ext cx="405111" cy="259045"/>
    <xdr:sp macro="" textlink="">
      <xdr:nvSpPr>
        <xdr:cNvPr id="442" name="n_1aveValue【一般廃棄物処理施設】&#10;有形固定資産減価償却率">
          <a:extLst>
            <a:ext uri="{FF2B5EF4-FFF2-40B4-BE49-F238E27FC236}">
              <a16:creationId xmlns:a16="http://schemas.microsoft.com/office/drawing/2014/main" id="{175480B2-1969-4D97-A10A-904DD8B14460}"/>
            </a:ext>
          </a:extLst>
        </xdr:cNvPr>
        <xdr:cNvSpPr txBox="1"/>
      </xdr:nvSpPr>
      <xdr:spPr>
        <a:xfrm>
          <a:off x="15266044" y="6587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42620</xdr:rowOff>
    </xdr:from>
    <xdr:ext cx="405111" cy="259045"/>
    <xdr:sp macro="" textlink="">
      <xdr:nvSpPr>
        <xdr:cNvPr id="443" name="n_2aveValue【一般廃棄物処理施設】&#10;有形固定資産減価償却率">
          <a:extLst>
            <a:ext uri="{FF2B5EF4-FFF2-40B4-BE49-F238E27FC236}">
              <a16:creationId xmlns:a16="http://schemas.microsoft.com/office/drawing/2014/main" id="{3A61E423-0730-4DA6-B8B8-527A74F3A3F5}"/>
            </a:ext>
          </a:extLst>
        </xdr:cNvPr>
        <xdr:cNvSpPr txBox="1"/>
      </xdr:nvSpPr>
      <xdr:spPr>
        <a:xfrm>
          <a:off x="14389744" y="66577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40657</xdr:rowOff>
    </xdr:from>
    <xdr:ext cx="405111" cy="259045"/>
    <xdr:sp macro="" textlink="">
      <xdr:nvSpPr>
        <xdr:cNvPr id="444" name="n_3aveValue【一般廃棄物処理施設】&#10;有形固定資産減価償却率">
          <a:extLst>
            <a:ext uri="{FF2B5EF4-FFF2-40B4-BE49-F238E27FC236}">
              <a16:creationId xmlns:a16="http://schemas.microsoft.com/office/drawing/2014/main" id="{9AF6D0D8-58DE-47D8-B16C-131FCEDD78AA}"/>
            </a:ext>
          </a:extLst>
        </xdr:cNvPr>
        <xdr:cNvSpPr txBox="1"/>
      </xdr:nvSpPr>
      <xdr:spPr>
        <a:xfrm>
          <a:off x="13500744" y="6384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32493</xdr:rowOff>
    </xdr:from>
    <xdr:ext cx="405111" cy="259045"/>
    <xdr:sp macro="" textlink="">
      <xdr:nvSpPr>
        <xdr:cNvPr id="445" name="n_4aveValue【一般廃棄物処理施設】&#10;有形固定資産減価償却率">
          <a:extLst>
            <a:ext uri="{FF2B5EF4-FFF2-40B4-BE49-F238E27FC236}">
              <a16:creationId xmlns:a16="http://schemas.microsoft.com/office/drawing/2014/main" id="{3F0E4DB0-C99C-4881-8953-C053F74431EF}"/>
            </a:ext>
          </a:extLst>
        </xdr:cNvPr>
        <xdr:cNvSpPr txBox="1"/>
      </xdr:nvSpPr>
      <xdr:spPr>
        <a:xfrm>
          <a:off x="12611744" y="63761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3</xdr:row>
      <xdr:rowOff>40657</xdr:rowOff>
    </xdr:from>
    <xdr:ext cx="405111" cy="259045"/>
    <xdr:sp macro="" textlink="">
      <xdr:nvSpPr>
        <xdr:cNvPr id="446" name="n_1mainValue【一般廃棄物処理施設】&#10;有形固定資産減価償却率">
          <a:extLst>
            <a:ext uri="{FF2B5EF4-FFF2-40B4-BE49-F238E27FC236}">
              <a16:creationId xmlns:a16="http://schemas.microsoft.com/office/drawing/2014/main" id="{51B40D67-DAF9-4865-9BE4-157DFA9C6C5A}"/>
            </a:ext>
          </a:extLst>
        </xdr:cNvPr>
        <xdr:cNvSpPr txBox="1"/>
      </xdr:nvSpPr>
      <xdr:spPr>
        <a:xfrm>
          <a:off x="15266044" y="5698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2</xdr:row>
      <xdr:rowOff>150058</xdr:rowOff>
    </xdr:from>
    <xdr:ext cx="405111" cy="259045"/>
    <xdr:sp macro="" textlink="">
      <xdr:nvSpPr>
        <xdr:cNvPr id="447" name="n_2mainValue【一般廃棄物処理施設】&#10;有形固定資産減価償却率">
          <a:extLst>
            <a:ext uri="{FF2B5EF4-FFF2-40B4-BE49-F238E27FC236}">
              <a16:creationId xmlns:a16="http://schemas.microsoft.com/office/drawing/2014/main" id="{537D17F8-2CAE-4467-B629-DECDD7F5D12F}"/>
            </a:ext>
          </a:extLst>
        </xdr:cNvPr>
        <xdr:cNvSpPr txBox="1"/>
      </xdr:nvSpPr>
      <xdr:spPr>
        <a:xfrm>
          <a:off x="14389744" y="56364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48" name="正方形/長方形 447">
          <a:extLst>
            <a:ext uri="{FF2B5EF4-FFF2-40B4-BE49-F238E27FC236}">
              <a16:creationId xmlns:a16="http://schemas.microsoft.com/office/drawing/2014/main" id="{FEC6E9D5-37F4-4CFF-BF53-503F4F271EAE}"/>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49" name="正方形/長方形 448">
          <a:extLst>
            <a:ext uri="{FF2B5EF4-FFF2-40B4-BE49-F238E27FC236}">
              <a16:creationId xmlns:a16="http://schemas.microsoft.com/office/drawing/2014/main" id="{ED5C2129-46CB-4FC5-A0AF-238EB0BFCD47}"/>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0" name="正方形/長方形 449">
          <a:extLst>
            <a:ext uri="{FF2B5EF4-FFF2-40B4-BE49-F238E27FC236}">
              <a16:creationId xmlns:a16="http://schemas.microsoft.com/office/drawing/2014/main" id="{25360BC0-04A4-4C1C-898D-181D28F3EA1B}"/>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1" name="正方形/長方形 450">
          <a:extLst>
            <a:ext uri="{FF2B5EF4-FFF2-40B4-BE49-F238E27FC236}">
              <a16:creationId xmlns:a16="http://schemas.microsoft.com/office/drawing/2014/main" id="{00A7D8C7-AEA2-4F1C-8DBB-FA43C7CBC0EC}"/>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2" name="正方形/長方形 451">
          <a:extLst>
            <a:ext uri="{FF2B5EF4-FFF2-40B4-BE49-F238E27FC236}">
              <a16:creationId xmlns:a16="http://schemas.microsoft.com/office/drawing/2014/main" id="{CCB163B4-7B74-4047-943E-041BC94F0544}"/>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3" name="正方形/長方形 452">
          <a:extLst>
            <a:ext uri="{FF2B5EF4-FFF2-40B4-BE49-F238E27FC236}">
              <a16:creationId xmlns:a16="http://schemas.microsoft.com/office/drawing/2014/main" id="{46DB4086-6DB8-48AE-8F64-930C80EFA45D}"/>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4" name="正方形/長方形 453">
          <a:extLst>
            <a:ext uri="{FF2B5EF4-FFF2-40B4-BE49-F238E27FC236}">
              <a16:creationId xmlns:a16="http://schemas.microsoft.com/office/drawing/2014/main" id="{B8D70AA5-5E31-41DD-B81B-BC1A5DCB7CDD}"/>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5" name="正方形/長方形 454">
          <a:extLst>
            <a:ext uri="{FF2B5EF4-FFF2-40B4-BE49-F238E27FC236}">
              <a16:creationId xmlns:a16="http://schemas.microsoft.com/office/drawing/2014/main" id="{F06D34E3-8F61-466F-B185-E6721A998758}"/>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6" name="テキスト ボックス 455">
          <a:extLst>
            <a:ext uri="{FF2B5EF4-FFF2-40B4-BE49-F238E27FC236}">
              <a16:creationId xmlns:a16="http://schemas.microsoft.com/office/drawing/2014/main" id="{ACDB9C4C-2191-4481-B395-A6DD214DB98C}"/>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7" name="直線コネクタ 456">
          <a:extLst>
            <a:ext uri="{FF2B5EF4-FFF2-40B4-BE49-F238E27FC236}">
              <a16:creationId xmlns:a16="http://schemas.microsoft.com/office/drawing/2014/main" id="{AA678268-E4A3-4FD0-B7A9-D0CB97B8FE0A}"/>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58" name="直線コネクタ 457">
          <a:extLst>
            <a:ext uri="{FF2B5EF4-FFF2-40B4-BE49-F238E27FC236}">
              <a16:creationId xmlns:a16="http://schemas.microsoft.com/office/drawing/2014/main" id="{DC9966B2-86C5-45A4-86F4-6E6775C56512}"/>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459" name="テキスト ボックス 458">
          <a:extLst>
            <a:ext uri="{FF2B5EF4-FFF2-40B4-BE49-F238E27FC236}">
              <a16:creationId xmlns:a16="http://schemas.microsoft.com/office/drawing/2014/main" id="{5E90C463-267A-4979-AF82-5D7CD2CBF222}"/>
            </a:ext>
          </a:extLst>
        </xdr:cNvPr>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0" name="直線コネクタ 459">
          <a:extLst>
            <a:ext uri="{FF2B5EF4-FFF2-40B4-BE49-F238E27FC236}">
              <a16:creationId xmlns:a16="http://schemas.microsoft.com/office/drawing/2014/main" id="{C9C80189-9670-442F-9E3B-7F82471D956F}"/>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9</xdr:row>
      <xdr:rowOff>29227</xdr:rowOff>
    </xdr:from>
    <xdr:ext cx="595419" cy="259045"/>
    <xdr:sp macro="" textlink="">
      <xdr:nvSpPr>
        <xdr:cNvPr id="461" name="テキスト ボックス 460">
          <a:extLst>
            <a:ext uri="{FF2B5EF4-FFF2-40B4-BE49-F238E27FC236}">
              <a16:creationId xmlns:a16="http://schemas.microsoft.com/office/drawing/2014/main" id="{6F01BF78-AD54-4513-9E5F-4BF5DD49ABCF}"/>
            </a:ext>
          </a:extLst>
        </xdr:cNvPr>
        <xdr:cNvSpPr txBox="1"/>
      </xdr:nvSpPr>
      <xdr:spPr>
        <a:xfrm>
          <a:off x="17692581" y="671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2" name="直線コネクタ 461">
          <a:extLst>
            <a:ext uri="{FF2B5EF4-FFF2-40B4-BE49-F238E27FC236}">
              <a16:creationId xmlns:a16="http://schemas.microsoft.com/office/drawing/2014/main" id="{2957AEAD-7B0F-485E-94EF-2AA27FA290A1}"/>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6</xdr:row>
      <xdr:rowOff>162577</xdr:rowOff>
    </xdr:from>
    <xdr:ext cx="685572" cy="259045"/>
    <xdr:sp macro="" textlink="">
      <xdr:nvSpPr>
        <xdr:cNvPr id="463" name="テキスト ボックス 462">
          <a:extLst>
            <a:ext uri="{FF2B5EF4-FFF2-40B4-BE49-F238E27FC236}">
              <a16:creationId xmlns:a16="http://schemas.microsoft.com/office/drawing/2014/main" id="{F7198835-04E1-4A56-AB8B-647AF36B90EB}"/>
            </a:ext>
          </a:extLst>
        </xdr:cNvPr>
        <xdr:cNvSpPr txBox="1"/>
      </xdr:nvSpPr>
      <xdr:spPr>
        <a:xfrm>
          <a:off x="17602428" y="633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64" name="直線コネクタ 463">
          <a:extLst>
            <a:ext uri="{FF2B5EF4-FFF2-40B4-BE49-F238E27FC236}">
              <a16:creationId xmlns:a16="http://schemas.microsoft.com/office/drawing/2014/main" id="{3D558134-D57C-42F9-A887-1DE54A9FF1AA}"/>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4</xdr:row>
      <xdr:rowOff>124477</xdr:rowOff>
    </xdr:from>
    <xdr:ext cx="685572" cy="259045"/>
    <xdr:sp macro="" textlink="">
      <xdr:nvSpPr>
        <xdr:cNvPr id="465" name="テキスト ボックス 464">
          <a:extLst>
            <a:ext uri="{FF2B5EF4-FFF2-40B4-BE49-F238E27FC236}">
              <a16:creationId xmlns:a16="http://schemas.microsoft.com/office/drawing/2014/main" id="{3DE1B2ED-6BBF-4784-B7EA-1901EBE050B1}"/>
            </a:ext>
          </a:extLst>
        </xdr:cNvPr>
        <xdr:cNvSpPr txBox="1"/>
      </xdr:nvSpPr>
      <xdr:spPr>
        <a:xfrm>
          <a:off x="17602428" y="595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66" name="直線コネクタ 465">
          <a:extLst>
            <a:ext uri="{FF2B5EF4-FFF2-40B4-BE49-F238E27FC236}">
              <a16:creationId xmlns:a16="http://schemas.microsoft.com/office/drawing/2014/main" id="{B45E500E-C553-41F6-B859-B673B67A780C}"/>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2</xdr:row>
      <xdr:rowOff>86377</xdr:rowOff>
    </xdr:from>
    <xdr:ext cx="685572" cy="259045"/>
    <xdr:sp macro="" textlink="">
      <xdr:nvSpPr>
        <xdr:cNvPr id="467" name="テキスト ボックス 466">
          <a:extLst>
            <a:ext uri="{FF2B5EF4-FFF2-40B4-BE49-F238E27FC236}">
              <a16:creationId xmlns:a16="http://schemas.microsoft.com/office/drawing/2014/main" id="{64C0E065-8C17-410E-AFAA-A87131DC9251}"/>
            </a:ext>
          </a:extLst>
        </xdr:cNvPr>
        <xdr:cNvSpPr txBox="1"/>
      </xdr:nvSpPr>
      <xdr:spPr>
        <a:xfrm>
          <a:off x="17602428" y="557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8" name="直線コネクタ 467">
          <a:extLst>
            <a:ext uri="{FF2B5EF4-FFF2-40B4-BE49-F238E27FC236}">
              <a16:creationId xmlns:a16="http://schemas.microsoft.com/office/drawing/2014/main" id="{9C4BC35E-0758-4A94-9876-A49B546B24F1}"/>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0</xdr:row>
      <xdr:rowOff>48277</xdr:rowOff>
    </xdr:from>
    <xdr:ext cx="685572" cy="259045"/>
    <xdr:sp macro="" textlink="">
      <xdr:nvSpPr>
        <xdr:cNvPr id="469" name="テキスト ボックス 468">
          <a:extLst>
            <a:ext uri="{FF2B5EF4-FFF2-40B4-BE49-F238E27FC236}">
              <a16:creationId xmlns:a16="http://schemas.microsoft.com/office/drawing/2014/main" id="{87DF111B-174B-4D21-A168-750496D83D8B}"/>
            </a:ext>
          </a:extLst>
        </xdr:cNvPr>
        <xdr:cNvSpPr txBox="1"/>
      </xdr:nvSpPr>
      <xdr:spPr>
        <a:xfrm>
          <a:off x="17602428" y="519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0" name="【一般廃棄物処理施設】&#10;一人当たり有形固定資産（償却資産）額グラフ枠">
          <a:extLst>
            <a:ext uri="{FF2B5EF4-FFF2-40B4-BE49-F238E27FC236}">
              <a16:creationId xmlns:a16="http://schemas.microsoft.com/office/drawing/2014/main" id="{9016FB0A-E554-4865-8D96-4C5815389145}"/>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66957</xdr:rowOff>
    </xdr:from>
    <xdr:to>
      <xdr:col>116</xdr:col>
      <xdr:colOff>62864</xdr:colOff>
      <xdr:row>42</xdr:row>
      <xdr:rowOff>37959</xdr:rowOff>
    </xdr:to>
    <xdr:cxnSp macro="">
      <xdr:nvCxnSpPr>
        <xdr:cNvPr id="471" name="直線コネクタ 470">
          <a:extLst>
            <a:ext uri="{FF2B5EF4-FFF2-40B4-BE49-F238E27FC236}">
              <a16:creationId xmlns:a16="http://schemas.microsoft.com/office/drawing/2014/main" id="{302DA84A-6E90-41A3-ACF6-ABA918EDF3E2}"/>
            </a:ext>
          </a:extLst>
        </xdr:cNvPr>
        <xdr:cNvCxnSpPr/>
      </xdr:nvCxnSpPr>
      <xdr:spPr>
        <a:xfrm flipV="1">
          <a:off x="22160864" y="5724807"/>
          <a:ext cx="0" cy="15140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41786</xdr:rowOff>
    </xdr:from>
    <xdr:ext cx="378565" cy="259045"/>
    <xdr:sp macro="" textlink="">
      <xdr:nvSpPr>
        <xdr:cNvPr id="472" name="【一般廃棄物処理施設】&#10;一人当たり有形固定資産（償却資産）額最小値テキスト">
          <a:extLst>
            <a:ext uri="{FF2B5EF4-FFF2-40B4-BE49-F238E27FC236}">
              <a16:creationId xmlns:a16="http://schemas.microsoft.com/office/drawing/2014/main" id="{0667F1E1-81AF-49E4-B113-4871204CAE56}"/>
            </a:ext>
          </a:extLst>
        </xdr:cNvPr>
        <xdr:cNvSpPr txBox="1"/>
      </xdr:nvSpPr>
      <xdr:spPr>
        <a:xfrm>
          <a:off x="22199600" y="72426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37959</xdr:rowOff>
    </xdr:from>
    <xdr:to>
      <xdr:col>116</xdr:col>
      <xdr:colOff>152400</xdr:colOff>
      <xdr:row>42</xdr:row>
      <xdr:rowOff>37959</xdr:rowOff>
    </xdr:to>
    <xdr:cxnSp macro="">
      <xdr:nvCxnSpPr>
        <xdr:cNvPr id="473" name="直線コネクタ 472">
          <a:extLst>
            <a:ext uri="{FF2B5EF4-FFF2-40B4-BE49-F238E27FC236}">
              <a16:creationId xmlns:a16="http://schemas.microsoft.com/office/drawing/2014/main" id="{91767340-29C0-49FF-964D-1BA8FCC01D29}"/>
            </a:ext>
          </a:extLst>
        </xdr:cNvPr>
        <xdr:cNvCxnSpPr/>
      </xdr:nvCxnSpPr>
      <xdr:spPr>
        <a:xfrm>
          <a:off x="22072600" y="72388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3634</xdr:rowOff>
    </xdr:from>
    <xdr:ext cx="690189" cy="259045"/>
    <xdr:sp macro="" textlink="">
      <xdr:nvSpPr>
        <xdr:cNvPr id="474" name="【一般廃棄物処理施設】&#10;一人当たり有形固定資産（償却資産）額最大値テキスト">
          <a:extLst>
            <a:ext uri="{FF2B5EF4-FFF2-40B4-BE49-F238E27FC236}">
              <a16:creationId xmlns:a16="http://schemas.microsoft.com/office/drawing/2014/main" id="{43762CCD-EEE2-4C89-9708-AC5D0C7D1809}"/>
            </a:ext>
          </a:extLst>
        </xdr:cNvPr>
        <xdr:cNvSpPr txBox="1"/>
      </xdr:nvSpPr>
      <xdr:spPr>
        <a:xfrm>
          <a:off x="22199600" y="550003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7,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66957</xdr:rowOff>
    </xdr:from>
    <xdr:to>
      <xdr:col>116</xdr:col>
      <xdr:colOff>152400</xdr:colOff>
      <xdr:row>33</xdr:row>
      <xdr:rowOff>66957</xdr:rowOff>
    </xdr:to>
    <xdr:cxnSp macro="">
      <xdr:nvCxnSpPr>
        <xdr:cNvPr id="475" name="直線コネクタ 474">
          <a:extLst>
            <a:ext uri="{FF2B5EF4-FFF2-40B4-BE49-F238E27FC236}">
              <a16:creationId xmlns:a16="http://schemas.microsoft.com/office/drawing/2014/main" id="{75AABBD7-9812-42B5-83FE-9D4C30A12A7A}"/>
            </a:ext>
          </a:extLst>
        </xdr:cNvPr>
        <xdr:cNvCxnSpPr/>
      </xdr:nvCxnSpPr>
      <xdr:spPr>
        <a:xfrm>
          <a:off x="22072600" y="5724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0838</xdr:rowOff>
    </xdr:from>
    <xdr:ext cx="599010" cy="259045"/>
    <xdr:sp macro="" textlink="">
      <xdr:nvSpPr>
        <xdr:cNvPr id="476" name="【一般廃棄物処理施設】&#10;一人当たり有形固定資産（償却資産）額平均値テキスト">
          <a:extLst>
            <a:ext uri="{FF2B5EF4-FFF2-40B4-BE49-F238E27FC236}">
              <a16:creationId xmlns:a16="http://schemas.microsoft.com/office/drawing/2014/main" id="{8A0D180B-3995-4D8E-9A80-6EA4CE2600E8}"/>
            </a:ext>
          </a:extLst>
        </xdr:cNvPr>
        <xdr:cNvSpPr txBox="1"/>
      </xdr:nvSpPr>
      <xdr:spPr>
        <a:xfrm>
          <a:off x="22199600" y="704028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7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32411</xdr:rowOff>
    </xdr:from>
    <xdr:to>
      <xdr:col>116</xdr:col>
      <xdr:colOff>114300</xdr:colOff>
      <xdr:row>41</xdr:row>
      <xdr:rowOff>134011</xdr:rowOff>
    </xdr:to>
    <xdr:sp macro="" textlink="">
      <xdr:nvSpPr>
        <xdr:cNvPr id="477" name="フローチャート: 判断 476">
          <a:extLst>
            <a:ext uri="{FF2B5EF4-FFF2-40B4-BE49-F238E27FC236}">
              <a16:creationId xmlns:a16="http://schemas.microsoft.com/office/drawing/2014/main" id="{72B1D1AF-B8DD-442B-9917-5266685424CE}"/>
            </a:ext>
          </a:extLst>
        </xdr:cNvPr>
        <xdr:cNvSpPr/>
      </xdr:nvSpPr>
      <xdr:spPr>
        <a:xfrm>
          <a:off x="22110700" y="7061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1</xdr:row>
      <xdr:rowOff>35349</xdr:rowOff>
    </xdr:from>
    <xdr:to>
      <xdr:col>112</xdr:col>
      <xdr:colOff>38100</xdr:colOff>
      <xdr:row>41</xdr:row>
      <xdr:rowOff>136949</xdr:rowOff>
    </xdr:to>
    <xdr:sp macro="" textlink="">
      <xdr:nvSpPr>
        <xdr:cNvPr id="478" name="フローチャート: 判断 477">
          <a:extLst>
            <a:ext uri="{FF2B5EF4-FFF2-40B4-BE49-F238E27FC236}">
              <a16:creationId xmlns:a16="http://schemas.microsoft.com/office/drawing/2014/main" id="{7EE7CF35-9DDF-4638-BC4E-323694CFB894}"/>
            </a:ext>
          </a:extLst>
        </xdr:cNvPr>
        <xdr:cNvSpPr/>
      </xdr:nvSpPr>
      <xdr:spPr>
        <a:xfrm>
          <a:off x="21272500" y="7064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1</xdr:row>
      <xdr:rowOff>54532</xdr:rowOff>
    </xdr:from>
    <xdr:to>
      <xdr:col>107</xdr:col>
      <xdr:colOff>101600</xdr:colOff>
      <xdr:row>41</xdr:row>
      <xdr:rowOff>156132</xdr:rowOff>
    </xdr:to>
    <xdr:sp macro="" textlink="">
      <xdr:nvSpPr>
        <xdr:cNvPr id="479" name="フローチャート: 判断 478">
          <a:extLst>
            <a:ext uri="{FF2B5EF4-FFF2-40B4-BE49-F238E27FC236}">
              <a16:creationId xmlns:a16="http://schemas.microsoft.com/office/drawing/2014/main" id="{121EC581-FA61-450A-B162-9E149E583A6E}"/>
            </a:ext>
          </a:extLst>
        </xdr:cNvPr>
        <xdr:cNvSpPr/>
      </xdr:nvSpPr>
      <xdr:spPr>
        <a:xfrm>
          <a:off x="20383500" y="7083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1</xdr:row>
      <xdr:rowOff>67734</xdr:rowOff>
    </xdr:from>
    <xdr:to>
      <xdr:col>102</xdr:col>
      <xdr:colOff>165100</xdr:colOff>
      <xdr:row>41</xdr:row>
      <xdr:rowOff>169334</xdr:rowOff>
    </xdr:to>
    <xdr:sp macro="" textlink="">
      <xdr:nvSpPr>
        <xdr:cNvPr id="480" name="フローチャート: 判断 479">
          <a:extLst>
            <a:ext uri="{FF2B5EF4-FFF2-40B4-BE49-F238E27FC236}">
              <a16:creationId xmlns:a16="http://schemas.microsoft.com/office/drawing/2014/main" id="{B5E88233-FC69-4118-A8FB-FE9AF1976B31}"/>
            </a:ext>
          </a:extLst>
        </xdr:cNvPr>
        <xdr:cNvSpPr/>
      </xdr:nvSpPr>
      <xdr:spPr>
        <a:xfrm>
          <a:off x="19494500" y="7097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1</xdr:row>
      <xdr:rowOff>61008</xdr:rowOff>
    </xdr:from>
    <xdr:to>
      <xdr:col>98</xdr:col>
      <xdr:colOff>38100</xdr:colOff>
      <xdr:row>41</xdr:row>
      <xdr:rowOff>162608</xdr:rowOff>
    </xdr:to>
    <xdr:sp macro="" textlink="">
      <xdr:nvSpPr>
        <xdr:cNvPr id="481" name="フローチャート: 判断 480">
          <a:extLst>
            <a:ext uri="{FF2B5EF4-FFF2-40B4-BE49-F238E27FC236}">
              <a16:creationId xmlns:a16="http://schemas.microsoft.com/office/drawing/2014/main" id="{487346DD-543F-4FDC-9038-0353EFD97C15}"/>
            </a:ext>
          </a:extLst>
        </xdr:cNvPr>
        <xdr:cNvSpPr/>
      </xdr:nvSpPr>
      <xdr:spPr>
        <a:xfrm>
          <a:off x="18605500" y="7090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2" name="テキスト ボックス 481">
          <a:extLst>
            <a:ext uri="{FF2B5EF4-FFF2-40B4-BE49-F238E27FC236}">
              <a16:creationId xmlns:a16="http://schemas.microsoft.com/office/drawing/2014/main" id="{A6D3FF2B-34D9-402B-B5BD-2505C944823A}"/>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3" name="テキスト ボックス 482">
          <a:extLst>
            <a:ext uri="{FF2B5EF4-FFF2-40B4-BE49-F238E27FC236}">
              <a16:creationId xmlns:a16="http://schemas.microsoft.com/office/drawing/2014/main" id="{F6D28343-AF97-48FE-B513-C8DABEC8A166}"/>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id="{4520B97E-4125-4A91-83E7-20E3D41084B6}"/>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5" name="テキスト ボックス 484">
          <a:extLst>
            <a:ext uri="{FF2B5EF4-FFF2-40B4-BE49-F238E27FC236}">
              <a16:creationId xmlns:a16="http://schemas.microsoft.com/office/drawing/2014/main" id="{4A05931F-728A-4919-A014-0D0C1C8BE842}"/>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6" name="テキスト ボックス 485">
          <a:extLst>
            <a:ext uri="{FF2B5EF4-FFF2-40B4-BE49-F238E27FC236}">
              <a16:creationId xmlns:a16="http://schemas.microsoft.com/office/drawing/2014/main" id="{B12FF4DB-9690-47DC-A7E0-BD35106BFCA0}"/>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68555</xdr:rowOff>
    </xdr:from>
    <xdr:to>
      <xdr:col>116</xdr:col>
      <xdr:colOff>114300</xdr:colOff>
      <xdr:row>41</xdr:row>
      <xdr:rowOff>98705</xdr:rowOff>
    </xdr:to>
    <xdr:sp macro="" textlink="">
      <xdr:nvSpPr>
        <xdr:cNvPr id="487" name="楕円 486">
          <a:extLst>
            <a:ext uri="{FF2B5EF4-FFF2-40B4-BE49-F238E27FC236}">
              <a16:creationId xmlns:a16="http://schemas.microsoft.com/office/drawing/2014/main" id="{3FEA19F9-BF10-4CF1-BF89-15CFC90DE7D5}"/>
            </a:ext>
          </a:extLst>
        </xdr:cNvPr>
        <xdr:cNvSpPr/>
      </xdr:nvSpPr>
      <xdr:spPr>
        <a:xfrm>
          <a:off x="22110700" y="7026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9982</xdr:rowOff>
    </xdr:from>
    <xdr:ext cx="599010" cy="259045"/>
    <xdr:sp macro="" textlink="">
      <xdr:nvSpPr>
        <xdr:cNvPr id="488" name="【一般廃棄物処理施設】&#10;一人当たり有形固定資産（償却資産）額該当値テキスト">
          <a:extLst>
            <a:ext uri="{FF2B5EF4-FFF2-40B4-BE49-F238E27FC236}">
              <a16:creationId xmlns:a16="http://schemas.microsoft.com/office/drawing/2014/main" id="{1C8C1438-B89F-491B-826B-3B7F73F0D867}"/>
            </a:ext>
          </a:extLst>
        </xdr:cNvPr>
        <xdr:cNvSpPr txBox="1"/>
      </xdr:nvSpPr>
      <xdr:spPr>
        <a:xfrm>
          <a:off x="22199600" y="68779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2,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70624</xdr:rowOff>
    </xdr:from>
    <xdr:to>
      <xdr:col>112</xdr:col>
      <xdr:colOff>38100</xdr:colOff>
      <xdr:row>41</xdr:row>
      <xdr:rowOff>100774</xdr:rowOff>
    </xdr:to>
    <xdr:sp macro="" textlink="">
      <xdr:nvSpPr>
        <xdr:cNvPr id="489" name="楕円 488">
          <a:extLst>
            <a:ext uri="{FF2B5EF4-FFF2-40B4-BE49-F238E27FC236}">
              <a16:creationId xmlns:a16="http://schemas.microsoft.com/office/drawing/2014/main" id="{33B840FE-8F80-41E9-A818-09F8E22F71FA}"/>
            </a:ext>
          </a:extLst>
        </xdr:cNvPr>
        <xdr:cNvSpPr/>
      </xdr:nvSpPr>
      <xdr:spPr>
        <a:xfrm>
          <a:off x="21272500" y="7028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47905</xdr:rowOff>
    </xdr:from>
    <xdr:to>
      <xdr:col>116</xdr:col>
      <xdr:colOff>63500</xdr:colOff>
      <xdr:row>41</xdr:row>
      <xdr:rowOff>49974</xdr:rowOff>
    </xdr:to>
    <xdr:cxnSp macro="">
      <xdr:nvCxnSpPr>
        <xdr:cNvPr id="490" name="直線コネクタ 489">
          <a:extLst>
            <a:ext uri="{FF2B5EF4-FFF2-40B4-BE49-F238E27FC236}">
              <a16:creationId xmlns:a16="http://schemas.microsoft.com/office/drawing/2014/main" id="{0A046BAF-A00C-43DD-9D70-07D9A25E0AF6}"/>
            </a:ext>
          </a:extLst>
        </xdr:cNvPr>
        <xdr:cNvCxnSpPr/>
      </xdr:nvCxnSpPr>
      <xdr:spPr>
        <a:xfrm flipV="1">
          <a:off x="21323300" y="7077355"/>
          <a:ext cx="838200" cy="2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56610</xdr:rowOff>
    </xdr:from>
    <xdr:to>
      <xdr:col>107</xdr:col>
      <xdr:colOff>101600</xdr:colOff>
      <xdr:row>41</xdr:row>
      <xdr:rowOff>86760</xdr:rowOff>
    </xdr:to>
    <xdr:sp macro="" textlink="">
      <xdr:nvSpPr>
        <xdr:cNvPr id="491" name="楕円 490">
          <a:extLst>
            <a:ext uri="{FF2B5EF4-FFF2-40B4-BE49-F238E27FC236}">
              <a16:creationId xmlns:a16="http://schemas.microsoft.com/office/drawing/2014/main" id="{3DC3C68B-3912-4FCF-94CA-548A0D7E611C}"/>
            </a:ext>
          </a:extLst>
        </xdr:cNvPr>
        <xdr:cNvSpPr/>
      </xdr:nvSpPr>
      <xdr:spPr>
        <a:xfrm>
          <a:off x="20383500" y="7014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35960</xdr:rowOff>
    </xdr:from>
    <xdr:to>
      <xdr:col>111</xdr:col>
      <xdr:colOff>177800</xdr:colOff>
      <xdr:row>41</xdr:row>
      <xdr:rowOff>49974</xdr:rowOff>
    </xdr:to>
    <xdr:cxnSp macro="">
      <xdr:nvCxnSpPr>
        <xdr:cNvPr id="492" name="直線コネクタ 491">
          <a:extLst>
            <a:ext uri="{FF2B5EF4-FFF2-40B4-BE49-F238E27FC236}">
              <a16:creationId xmlns:a16="http://schemas.microsoft.com/office/drawing/2014/main" id="{43D4DA02-1940-408B-9DFD-C072FE23A6DB}"/>
            </a:ext>
          </a:extLst>
        </xdr:cNvPr>
        <xdr:cNvCxnSpPr/>
      </xdr:nvCxnSpPr>
      <xdr:spPr>
        <a:xfrm>
          <a:off x="20434300" y="7065410"/>
          <a:ext cx="889000" cy="14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56095</xdr:colOff>
      <xdr:row>41</xdr:row>
      <xdr:rowOff>128076</xdr:rowOff>
    </xdr:from>
    <xdr:ext cx="599010" cy="259045"/>
    <xdr:sp macro="" textlink="">
      <xdr:nvSpPr>
        <xdr:cNvPr id="493" name="n_1aveValue【一般廃棄物処理施設】&#10;一人当たり有形固定資産（償却資産）額">
          <a:extLst>
            <a:ext uri="{FF2B5EF4-FFF2-40B4-BE49-F238E27FC236}">
              <a16:creationId xmlns:a16="http://schemas.microsoft.com/office/drawing/2014/main" id="{DF40D20E-B49F-440C-9D7D-A527B99E4CE5}"/>
            </a:ext>
          </a:extLst>
        </xdr:cNvPr>
        <xdr:cNvSpPr txBox="1"/>
      </xdr:nvSpPr>
      <xdr:spPr>
        <a:xfrm>
          <a:off x="21011095" y="71575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41</xdr:row>
      <xdr:rowOff>147259</xdr:rowOff>
    </xdr:from>
    <xdr:ext cx="599010" cy="259045"/>
    <xdr:sp macro="" textlink="">
      <xdr:nvSpPr>
        <xdr:cNvPr id="494" name="n_2aveValue【一般廃棄物処理施設】&#10;一人当たり有形固定資産（償却資産）額">
          <a:extLst>
            <a:ext uri="{FF2B5EF4-FFF2-40B4-BE49-F238E27FC236}">
              <a16:creationId xmlns:a16="http://schemas.microsoft.com/office/drawing/2014/main" id="{A04DD97A-6A0A-48AD-866E-D79BC9A3940F}"/>
            </a:ext>
          </a:extLst>
        </xdr:cNvPr>
        <xdr:cNvSpPr txBox="1"/>
      </xdr:nvSpPr>
      <xdr:spPr>
        <a:xfrm>
          <a:off x="20134795" y="71767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40</xdr:row>
      <xdr:rowOff>14411</xdr:rowOff>
    </xdr:from>
    <xdr:ext cx="599010" cy="259045"/>
    <xdr:sp macro="" textlink="">
      <xdr:nvSpPr>
        <xdr:cNvPr id="495" name="n_3aveValue【一般廃棄物処理施設】&#10;一人当たり有形固定資産（償却資産）額">
          <a:extLst>
            <a:ext uri="{FF2B5EF4-FFF2-40B4-BE49-F238E27FC236}">
              <a16:creationId xmlns:a16="http://schemas.microsoft.com/office/drawing/2014/main" id="{3940DE3A-FD8F-4A01-AA63-E0D29DED38FA}"/>
            </a:ext>
          </a:extLst>
        </xdr:cNvPr>
        <xdr:cNvSpPr txBox="1"/>
      </xdr:nvSpPr>
      <xdr:spPr>
        <a:xfrm>
          <a:off x="19245795" y="68724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40</xdr:row>
      <xdr:rowOff>7685</xdr:rowOff>
    </xdr:from>
    <xdr:ext cx="599010" cy="259045"/>
    <xdr:sp macro="" textlink="">
      <xdr:nvSpPr>
        <xdr:cNvPr id="496" name="n_4aveValue【一般廃棄物処理施設】&#10;一人当たり有形固定資産（償却資産）額">
          <a:extLst>
            <a:ext uri="{FF2B5EF4-FFF2-40B4-BE49-F238E27FC236}">
              <a16:creationId xmlns:a16="http://schemas.microsoft.com/office/drawing/2014/main" id="{39776600-524F-4F2E-986E-8A157F449514}"/>
            </a:ext>
          </a:extLst>
        </xdr:cNvPr>
        <xdr:cNvSpPr txBox="1"/>
      </xdr:nvSpPr>
      <xdr:spPr>
        <a:xfrm>
          <a:off x="18356795" y="68656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9</xdr:row>
      <xdr:rowOff>117301</xdr:rowOff>
    </xdr:from>
    <xdr:ext cx="599010" cy="259045"/>
    <xdr:sp macro="" textlink="">
      <xdr:nvSpPr>
        <xdr:cNvPr id="497" name="n_1mainValue【一般廃棄物処理施設】&#10;一人当たり有形固定資産（償却資産）額">
          <a:extLst>
            <a:ext uri="{FF2B5EF4-FFF2-40B4-BE49-F238E27FC236}">
              <a16:creationId xmlns:a16="http://schemas.microsoft.com/office/drawing/2014/main" id="{0920EE63-CCFD-49F1-BC61-BFF41F8ADB61}"/>
            </a:ext>
          </a:extLst>
        </xdr:cNvPr>
        <xdr:cNvSpPr txBox="1"/>
      </xdr:nvSpPr>
      <xdr:spPr>
        <a:xfrm>
          <a:off x="21011095" y="68038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9</xdr:row>
      <xdr:rowOff>103287</xdr:rowOff>
    </xdr:from>
    <xdr:ext cx="599010" cy="259045"/>
    <xdr:sp macro="" textlink="">
      <xdr:nvSpPr>
        <xdr:cNvPr id="498" name="n_2mainValue【一般廃棄物処理施設】&#10;一人当たり有形固定資産（償却資産）額">
          <a:extLst>
            <a:ext uri="{FF2B5EF4-FFF2-40B4-BE49-F238E27FC236}">
              <a16:creationId xmlns:a16="http://schemas.microsoft.com/office/drawing/2014/main" id="{DD252CD6-0661-4FDC-99C9-F97FE6C21ACF}"/>
            </a:ext>
          </a:extLst>
        </xdr:cNvPr>
        <xdr:cNvSpPr txBox="1"/>
      </xdr:nvSpPr>
      <xdr:spPr>
        <a:xfrm>
          <a:off x="20134795" y="67898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99" name="正方形/長方形 498">
          <a:extLst>
            <a:ext uri="{FF2B5EF4-FFF2-40B4-BE49-F238E27FC236}">
              <a16:creationId xmlns:a16="http://schemas.microsoft.com/office/drawing/2014/main" id="{1AD0B5E3-A651-495A-8BDD-9175D8528966}"/>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0" name="正方形/長方形 499">
          <a:extLst>
            <a:ext uri="{FF2B5EF4-FFF2-40B4-BE49-F238E27FC236}">
              <a16:creationId xmlns:a16="http://schemas.microsoft.com/office/drawing/2014/main" id="{65DCDA04-C51A-4C42-B4C7-5C9FF501610E}"/>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1" name="正方形/長方形 500">
          <a:extLst>
            <a:ext uri="{FF2B5EF4-FFF2-40B4-BE49-F238E27FC236}">
              <a16:creationId xmlns:a16="http://schemas.microsoft.com/office/drawing/2014/main" id="{F6F6DDB8-211A-47B0-AE80-F8CBBCBC9578}"/>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2" name="正方形/長方形 501">
          <a:extLst>
            <a:ext uri="{FF2B5EF4-FFF2-40B4-BE49-F238E27FC236}">
              <a16:creationId xmlns:a16="http://schemas.microsoft.com/office/drawing/2014/main" id="{1443D229-7AED-4F33-BDB2-CEBEF1D384DF}"/>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03" name="正方形/長方形 502">
          <a:extLst>
            <a:ext uri="{FF2B5EF4-FFF2-40B4-BE49-F238E27FC236}">
              <a16:creationId xmlns:a16="http://schemas.microsoft.com/office/drawing/2014/main" id="{D6C80646-5305-4596-B5F1-64ECFFC08456}"/>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04" name="正方形/長方形 503">
          <a:extLst>
            <a:ext uri="{FF2B5EF4-FFF2-40B4-BE49-F238E27FC236}">
              <a16:creationId xmlns:a16="http://schemas.microsoft.com/office/drawing/2014/main" id="{2BE2E479-3425-4E8A-9906-6E36DE12C77D}"/>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05" name="正方形/長方形 504">
          <a:extLst>
            <a:ext uri="{FF2B5EF4-FFF2-40B4-BE49-F238E27FC236}">
              <a16:creationId xmlns:a16="http://schemas.microsoft.com/office/drawing/2014/main" id="{89218863-940D-47CB-87E4-E615A9AB255F}"/>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06" name="正方形/長方形 505">
          <a:extLst>
            <a:ext uri="{FF2B5EF4-FFF2-40B4-BE49-F238E27FC236}">
              <a16:creationId xmlns:a16="http://schemas.microsoft.com/office/drawing/2014/main" id="{4440484B-BCE0-42B1-BF40-60D6DCE8DB9E}"/>
            </a:ext>
          </a:extLst>
        </xdr:cNvPr>
        <xdr:cNvSpPr/>
      </xdr:nvSpPr>
      <xdr:spPr>
        <a:xfrm>
          <a:off x="12446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46</xdr:row>
      <xdr:rowOff>114300</xdr:rowOff>
    </xdr:from>
    <xdr:to>
      <xdr:col>120</xdr:col>
      <xdr:colOff>152400</xdr:colOff>
      <xdr:row>50</xdr:row>
      <xdr:rowOff>63500</xdr:rowOff>
    </xdr:to>
    <xdr:sp macro="" textlink="">
      <xdr:nvSpPr>
        <xdr:cNvPr id="507" name="正方形/長方形 506">
          <a:extLst>
            <a:ext uri="{FF2B5EF4-FFF2-40B4-BE49-F238E27FC236}">
              <a16:creationId xmlns:a16="http://schemas.microsoft.com/office/drawing/2014/main" id="{5D1CBD76-411C-46E9-BB89-6FC5B9FA32B4}"/>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08" name="正方形/長方形 507">
          <a:extLst>
            <a:ext uri="{FF2B5EF4-FFF2-40B4-BE49-F238E27FC236}">
              <a16:creationId xmlns:a16="http://schemas.microsoft.com/office/drawing/2014/main" id="{219ECE08-8472-436B-8335-3CD9CAE23DF1}"/>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09" name="正方形/長方形 508">
          <a:extLst>
            <a:ext uri="{FF2B5EF4-FFF2-40B4-BE49-F238E27FC236}">
              <a16:creationId xmlns:a16="http://schemas.microsoft.com/office/drawing/2014/main" id="{B4D3F839-60F8-4BD0-87AC-AF08C0CA8C3E}"/>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10" name="正方形/長方形 509">
          <a:extLst>
            <a:ext uri="{FF2B5EF4-FFF2-40B4-BE49-F238E27FC236}">
              <a16:creationId xmlns:a16="http://schemas.microsoft.com/office/drawing/2014/main" id="{3326D154-6179-4AB3-B40F-7518561E0A01}"/>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11" name="正方形/長方形 510">
          <a:extLst>
            <a:ext uri="{FF2B5EF4-FFF2-40B4-BE49-F238E27FC236}">
              <a16:creationId xmlns:a16="http://schemas.microsoft.com/office/drawing/2014/main" id="{2FE62E56-B80E-40DE-97BB-8542A9AFC505}"/>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12" name="正方形/長方形 511">
          <a:extLst>
            <a:ext uri="{FF2B5EF4-FFF2-40B4-BE49-F238E27FC236}">
              <a16:creationId xmlns:a16="http://schemas.microsoft.com/office/drawing/2014/main" id="{956E1D4E-CD18-448D-8296-BABD5F4CB0BD}"/>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13" name="正方形/長方形 512">
          <a:extLst>
            <a:ext uri="{FF2B5EF4-FFF2-40B4-BE49-F238E27FC236}">
              <a16:creationId xmlns:a16="http://schemas.microsoft.com/office/drawing/2014/main" id="{E017662F-365F-4170-A2F4-5918270BCAD9}"/>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14" name="正方形/長方形 513">
          <a:extLst>
            <a:ext uri="{FF2B5EF4-FFF2-40B4-BE49-F238E27FC236}">
              <a16:creationId xmlns:a16="http://schemas.microsoft.com/office/drawing/2014/main" id="{FC47EA52-5B79-418D-AA79-BEDA157CCB57}"/>
            </a:ext>
          </a:extLst>
        </xdr:cNvPr>
        <xdr:cNvSpPr/>
      </xdr:nvSpPr>
      <xdr:spPr>
        <a:xfrm>
          <a:off x="18288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515" name="正方形/長方形 514">
          <a:extLst>
            <a:ext uri="{FF2B5EF4-FFF2-40B4-BE49-F238E27FC236}">
              <a16:creationId xmlns:a16="http://schemas.microsoft.com/office/drawing/2014/main" id="{C3107E9E-9169-4AB7-B2B0-884B7FE16923}"/>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16" name="正方形/長方形 515">
          <a:extLst>
            <a:ext uri="{FF2B5EF4-FFF2-40B4-BE49-F238E27FC236}">
              <a16:creationId xmlns:a16="http://schemas.microsoft.com/office/drawing/2014/main" id="{136DBF2E-97CA-4CB9-A4DB-59349E7120E1}"/>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17" name="正方形/長方形 516">
          <a:extLst>
            <a:ext uri="{FF2B5EF4-FFF2-40B4-BE49-F238E27FC236}">
              <a16:creationId xmlns:a16="http://schemas.microsoft.com/office/drawing/2014/main" id="{8F922D8C-24D1-48BF-B66E-CABE5A69F3EB}"/>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18" name="正方形/長方形 517">
          <a:extLst>
            <a:ext uri="{FF2B5EF4-FFF2-40B4-BE49-F238E27FC236}">
              <a16:creationId xmlns:a16="http://schemas.microsoft.com/office/drawing/2014/main" id="{4F856447-7CC4-43B8-90A1-2D2F00B620A8}"/>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19" name="正方形/長方形 518">
          <a:extLst>
            <a:ext uri="{FF2B5EF4-FFF2-40B4-BE49-F238E27FC236}">
              <a16:creationId xmlns:a16="http://schemas.microsoft.com/office/drawing/2014/main" id="{EE18F951-2AB1-4EE3-9F76-72C44ED15BE8}"/>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20" name="正方形/長方形 519">
          <a:extLst>
            <a:ext uri="{FF2B5EF4-FFF2-40B4-BE49-F238E27FC236}">
              <a16:creationId xmlns:a16="http://schemas.microsoft.com/office/drawing/2014/main" id="{70DE6388-BC22-4C03-87E1-A8C26F8017F3}"/>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21" name="正方形/長方形 520">
          <a:extLst>
            <a:ext uri="{FF2B5EF4-FFF2-40B4-BE49-F238E27FC236}">
              <a16:creationId xmlns:a16="http://schemas.microsoft.com/office/drawing/2014/main" id="{BF9CA2FF-5BCE-40E4-96F9-86AA2F15B4E5}"/>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22" name="正方形/長方形 521">
          <a:extLst>
            <a:ext uri="{FF2B5EF4-FFF2-40B4-BE49-F238E27FC236}">
              <a16:creationId xmlns:a16="http://schemas.microsoft.com/office/drawing/2014/main" id="{FC3CE5C9-365B-4C42-828C-061565596A83}"/>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23" name="テキスト ボックス 522">
          <a:extLst>
            <a:ext uri="{FF2B5EF4-FFF2-40B4-BE49-F238E27FC236}">
              <a16:creationId xmlns:a16="http://schemas.microsoft.com/office/drawing/2014/main" id="{DF802F92-53BB-4069-96D4-FF812CB5C4A4}"/>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24" name="直線コネクタ 523">
          <a:extLst>
            <a:ext uri="{FF2B5EF4-FFF2-40B4-BE49-F238E27FC236}">
              <a16:creationId xmlns:a16="http://schemas.microsoft.com/office/drawing/2014/main" id="{CBF2F643-9383-4D29-921C-7258D9E2D9A0}"/>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25" name="テキスト ボックス 524">
          <a:extLst>
            <a:ext uri="{FF2B5EF4-FFF2-40B4-BE49-F238E27FC236}">
              <a16:creationId xmlns:a16="http://schemas.microsoft.com/office/drawing/2014/main" id="{5B56DFF9-49F8-4277-A0A5-C2F120613733}"/>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526" name="直線コネクタ 525">
          <a:extLst>
            <a:ext uri="{FF2B5EF4-FFF2-40B4-BE49-F238E27FC236}">
              <a16:creationId xmlns:a16="http://schemas.microsoft.com/office/drawing/2014/main" id="{A881FEF5-F5CC-46FA-855D-C8D1709E5824}"/>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527" name="テキスト ボックス 526">
          <a:extLst>
            <a:ext uri="{FF2B5EF4-FFF2-40B4-BE49-F238E27FC236}">
              <a16:creationId xmlns:a16="http://schemas.microsoft.com/office/drawing/2014/main" id="{EB09CB31-9A45-470E-8EF2-2EBD8D764FE9}"/>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528" name="直線コネクタ 527">
          <a:extLst>
            <a:ext uri="{FF2B5EF4-FFF2-40B4-BE49-F238E27FC236}">
              <a16:creationId xmlns:a16="http://schemas.microsoft.com/office/drawing/2014/main" id="{4BDD53D6-54AC-439D-95BE-51D246B80E24}"/>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29" name="テキスト ボックス 528">
          <a:extLst>
            <a:ext uri="{FF2B5EF4-FFF2-40B4-BE49-F238E27FC236}">
              <a16:creationId xmlns:a16="http://schemas.microsoft.com/office/drawing/2014/main" id="{A1CD5AA2-E719-481E-BCAD-3D049A5275D3}"/>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30" name="直線コネクタ 529">
          <a:extLst>
            <a:ext uri="{FF2B5EF4-FFF2-40B4-BE49-F238E27FC236}">
              <a16:creationId xmlns:a16="http://schemas.microsoft.com/office/drawing/2014/main" id="{3E028A24-B061-4323-BB40-89CF8229F676}"/>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31" name="テキスト ボックス 530">
          <a:extLst>
            <a:ext uri="{FF2B5EF4-FFF2-40B4-BE49-F238E27FC236}">
              <a16:creationId xmlns:a16="http://schemas.microsoft.com/office/drawing/2014/main" id="{1D3D29F3-64D8-4D61-9132-B895DA37123A}"/>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32" name="直線コネクタ 531">
          <a:extLst>
            <a:ext uri="{FF2B5EF4-FFF2-40B4-BE49-F238E27FC236}">
              <a16:creationId xmlns:a16="http://schemas.microsoft.com/office/drawing/2014/main" id="{074D6D57-A56D-4A5D-9FFC-C7D7574D44C3}"/>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33" name="テキスト ボックス 532">
          <a:extLst>
            <a:ext uri="{FF2B5EF4-FFF2-40B4-BE49-F238E27FC236}">
              <a16:creationId xmlns:a16="http://schemas.microsoft.com/office/drawing/2014/main" id="{94E39BCB-0BAA-47B5-A418-E47B67335F7C}"/>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34" name="直線コネクタ 533">
          <a:extLst>
            <a:ext uri="{FF2B5EF4-FFF2-40B4-BE49-F238E27FC236}">
              <a16:creationId xmlns:a16="http://schemas.microsoft.com/office/drawing/2014/main" id="{F02931E7-EA44-4693-8EAD-44DB0620B650}"/>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35" name="テキスト ボックス 534">
          <a:extLst>
            <a:ext uri="{FF2B5EF4-FFF2-40B4-BE49-F238E27FC236}">
              <a16:creationId xmlns:a16="http://schemas.microsoft.com/office/drawing/2014/main" id="{1DE20DA3-5AAC-43CD-961B-590F5A2E3AD1}"/>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36" name="直線コネクタ 535">
          <a:extLst>
            <a:ext uri="{FF2B5EF4-FFF2-40B4-BE49-F238E27FC236}">
              <a16:creationId xmlns:a16="http://schemas.microsoft.com/office/drawing/2014/main" id="{9E635462-0842-43BE-84EC-18255BA5216B}"/>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537" name="テキスト ボックス 536">
          <a:extLst>
            <a:ext uri="{FF2B5EF4-FFF2-40B4-BE49-F238E27FC236}">
              <a16:creationId xmlns:a16="http://schemas.microsoft.com/office/drawing/2014/main" id="{70F13B4E-2737-4049-AED2-18F3C6EF3DBA}"/>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38" name="直線コネクタ 537">
          <a:extLst>
            <a:ext uri="{FF2B5EF4-FFF2-40B4-BE49-F238E27FC236}">
              <a16:creationId xmlns:a16="http://schemas.microsoft.com/office/drawing/2014/main" id="{8FDD62D5-143C-48D1-B739-CBBC1AC74BD2}"/>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539" name="【消防施設】&#10;有形固定資産減価償却率グラフ枠">
          <a:extLst>
            <a:ext uri="{FF2B5EF4-FFF2-40B4-BE49-F238E27FC236}">
              <a16:creationId xmlns:a16="http://schemas.microsoft.com/office/drawing/2014/main" id="{7A9A81AD-0108-4787-A8F5-3756D2120EFD}"/>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21376</xdr:rowOff>
    </xdr:from>
    <xdr:to>
      <xdr:col>85</xdr:col>
      <xdr:colOff>126364</xdr:colOff>
      <xdr:row>86</xdr:row>
      <xdr:rowOff>168729</xdr:rowOff>
    </xdr:to>
    <xdr:cxnSp macro="">
      <xdr:nvCxnSpPr>
        <xdr:cNvPr id="540" name="直線コネクタ 539">
          <a:extLst>
            <a:ext uri="{FF2B5EF4-FFF2-40B4-BE49-F238E27FC236}">
              <a16:creationId xmlns:a16="http://schemas.microsoft.com/office/drawing/2014/main" id="{923D05F3-EE2B-40EE-86BE-BCE13E7E4761}"/>
            </a:ext>
          </a:extLst>
        </xdr:cNvPr>
        <xdr:cNvCxnSpPr/>
      </xdr:nvCxnSpPr>
      <xdr:spPr>
        <a:xfrm flipV="1">
          <a:off x="16318864" y="13494476"/>
          <a:ext cx="0" cy="14189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541" name="【消防施設】&#10;有形固定資産減価償却率最小値テキスト">
          <a:extLst>
            <a:ext uri="{FF2B5EF4-FFF2-40B4-BE49-F238E27FC236}">
              <a16:creationId xmlns:a16="http://schemas.microsoft.com/office/drawing/2014/main" id="{D1E3B70A-80A0-4B5E-8E0E-C7085A7871DB}"/>
            </a:ext>
          </a:extLst>
        </xdr:cNvPr>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542" name="直線コネクタ 541">
          <a:extLst>
            <a:ext uri="{FF2B5EF4-FFF2-40B4-BE49-F238E27FC236}">
              <a16:creationId xmlns:a16="http://schemas.microsoft.com/office/drawing/2014/main" id="{99F1A94F-B364-42E2-A7B1-4508E44C47DC}"/>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68053</xdr:rowOff>
    </xdr:from>
    <xdr:ext cx="405111" cy="259045"/>
    <xdr:sp macro="" textlink="">
      <xdr:nvSpPr>
        <xdr:cNvPr id="543" name="【消防施設】&#10;有形固定資産減価償却率最大値テキスト">
          <a:extLst>
            <a:ext uri="{FF2B5EF4-FFF2-40B4-BE49-F238E27FC236}">
              <a16:creationId xmlns:a16="http://schemas.microsoft.com/office/drawing/2014/main" id="{82EA09F4-A6F8-4A41-B1E9-66633E15F4F5}"/>
            </a:ext>
          </a:extLst>
        </xdr:cNvPr>
        <xdr:cNvSpPr txBox="1"/>
      </xdr:nvSpPr>
      <xdr:spPr>
        <a:xfrm>
          <a:off x="16357600" y="13269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21376</xdr:rowOff>
    </xdr:from>
    <xdr:to>
      <xdr:col>86</xdr:col>
      <xdr:colOff>25400</xdr:colOff>
      <xdr:row>78</xdr:row>
      <xdr:rowOff>121376</xdr:rowOff>
    </xdr:to>
    <xdr:cxnSp macro="">
      <xdr:nvCxnSpPr>
        <xdr:cNvPr id="544" name="直線コネクタ 543">
          <a:extLst>
            <a:ext uri="{FF2B5EF4-FFF2-40B4-BE49-F238E27FC236}">
              <a16:creationId xmlns:a16="http://schemas.microsoft.com/office/drawing/2014/main" id="{298EBBDD-DD49-4448-82C4-55BF43B2AEBB}"/>
            </a:ext>
          </a:extLst>
        </xdr:cNvPr>
        <xdr:cNvCxnSpPr/>
      </xdr:nvCxnSpPr>
      <xdr:spPr>
        <a:xfrm>
          <a:off x="16230600" y="13494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34670</xdr:rowOff>
    </xdr:from>
    <xdr:ext cx="405111" cy="259045"/>
    <xdr:sp macro="" textlink="">
      <xdr:nvSpPr>
        <xdr:cNvPr id="545" name="【消防施設】&#10;有形固定資産減価償却率平均値テキスト">
          <a:extLst>
            <a:ext uri="{FF2B5EF4-FFF2-40B4-BE49-F238E27FC236}">
              <a16:creationId xmlns:a16="http://schemas.microsoft.com/office/drawing/2014/main" id="{9C53DCA3-D2D3-4B52-965B-35B1F3BDDA1F}"/>
            </a:ext>
          </a:extLst>
        </xdr:cNvPr>
        <xdr:cNvSpPr txBox="1"/>
      </xdr:nvSpPr>
      <xdr:spPr>
        <a:xfrm>
          <a:off x="16357600" y="1409357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11793</xdr:rowOff>
    </xdr:from>
    <xdr:to>
      <xdr:col>85</xdr:col>
      <xdr:colOff>177800</xdr:colOff>
      <xdr:row>83</xdr:row>
      <xdr:rowOff>113393</xdr:rowOff>
    </xdr:to>
    <xdr:sp macro="" textlink="">
      <xdr:nvSpPr>
        <xdr:cNvPr id="546" name="フローチャート: 判断 545">
          <a:extLst>
            <a:ext uri="{FF2B5EF4-FFF2-40B4-BE49-F238E27FC236}">
              <a16:creationId xmlns:a16="http://schemas.microsoft.com/office/drawing/2014/main" id="{C984F724-2F48-4AE8-9C62-9DF3DC97BF58}"/>
            </a:ext>
          </a:extLst>
        </xdr:cNvPr>
        <xdr:cNvSpPr/>
      </xdr:nvSpPr>
      <xdr:spPr>
        <a:xfrm>
          <a:off x="16268700" y="1424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16295</xdr:rowOff>
    </xdr:from>
    <xdr:to>
      <xdr:col>81</xdr:col>
      <xdr:colOff>101600</xdr:colOff>
      <xdr:row>83</xdr:row>
      <xdr:rowOff>46445</xdr:rowOff>
    </xdr:to>
    <xdr:sp macro="" textlink="">
      <xdr:nvSpPr>
        <xdr:cNvPr id="547" name="フローチャート: 判断 546">
          <a:extLst>
            <a:ext uri="{FF2B5EF4-FFF2-40B4-BE49-F238E27FC236}">
              <a16:creationId xmlns:a16="http://schemas.microsoft.com/office/drawing/2014/main" id="{EA4D549D-B143-40B0-982D-5C5AEBB713CA}"/>
            </a:ext>
          </a:extLst>
        </xdr:cNvPr>
        <xdr:cNvSpPr/>
      </xdr:nvSpPr>
      <xdr:spPr>
        <a:xfrm>
          <a:off x="15430500" y="14175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19562</xdr:rowOff>
    </xdr:from>
    <xdr:to>
      <xdr:col>76</xdr:col>
      <xdr:colOff>165100</xdr:colOff>
      <xdr:row>83</xdr:row>
      <xdr:rowOff>49712</xdr:rowOff>
    </xdr:to>
    <xdr:sp macro="" textlink="">
      <xdr:nvSpPr>
        <xdr:cNvPr id="548" name="フローチャート: 判断 547">
          <a:extLst>
            <a:ext uri="{FF2B5EF4-FFF2-40B4-BE49-F238E27FC236}">
              <a16:creationId xmlns:a16="http://schemas.microsoft.com/office/drawing/2014/main" id="{9DC8B4E1-C516-455A-B5C8-1808AA90D731}"/>
            </a:ext>
          </a:extLst>
        </xdr:cNvPr>
        <xdr:cNvSpPr/>
      </xdr:nvSpPr>
      <xdr:spPr>
        <a:xfrm>
          <a:off x="14541500" y="14178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44055</xdr:rowOff>
    </xdr:from>
    <xdr:to>
      <xdr:col>72</xdr:col>
      <xdr:colOff>38100</xdr:colOff>
      <xdr:row>83</xdr:row>
      <xdr:rowOff>74205</xdr:rowOff>
    </xdr:to>
    <xdr:sp macro="" textlink="">
      <xdr:nvSpPr>
        <xdr:cNvPr id="549" name="フローチャート: 判断 548">
          <a:extLst>
            <a:ext uri="{FF2B5EF4-FFF2-40B4-BE49-F238E27FC236}">
              <a16:creationId xmlns:a16="http://schemas.microsoft.com/office/drawing/2014/main" id="{6FFB7373-17C8-47D2-A629-FBBAF4BFD811}"/>
            </a:ext>
          </a:extLst>
        </xdr:cNvPr>
        <xdr:cNvSpPr/>
      </xdr:nvSpPr>
      <xdr:spPr>
        <a:xfrm>
          <a:off x="13652500" y="14202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30992</xdr:rowOff>
    </xdr:from>
    <xdr:to>
      <xdr:col>67</xdr:col>
      <xdr:colOff>101600</xdr:colOff>
      <xdr:row>83</xdr:row>
      <xdr:rowOff>61142</xdr:rowOff>
    </xdr:to>
    <xdr:sp macro="" textlink="">
      <xdr:nvSpPr>
        <xdr:cNvPr id="550" name="フローチャート: 判断 549">
          <a:extLst>
            <a:ext uri="{FF2B5EF4-FFF2-40B4-BE49-F238E27FC236}">
              <a16:creationId xmlns:a16="http://schemas.microsoft.com/office/drawing/2014/main" id="{180126B3-B357-4EC9-9BF6-3D18BE0E62EF}"/>
            </a:ext>
          </a:extLst>
        </xdr:cNvPr>
        <xdr:cNvSpPr/>
      </xdr:nvSpPr>
      <xdr:spPr>
        <a:xfrm>
          <a:off x="12763500" y="14189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51" name="テキスト ボックス 550">
          <a:extLst>
            <a:ext uri="{FF2B5EF4-FFF2-40B4-BE49-F238E27FC236}">
              <a16:creationId xmlns:a16="http://schemas.microsoft.com/office/drawing/2014/main" id="{F4D60EA0-F3CD-47D8-8847-23C57C183DDC}"/>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52" name="テキスト ボックス 551">
          <a:extLst>
            <a:ext uri="{FF2B5EF4-FFF2-40B4-BE49-F238E27FC236}">
              <a16:creationId xmlns:a16="http://schemas.microsoft.com/office/drawing/2014/main" id="{CAD22BE9-9594-4D7E-AC1E-C6D5B5EF8962}"/>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53" name="テキスト ボックス 552">
          <a:extLst>
            <a:ext uri="{FF2B5EF4-FFF2-40B4-BE49-F238E27FC236}">
              <a16:creationId xmlns:a16="http://schemas.microsoft.com/office/drawing/2014/main" id="{2B4CFEC9-1F4C-4F2E-940F-A1A490918C59}"/>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54" name="テキスト ボックス 553">
          <a:extLst>
            <a:ext uri="{FF2B5EF4-FFF2-40B4-BE49-F238E27FC236}">
              <a16:creationId xmlns:a16="http://schemas.microsoft.com/office/drawing/2014/main" id="{043CE888-8F37-4568-BCFC-1F19B9688378}"/>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55" name="テキスト ボックス 554">
          <a:extLst>
            <a:ext uri="{FF2B5EF4-FFF2-40B4-BE49-F238E27FC236}">
              <a16:creationId xmlns:a16="http://schemas.microsoft.com/office/drawing/2014/main" id="{978C0B15-21DF-4B95-B849-3BEB6128F597}"/>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6</xdr:row>
      <xdr:rowOff>26488</xdr:rowOff>
    </xdr:from>
    <xdr:to>
      <xdr:col>85</xdr:col>
      <xdr:colOff>177800</xdr:colOff>
      <xdr:row>86</xdr:row>
      <xdr:rowOff>128088</xdr:rowOff>
    </xdr:to>
    <xdr:sp macro="" textlink="">
      <xdr:nvSpPr>
        <xdr:cNvPr id="556" name="楕円 555">
          <a:extLst>
            <a:ext uri="{FF2B5EF4-FFF2-40B4-BE49-F238E27FC236}">
              <a16:creationId xmlns:a16="http://schemas.microsoft.com/office/drawing/2014/main" id="{F515E2F1-C7D3-40A2-B19B-3E47758DDECD}"/>
            </a:ext>
          </a:extLst>
        </xdr:cNvPr>
        <xdr:cNvSpPr/>
      </xdr:nvSpPr>
      <xdr:spPr>
        <a:xfrm>
          <a:off x="16268700" y="14771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5</xdr:row>
      <xdr:rowOff>112865</xdr:rowOff>
    </xdr:from>
    <xdr:ext cx="405111" cy="259045"/>
    <xdr:sp macro="" textlink="">
      <xdr:nvSpPr>
        <xdr:cNvPr id="557" name="【消防施設】&#10;有形固定資産減価償却率該当値テキスト">
          <a:extLst>
            <a:ext uri="{FF2B5EF4-FFF2-40B4-BE49-F238E27FC236}">
              <a16:creationId xmlns:a16="http://schemas.microsoft.com/office/drawing/2014/main" id="{A30E3147-DAE7-48DA-BF83-1A9BF4AC0FD5}"/>
            </a:ext>
          </a:extLst>
        </xdr:cNvPr>
        <xdr:cNvSpPr txBox="1"/>
      </xdr:nvSpPr>
      <xdr:spPr>
        <a:xfrm>
          <a:off x="16357600" y="146861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5</xdr:row>
      <xdr:rowOff>129358</xdr:rowOff>
    </xdr:from>
    <xdr:to>
      <xdr:col>81</xdr:col>
      <xdr:colOff>101600</xdr:colOff>
      <xdr:row>86</xdr:row>
      <xdr:rowOff>59508</xdr:rowOff>
    </xdr:to>
    <xdr:sp macro="" textlink="">
      <xdr:nvSpPr>
        <xdr:cNvPr id="558" name="楕円 557">
          <a:extLst>
            <a:ext uri="{FF2B5EF4-FFF2-40B4-BE49-F238E27FC236}">
              <a16:creationId xmlns:a16="http://schemas.microsoft.com/office/drawing/2014/main" id="{3403CA92-DC66-466F-AE3F-B67336388AAC}"/>
            </a:ext>
          </a:extLst>
        </xdr:cNvPr>
        <xdr:cNvSpPr/>
      </xdr:nvSpPr>
      <xdr:spPr>
        <a:xfrm>
          <a:off x="15430500" y="14702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6</xdr:row>
      <xdr:rowOff>8708</xdr:rowOff>
    </xdr:from>
    <xdr:to>
      <xdr:col>85</xdr:col>
      <xdr:colOff>127000</xdr:colOff>
      <xdr:row>86</xdr:row>
      <xdr:rowOff>77288</xdr:rowOff>
    </xdr:to>
    <xdr:cxnSp macro="">
      <xdr:nvCxnSpPr>
        <xdr:cNvPr id="559" name="直線コネクタ 558">
          <a:extLst>
            <a:ext uri="{FF2B5EF4-FFF2-40B4-BE49-F238E27FC236}">
              <a16:creationId xmlns:a16="http://schemas.microsoft.com/office/drawing/2014/main" id="{364D1C73-479D-4E41-B80E-5E05DE9760DA}"/>
            </a:ext>
          </a:extLst>
        </xdr:cNvPr>
        <xdr:cNvCxnSpPr/>
      </xdr:nvCxnSpPr>
      <xdr:spPr>
        <a:xfrm>
          <a:off x="15481300" y="14753408"/>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5</xdr:row>
      <xdr:rowOff>39551</xdr:rowOff>
    </xdr:from>
    <xdr:to>
      <xdr:col>76</xdr:col>
      <xdr:colOff>165100</xdr:colOff>
      <xdr:row>85</xdr:row>
      <xdr:rowOff>141151</xdr:rowOff>
    </xdr:to>
    <xdr:sp macro="" textlink="">
      <xdr:nvSpPr>
        <xdr:cNvPr id="560" name="楕円 559">
          <a:extLst>
            <a:ext uri="{FF2B5EF4-FFF2-40B4-BE49-F238E27FC236}">
              <a16:creationId xmlns:a16="http://schemas.microsoft.com/office/drawing/2014/main" id="{57EE8BFA-2486-42C3-86A4-6888E0296B86}"/>
            </a:ext>
          </a:extLst>
        </xdr:cNvPr>
        <xdr:cNvSpPr/>
      </xdr:nvSpPr>
      <xdr:spPr>
        <a:xfrm>
          <a:off x="14541500" y="14612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5</xdr:row>
      <xdr:rowOff>90351</xdr:rowOff>
    </xdr:from>
    <xdr:to>
      <xdr:col>81</xdr:col>
      <xdr:colOff>50800</xdr:colOff>
      <xdr:row>86</xdr:row>
      <xdr:rowOff>8708</xdr:rowOff>
    </xdr:to>
    <xdr:cxnSp macro="">
      <xdr:nvCxnSpPr>
        <xdr:cNvPr id="561" name="直線コネクタ 560">
          <a:extLst>
            <a:ext uri="{FF2B5EF4-FFF2-40B4-BE49-F238E27FC236}">
              <a16:creationId xmlns:a16="http://schemas.microsoft.com/office/drawing/2014/main" id="{67E279BD-33D8-48E8-8E55-CBD2055AB9D0}"/>
            </a:ext>
          </a:extLst>
        </xdr:cNvPr>
        <xdr:cNvCxnSpPr/>
      </xdr:nvCxnSpPr>
      <xdr:spPr>
        <a:xfrm>
          <a:off x="14592300" y="14663601"/>
          <a:ext cx="889000" cy="898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4</xdr:row>
      <xdr:rowOff>121194</xdr:rowOff>
    </xdr:from>
    <xdr:to>
      <xdr:col>72</xdr:col>
      <xdr:colOff>38100</xdr:colOff>
      <xdr:row>85</xdr:row>
      <xdr:rowOff>51344</xdr:rowOff>
    </xdr:to>
    <xdr:sp macro="" textlink="">
      <xdr:nvSpPr>
        <xdr:cNvPr id="562" name="楕円 561">
          <a:extLst>
            <a:ext uri="{FF2B5EF4-FFF2-40B4-BE49-F238E27FC236}">
              <a16:creationId xmlns:a16="http://schemas.microsoft.com/office/drawing/2014/main" id="{B639B466-17A2-46B3-B7FF-FA370F01E882}"/>
            </a:ext>
          </a:extLst>
        </xdr:cNvPr>
        <xdr:cNvSpPr/>
      </xdr:nvSpPr>
      <xdr:spPr>
        <a:xfrm>
          <a:off x="13652500" y="14522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5</xdr:row>
      <xdr:rowOff>544</xdr:rowOff>
    </xdr:from>
    <xdr:to>
      <xdr:col>76</xdr:col>
      <xdr:colOff>114300</xdr:colOff>
      <xdr:row>85</xdr:row>
      <xdr:rowOff>90351</xdr:rowOff>
    </xdr:to>
    <xdr:cxnSp macro="">
      <xdr:nvCxnSpPr>
        <xdr:cNvPr id="563" name="直線コネクタ 562">
          <a:extLst>
            <a:ext uri="{FF2B5EF4-FFF2-40B4-BE49-F238E27FC236}">
              <a16:creationId xmlns:a16="http://schemas.microsoft.com/office/drawing/2014/main" id="{44BC9EEF-8846-4A19-97BD-D5C784736D88}"/>
            </a:ext>
          </a:extLst>
        </xdr:cNvPr>
        <xdr:cNvCxnSpPr/>
      </xdr:nvCxnSpPr>
      <xdr:spPr>
        <a:xfrm>
          <a:off x="13703300" y="14573794"/>
          <a:ext cx="889000" cy="898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4</xdr:row>
      <xdr:rowOff>26488</xdr:rowOff>
    </xdr:from>
    <xdr:to>
      <xdr:col>67</xdr:col>
      <xdr:colOff>101600</xdr:colOff>
      <xdr:row>84</xdr:row>
      <xdr:rowOff>128088</xdr:rowOff>
    </xdr:to>
    <xdr:sp macro="" textlink="">
      <xdr:nvSpPr>
        <xdr:cNvPr id="564" name="楕円 563">
          <a:extLst>
            <a:ext uri="{FF2B5EF4-FFF2-40B4-BE49-F238E27FC236}">
              <a16:creationId xmlns:a16="http://schemas.microsoft.com/office/drawing/2014/main" id="{D3B9E3A7-0D4D-45B8-9CD2-20E394656084}"/>
            </a:ext>
          </a:extLst>
        </xdr:cNvPr>
        <xdr:cNvSpPr/>
      </xdr:nvSpPr>
      <xdr:spPr>
        <a:xfrm>
          <a:off x="12763500" y="14428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4</xdr:row>
      <xdr:rowOff>77288</xdr:rowOff>
    </xdr:from>
    <xdr:to>
      <xdr:col>71</xdr:col>
      <xdr:colOff>177800</xdr:colOff>
      <xdr:row>85</xdr:row>
      <xdr:rowOff>544</xdr:rowOff>
    </xdr:to>
    <xdr:cxnSp macro="">
      <xdr:nvCxnSpPr>
        <xdr:cNvPr id="565" name="直線コネクタ 564">
          <a:extLst>
            <a:ext uri="{FF2B5EF4-FFF2-40B4-BE49-F238E27FC236}">
              <a16:creationId xmlns:a16="http://schemas.microsoft.com/office/drawing/2014/main" id="{F416715C-CE1D-4515-9B75-C6556D56500A}"/>
            </a:ext>
          </a:extLst>
        </xdr:cNvPr>
        <xdr:cNvCxnSpPr/>
      </xdr:nvCxnSpPr>
      <xdr:spPr>
        <a:xfrm>
          <a:off x="12814300" y="14479088"/>
          <a:ext cx="889000" cy="94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62972</xdr:rowOff>
    </xdr:from>
    <xdr:ext cx="405111" cy="259045"/>
    <xdr:sp macro="" textlink="">
      <xdr:nvSpPr>
        <xdr:cNvPr id="566" name="n_1aveValue【消防施設】&#10;有形固定資産減価償却率">
          <a:extLst>
            <a:ext uri="{FF2B5EF4-FFF2-40B4-BE49-F238E27FC236}">
              <a16:creationId xmlns:a16="http://schemas.microsoft.com/office/drawing/2014/main" id="{E0D98E1C-8D9F-45AD-8251-A189F206E785}"/>
            </a:ext>
          </a:extLst>
        </xdr:cNvPr>
        <xdr:cNvSpPr txBox="1"/>
      </xdr:nvSpPr>
      <xdr:spPr>
        <a:xfrm>
          <a:off x="15266044" y="13950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66239</xdr:rowOff>
    </xdr:from>
    <xdr:ext cx="405111" cy="259045"/>
    <xdr:sp macro="" textlink="">
      <xdr:nvSpPr>
        <xdr:cNvPr id="567" name="n_2aveValue【消防施設】&#10;有形固定資産減価償却率">
          <a:extLst>
            <a:ext uri="{FF2B5EF4-FFF2-40B4-BE49-F238E27FC236}">
              <a16:creationId xmlns:a16="http://schemas.microsoft.com/office/drawing/2014/main" id="{02C3D0BC-1903-437D-AC3A-17EB88575864}"/>
            </a:ext>
          </a:extLst>
        </xdr:cNvPr>
        <xdr:cNvSpPr txBox="1"/>
      </xdr:nvSpPr>
      <xdr:spPr>
        <a:xfrm>
          <a:off x="14389744" y="139536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90732</xdr:rowOff>
    </xdr:from>
    <xdr:ext cx="405111" cy="259045"/>
    <xdr:sp macro="" textlink="">
      <xdr:nvSpPr>
        <xdr:cNvPr id="568" name="n_3aveValue【消防施設】&#10;有形固定資産減価償却率">
          <a:extLst>
            <a:ext uri="{FF2B5EF4-FFF2-40B4-BE49-F238E27FC236}">
              <a16:creationId xmlns:a16="http://schemas.microsoft.com/office/drawing/2014/main" id="{8688B9C3-8072-477A-85AE-37937EB1E878}"/>
            </a:ext>
          </a:extLst>
        </xdr:cNvPr>
        <xdr:cNvSpPr txBox="1"/>
      </xdr:nvSpPr>
      <xdr:spPr>
        <a:xfrm>
          <a:off x="13500744" y="13978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77669</xdr:rowOff>
    </xdr:from>
    <xdr:ext cx="405111" cy="259045"/>
    <xdr:sp macro="" textlink="">
      <xdr:nvSpPr>
        <xdr:cNvPr id="569" name="n_4aveValue【消防施設】&#10;有形固定資産減価償却率">
          <a:extLst>
            <a:ext uri="{FF2B5EF4-FFF2-40B4-BE49-F238E27FC236}">
              <a16:creationId xmlns:a16="http://schemas.microsoft.com/office/drawing/2014/main" id="{2408568A-1821-4BB1-8B37-B38BE52163A5}"/>
            </a:ext>
          </a:extLst>
        </xdr:cNvPr>
        <xdr:cNvSpPr txBox="1"/>
      </xdr:nvSpPr>
      <xdr:spPr>
        <a:xfrm>
          <a:off x="12611744" y="139651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6</xdr:row>
      <xdr:rowOff>50635</xdr:rowOff>
    </xdr:from>
    <xdr:ext cx="405111" cy="259045"/>
    <xdr:sp macro="" textlink="">
      <xdr:nvSpPr>
        <xdr:cNvPr id="570" name="n_1mainValue【消防施設】&#10;有形固定資産減価償却率">
          <a:extLst>
            <a:ext uri="{FF2B5EF4-FFF2-40B4-BE49-F238E27FC236}">
              <a16:creationId xmlns:a16="http://schemas.microsoft.com/office/drawing/2014/main" id="{5D0F21BF-F6BA-481D-BC5E-A8A61092B14A}"/>
            </a:ext>
          </a:extLst>
        </xdr:cNvPr>
        <xdr:cNvSpPr txBox="1"/>
      </xdr:nvSpPr>
      <xdr:spPr>
        <a:xfrm>
          <a:off x="15266044" y="147953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5</xdr:row>
      <xdr:rowOff>132278</xdr:rowOff>
    </xdr:from>
    <xdr:ext cx="405111" cy="259045"/>
    <xdr:sp macro="" textlink="">
      <xdr:nvSpPr>
        <xdr:cNvPr id="571" name="n_2mainValue【消防施設】&#10;有形固定資産減価償却率">
          <a:extLst>
            <a:ext uri="{FF2B5EF4-FFF2-40B4-BE49-F238E27FC236}">
              <a16:creationId xmlns:a16="http://schemas.microsoft.com/office/drawing/2014/main" id="{D596D3D9-5F49-435A-A7D7-41E11875303F}"/>
            </a:ext>
          </a:extLst>
        </xdr:cNvPr>
        <xdr:cNvSpPr txBox="1"/>
      </xdr:nvSpPr>
      <xdr:spPr>
        <a:xfrm>
          <a:off x="14389744" y="147055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5</xdr:row>
      <xdr:rowOff>42471</xdr:rowOff>
    </xdr:from>
    <xdr:ext cx="405111" cy="259045"/>
    <xdr:sp macro="" textlink="">
      <xdr:nvSpPr>
        <xdr:cNvPr id="572" name="n_3mainValue【消防施設】&#10;有形固定資産減価償却率">
          <a:extLst>
            <a:ext uri="{FF2B5EF4-FFF2-40B4-BE49-F238E27FC236}">
              <a16:creationId xmlns:a16="http://schemas.microsoft.com/office/drawing/2014/main" id="{0A68DEFD-33A8-4508-9F6F-ABB13F790342}"/>
            </a:ext>
          </a:extLst>
        </xdr:cNvPr>
        <xdr:cNvSpPr txBox="1"/>
      </xdr:nvSpPr>
      <xdr:spPr>
        <a:xfrm>
          <a:off x="13500744" y="146157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4</xdr:row>
      <xdr:rowOff>119215</xdr:rowOff>
    </xdr:from>
    <xdr:ext cx="405111" cy="259045"/>
    <xdr:sp macro="" textlink="">
      <xdr:nvSpPr>
        <xdr:cNvPr id="573" name="n_4mainValue【消防施設】&#10;有形固定資産減価償却率">
          <a:extLst>
            <a:ext uri="{FF2B5EF4-FFF2-40B4-BE49-F238E27FC236}">
              <a16:creationId xmlns:a16="http://schemas.microsoft.com/office/drawing/2014/main" id="{5DBB4BF2-D97F-488B-8559-84821085B727}"/>
            </a:ext>
          </a:extLst>
        </xdr:cNvPr>
        <xdr:cNvSpPr txBox="1"/>
      </xdr:nvSpPr>
      <xdr:spPr>
        <a:xfrm>
          <a:off x="12611744" y="145210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74" name="正方形/長方形 573">
          <a:extLst>
            <a:ext uri="{FF2B5EF4-FFF2-40B4-BE49-F238E27FC236}">
              <a16:creationId xmlns:a16="http://schemas.microsoft.com/office/drawing/2014/main" id="{97DA8E08-018D-4516-A718-C0A04F3CDABB}"/>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75" name="正方形/長方形 574">
          <a:extLst>
            <a:ext uri="{FF2B5EF4-FFF2-40B4-BE49-F238E27FC236}">
              <a16:creationId xmlns:a16="http://schemas.microsoft.com/office/drawing/2014/main" id="{0B34F1FA-9529-41CA-978B-A063A2AA9703}"/>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76" name="正方形/長方形 575">
          <a:extLst>
            <a:ext uri="{FF2B5EF4-FFF2-40B4-BE49-F238E27FC236}">
              <a16:creationId xmlns:a16="http://schemas.microsoft.com/office/drawing/2014/main" id="{B52737C7-F89F-4041-B179-30ADDFCB0510}"/>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77" name="正方形/長方形 576">
          <a:extLst>
            <a:ext uri="{FF2B5EF4-FFF2-40B4-BE49-F238E27FC236}">
              <a16:creationId xmlns:a16="http://schemas.microsoft.com/office/drawing/2014/main" id="{FC146607-475B-4646-AC1F-952D7775A0A7}"/>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78" name="正方形/長方形 577">
          <a:extLst>
            <a:ext uri="{FF2B5EF4-FFF2-40B4-BE49-F238E27FC236}">
              <a16:creationId xmlns:a16="http://schemas.microsoft.com/office/drawing/2014/main" id="{AD6F36AF-A33A-49AA-96C8-999AC9A65705}"/>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79" name="正方形/長方形 578">
          <a:extLst>
            <a:ext uri="{FF2B5EF4-FFF2-40B4-BE49-F238E27FC236}">
              <a16:creationId xmlns:a16="http://schemas.microsoft.com/office/drawing/2014/main" id="{CA3186DE-4085-4727-8266-DEEA2EB46BD6}"/>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80" name="正方形/長方形 579">
          <a:extLst>
            <a:ext uri="{FF2B5EF4-FFF2-40B4-BE49-F238E27FC236}">
              <a16:creationId xmlns:a16="http://schemas.microsoft.com/office/drawing/2014/main" id="{A4CA2071-4975-4989-965A-BC900186DD3B}"/>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81" name="正方形/長方形 580">
          <a:extLst>
            <a:ext uri="{FF2B5EF4-FFF2-40B4-BE49-F238E27FC236}">
              <a16:creationId xmlns:a16="http://schemas.microsoft.com/office/drawing/2014/main" id="{C9106DF6-7CE2-4154-B8D2-0C77CEEF7843}"/>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82" name="テキスト ボックス 581">
          <a:extLst>
            <a:ext uri="{FF2B5EF4-FFF2-40B4-BE49-F238E27FC236}">
              <a16:creationId xmlns:a16="http://schemas.microsoft.com/office/drawing/2014/main" id="{CC15F86F-7454-4AB0-BCFD-847CA78580A1}"/>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83" name="直線コネクタ 582">
          <a:extLst>
            <a:ext uri="{FF2B5EF4-FFF2-40B4-BE49-F238E27FC236}">
              <a16:creationId xmlns:a16="http://schemas.microsoft.com/office/drawing/2014/main" id="{171A51E3-23CE-4A12-A18B-247C2CFE70D1}"/>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584" name="直線コネクタ 583">
          <a:extLst>
            <a:ext uri="{FF2B5EF4-FFF2-40B4-BE49-F238E27FC236}">
              <a16:creationId xmlns:a16="http://schemas.microsoft.com/office/drawing/2014/main" id="{29AF8D3C-EA06-4944-ADBE-C30B6114DBB1}"/>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585" name="テキスト ボックス 584">
          <a:extLst>
            <a:ext uri="{FF2B5EF4-FFF2-40B4-BE49-F238E27FC236}">
              <a16:creationId xmlns:a16="http://schemas.microsoft.com/office/drawing/2014/main" id="{89E39DBA-2C4A-4EA5-913B-1863CD1D2186}"/>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586" name="直線コネクタ 585">
          <a:extLst>
            <a:ext uri="{FF2B5EF4-FFF2-40B4-BE49-F238E27FC236}">
              <a16:creationId xmlns:a16="http://schemas.microsoft.com/office/drawing/2014/main" id="{FE9F781C-9B75-4B19-820B-A2C92E3C98F7}"/>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587" name="テキスト ボックス 586">
          <a:extLst>
            <a:ext uri="{FF2B5EF4-FFF2-40B4-BE49-F238E27FC236}">
              <a16:creationId xmlns:a16="http://schemas.microsoft.com/office/drawing/2014/main" id="{F0F517A3-4D51-4A81-8817-D71E3E50F6E8}"/>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588" name="直線コネクタ 587">
          <a:extLst>
            <a:ext uri="{FF2B5EF4-FFF2-40B4-BE49-F238E27FC236}">
              <a16:creationId xmlns:a16="http://schemas.microsoft.com/office/drawing/2014/main" id="{8900166B-9B81-4AC8-A7AA-F575F43C866F}"/>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589" name="テキスト ボックス 588">
          <a:extLst>
            <a:ext uri="{FF2B5EF4-FFF2-40B4-BE49-F238E27FC236}">
              <a16:creationId xmlns:a16="http://schemas.microsoft.com/office/drawing/2014/main" id="{8D4CC33A-E73F-46D1-A346-49124060E250}"/>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590" name="直線コネクタ 589">
          <a:extLst>
            <a:ext uri="{FF2B5EF4-FFF2-40B4-BE49-F238E27FC236}">
              <a16:creationId xmlns:a16="http://schemas.microsoft.com/office/drawing/2014/main" id="{E2DFEEBB-5278-4DE8-A80A-02800CBFC377}"/>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591" name="テキスト ボックス 590">
          <a:extLst>
            <a:ext uri="{FF2B5EF4-FFF2-40B4-BE49-F238E27FC236}">
              <a16:creationId xmlns:a16="http://schemas.microsoft.com/office/drawing/2014/main" id="{A59D3B8D-8FC8-4EDB-BDF8-E37991E3D118}"/>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92" name="直線コネクタ 591">
          <a:extLst>
            <a:ext uri="{FF2B5EF4-FFF2-40B4-BE49-F238E27FC236}">
              <a16:creationId xmlns:a16="http://schemas.microsoft.com/office/drawing/2014/main" id="{17B54D25-62D4-42CA-8D7C-933E9D80BB3B}"/>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593" name="テキスト ボックス 592">
          <a:extLst>
            <a:ext uri="{FF2B5EF4-FFF2-40B4-BE49-F238E27FC236}">
              <a16:creationId xmlns:a16="http://schemas.microsoft.com/office/drawing/2014/main" id="{A84239B2-1ED4-4925-A149-B51BCE97EF8A}"/>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594" name="【消防施設】&#10;一人当たり面積グラフ枠">
          <a:extLst>
            <a:ext uri="{FF2B5EF4-FFF2-40B4-BE49-F238E27FC236}">
              <a16:creationId xmlns:a16="http://schemas.microsoft.com/office/drawing/2014/main" id="{492F6E48-2F09-455E-A029-50CC78223DA3}"/>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31242</xdr:rowOff>
    </xdr:from>
    <xdr:to>
      <xdr:col>116</xdr:col>
      <xdr:colOff>62864</xdr:colOff>
      <xdr:row>86</xdr:row>
      <xdr:rowOff>15239</xdr:rowOff>
    </xdr:to>
    <xdr:cxnSp macro="">
      <xdr:nvCxnSpPr>
        <xdr:cNvPr id="595" name="直線コネクタ 594">
          <a:extLst>
            <a:ext uri="{FF2B5EF4-FFF2-40B4-BE49-F238E27FC236}">
              <a16:creationId xmlns:a16="http://schemas.microsoft.com/office/drawing/2014/main" id="{D929A225-6607-4907-8632-5AEBF243E56C}"/>
            </a:ext>
          </a:extLst>
        </xdr:cNvPr>
        <xdr:cNvCxnSpPr/>
      </xdr:nvCxnSpPr>
      <xdr:spPr>
        <a:xfrm flipV="1">
          <a:off x="22160864" y="13575792"/>
          <a:ext cx="0" cy="11841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9066</xdr:rowOff>
    </xdr:from>
    <xdr:ext cx="469744" cy="259045"/>
    <xdr:sp macro="" textlink="">
      <xdr:nvSpPr>
        <xdr:cNvPr id="596" name="【消防施設】&#10;一人当たり面積最小値テキスト">
          <a:extLst>
            <a:ext uri="{FF2B5EF4-FFF2-40B4-BE49-F238E27FC236}">
              <a16:creationId xmlns:a16="http://schemas.microsoft.com/office/drawing/2014/main" id="{105393DC-66FE-4CE4-9E45-99A489211655}"/>
            </a:ext>
          </a:extLst>
        </xdr:cNvPr>
        <xdr:cNvSpPr txBox="1"/>
      </xdr:nvSpPr>
      <xdr:spPr>
        <a:xfrm>
          <a:off x="22199600" y="14763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5239</xdr:rowOff>
    </xdr:from>
    <xdr:to>
      <xdr:col>116</xdr:col>
      <xdr:colOff>152400</xdr:colOff>
      <xdr:row>86</xdr:row>
      <xdr:rowOff>15239</xdr:rowOff>
    </xdr:to>
    <xdr:cxnSp macro="">
      <xdr:nvCxnSpPr>
        <xdr:cNvPr id="597" name="直線コネクタ 596">
          <a:extLst>
            <a:ext uri="{FF2B5EF4-FFF2-40B4-BE49-F238E27FC236}">
              <a16:creationId xmlns:a16="http://schemas.microsoft.com/office/drawing/2014/main" id="{B8A880E8-87F8-4F2B-9677-A683CB038FD9}"/>
            </a:ext>
          </a:extLst>
        </xdr:cNvPr>
        <xdr:cNvCxnSpPr/>
      </xdr:nvCxnSpPr>
      <xdr:spPr>
        <a:xfrm>
          <a:off x="22072600" y="14759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49369</xdr:rowOff>
    </xdr:from>
    <xdr:ext cx="469744" cy="259045"/>
    <xdr:sp macro="" textlink="">
      <xdr:nvSpPr>
        <xdr:cNvPr id="598" name="【消防施設】&#10;一人当たり面積最大値テキスト">
          <a:extLst>
            <a:ext uri="{FF2B5EF4-FFF2-40B4-BE49-F238E27FC236}">
              <a16:creationId xmlns:a16="http://schemas.microsoft.com/office/drawing/2014/main" id="{6E1E7EB2-0A51-4778-91F5-1DC4E58C4648}"/>
            </a:ext>
          </a:extLst>
        </xdr:cNvPr>
        <xdr:cNvSpPr txBox="1"/>
      </xdr:nvSpPr>
      <xdr:spPr>
        <a:xfrm>
          <a:off x="22199600" y="13351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31242</xdr:rowOff>
    </xdr:from>
    <xdr:to>
      <xdr:col>116</xdr:col>
      <xdr:colOff>152400</xdr:colOff>
      <xdr:row>79</xdr:row>
      <xdr:rowOff>31242</xdr:rowOff>
    </xdr:to>
    <xdr:cxnSp macro="">
      <xdr:nvCxnSpPr>
        <xdr:cNvPr id="599" name="直線コネクタ 598">
          <a:extLst>
            <a:ext uri="{FF2B5EF4-FFF2-40B4-BE49-F238E27FC236}">
              <a16:creationId xmlns:a16="http://schemas.microsoft.com/office/drawing/2014/main" id="{40993C09-A73E-4080-8F93-977F05A22C65}"/>
            </a:ext>
          </a:extLst>
        </xdr:cNvPr>
        <xdr:cNvCxnSpPr/>
      </xdr:nvCxnSpPr>
      <xdr:spPr>
        <a:xfrm>
          <a:off x="22072600" y="135757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033</xdr:rowOff>
    </xdr:from>
    <xdr:ext cx="469744" cy="259045"/>
    <xdr:sp macro="" textlink="">
      <xdr:nvSpPr>
        <xdr:cNvPr id="600" name="【消防施設】&#10;一人当たり面積平均値テキスト">
          <a:extLst>
            <a:ext uri="{FF2B5EF4-FFF2-40B4-BE49-F238E27FC236}">
              <a16:creationId xmlns:a16="http://schemas.microsoft.com/office/drawing/2014/main" id="{DC73BA38-BD3C-4415-9099-51995A678388}"/>
            </a:ext>
          </a:extLst>
        </xdr:cNvPr>
        <xdr:cNvSpPr txBox="1"/>
      </xdr:nvSpPr>
      <xdr:spPr>
        <a:xfrm>
          <a:off x="22199600" y="142313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49606</xdr:rowOff>
    </xdr:from>
    <xdr:to>
      <xdr:col>116</xdr:col>
      <xdr:colOff>114300</xdr:colOff>
      <xdr:row>84</xdr:row>
      <xdr:rowOff>79756</xdr:rowOff>
    </xdr:to>
    <xdr:sp macro="" textlink="">
      <xdr:nvSpPr>
        <xdr:cNvPr id="601" name="フローチャート: 判断 600">
          <a:extLst>
            <a:ext uri="{FF2B5EF4-FFF2-40B4-BE49-F238E27FC236}">
              <a16:creationId xmlns:a16="http://schemas.microsoft.com/office/drawing/2014/main" id="{10C3AD7E-CB2E-4FFF-A777-E38AEAE2BA35}"/>
            </a:ext>
          </a:extLst>
        </xdr:cNvPr>
        <xdr:cNvSpPr/>
      </xdr:nvSpPr>
      <xdr:spPr>
        <a:xfrm>
          <a:off x="22110700" y="14379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51892</xdr:rowOff>
    </xdr:from>
    <xdr:to>
      <xdr:col>112</xdr:col>
      <xdr:colOff>38100</xdr:colOff>
      <xdr:row>84</xdr:row>
      <xdr:rowOff>82042</xdr:rowOff>
    </xdr:to>
    <xdr:sp macro="" textlink="">
      <xdr:nvSpPr>
        <xdr:cNvPr id="602" name="フローチャート: 判断 601">
          <a:extLst>
            <a:ext uri="{FF2B5EF4-FFF2-40B4-BE49-F238E27FC236}">
              <a16:creationId xmlns:a16="http://schemas.microsoft.com/office/drawing/2014/main" id="{16C96F98-A118-45A2-BFA2-3FFF5E3A14F6}"/>
            </a:ext>
          </a:extLst>
        </xdr:cNvPr>
        <xdr:cNvSpPr/>
      </xdr:nvSpPr>
      <xdr:spPr>
        <a:xfrm>
          <a:off x="21272500" y="14382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3302</xdr:rowOff>
    </xdr:from>
    <xdr:to>
      <xdr:col>107</xdr:col>
      <xdr:colOff>101600</xdr:colOff>
      <xdr:row>84</xdr:row>
      <xdr:rowOff>104902</xdr:rowOff>
    </xdr:to>
    <xdr:sp macro="" textlink="">
      <xdr:nvSpPr>
        <xdr:cNvPr id="603" name="フローチャート: 判断 602">
          <a:extLst>
            <a:ext uri="{FF2B5EF4-FFF2-40B4-BE49-F238E27FC236}">
              <a16:creationId xmlns:a16="http://schemas.microsoft.com/office/drawing/2014/main" id="{C91CD9AA-BCB6-403C-939C-7F17943E4EAB}"/>
            </a:ext>
          </a:extLst>
        </xdr:cNvPr>
        <xdr:cNvSpPr/>
      </xdr:nvSpPr>
      <xdr:spPr>
        <a:xfrm>
          <a:off x="20383500" y="14405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5587</xdr:rowOff>
    </xdr:from>
    <xdr:to>
      <xdr:col>102</xdr:col>
      <xdr:colOff>165100</xdr:colOff>
      <xdr:row>84</xdr:row>
      <xdr:rowOff>107187</xdr:rowOff>
    </xdr:to>
    <xdr:sp macro="" textlink="">
      <xdr:nvSpPr>
        <xdr:cNvPr id="604" name="フローチャート: 判断 603">
          <a:extLst>
            <a:ext uri="{FF2B5EF4-FFF2-40B4-BE49-F238E27FC236}">
              <a16:creationId xmlns:a16="http://schemas.microsoft.com/office/drawing/2014/main" id="{74A923A8-DB25-443D-BAC6-63F04DD9488E}"/>
            </a:ext>
          </a:extLst>
        </xdr:cNvPr>
        <xdr:cNvSpPr/>
      </xdr:nvSpPr>
      <xdr:spPr>
        <a:xfrm>
          <a:off x="19494500" y="14407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70180</xdr:rowOff>
    </xdr:from>
    <xdr:to>
      <xdr:col>98</xdr:col>
      <xdr:colOff>38100</xdr:colOff>
      <xdr:row>84</xdr:row>
      <xdr:rowOff>100330</xdr:rowOff>
    </xdr:to>
    <xdr:sp macro="" textlink="">
      <xdr:nvSpPr>
        <xdr:cNvPr id="605" name="フローチャート: 判断 604">
          <a:extLst>
            <a:ext uri="{FF2B5EF4-FFF2-40B4-BE49-F238E27FC236}">
              <a16:creationId xmlns:a16="http://schemas.microsoft.com/office/drawing/2014/main" id="{8ACE3B0F-5E31-446D-ADE7-D18A933EB956}"/>
            </a:ext>
          </a:extLst>
        </xdr:cNvPr>
        <xdr:cNvSpPr/>
      </xdr:nvSpPr>
      <xdr:spPr>
        <a:xfrm>
          <a:off x="18605500" y="1440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06" name="テキスト ボックス 605">
          <a:extLst>
            <a:ext uri="{FF2B5EF4-FFF2-40B4-BE49-F238E27FC236}">
              <a16:creationId xmlns:a16="http://schemas.microsoft.com/office/drawing/2014/main" id="{4FB313A5-63B1-4E17-A523-288B779F02A0}"/>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07" name="テキスト ボックス 606">
          <a:extLst>
            <a:ext uri="{FF2B5EF4-FFF2-40B4-BE49-F238E27FC236}">
              <a16:creationId xmlns:a16="http://schemas.microsoft.com/office/drawing/2014/main" id="{1124713F-A676-4BF4-902C-A9F93FA6E785}"/>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08" name="テキスト ボックス 607">
          <a:extLst>
            <a:ext uri="{FF2B5EF4-FFF2-40B4-BE49-F238E27FC236}">
              <a16:creationId xmlns:a16="http://schemas.microsoft.com/office/drawing/2014/main" id="{777F7832-3E5A-4682-AF89-06D71A0B4CC6}"/>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09" name="テキスト ボックス 608">
          <a:extLst>
            <a:ext uri="{FF2B5EF4-FFF2-40B4-BE49-F238E27FC236}">
              <a16:creationId xmlns:a16="http://schemas.microsoft.com/office/drawing/2014/main" id="{F9349E4A-8E5A-43D1-88B8-4BBA3D3ABB9F}"/>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10" name="テキスト ボックス 609">
          <a:extLst>
            <a:ext uri="{FF2B5EF4-FFF2-40B4-BE49-F238E27FC236}">
              <a16:creationId xmlns:a16="http://schemas.microsoft.com/office/drawing/2014/main" id="{D743C2DB-7D87-43A4-A8D4-F96087D2351A}"/>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76454</xdr:rowOff>
    </xdr:from>
    <xdr:to>
      <xdr:col>116</xdr:col>
      <xdr:colOff>114300</xdr:colOff>
      <xdr:row>85</xdr:row>
      <xdr:rowOff>6604</xdr:rowOff>
    </xdr:to>
    <xdr:sp macro="" textlink="">
      <xdr:nvSpPr>
        <xdr:cNvPr id="611" name="楕円 610">
          <a:extLst>
            <a:ext uri="{FF2B5EF4-FFF2-40B4-BE49-F238E27FC236}">
              <a16:creationId xmlns:a16="http://schemas.microsoft.com/office/drawing/2014/main" id="{758005AD-2CDF-4C83-86C2-73E18ED1546B}"/>
            </a:ext>
          </a:extLst>
        </xdr:cNvPr>
        <xdr:cNvSpPr/>
      </xdr:nvSpPr>
      <xdr:spPr>
        <a:xfrm>
          <a:off x="22110700" y="14478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54881</xdr:rowOff>
    </xdr:from>
    <xdr:ext cx="469744" cy="259045"/>
    <xdr:sp macro="" textlink="">
      <xdr:nvSpPr>
        <xdr:cNvPr id="612" name="【消防施設】&#10;一人当たり面積該当値テキスト">
          <a:extLst>
            <a:ext uri="{FF2B5EF4-FFF2-40B4-BE49-F238E27FC236}">
              <a16:creationId xmlns:a16="http://schemas.microsoft.com/office/drawing/2014/main" id="{97C0865E-97C5-4CB8-8F1A-CAFFC7BBA53E}"/>
            </a:ext>
          </a:extLst>
        </xdr:cNvPr>
        <xdr:cNvSpPr txBox="1"/>
      </xdr:nvSpPr>
      <xdr:spPr>
        <a:xfrm>
          <a:off x="22199600" y="14456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78739</xdr:rowOff>
    </xdr:from>
    <xdr:to>
      <xdr:col>112</xdr:col>
      <xdr:colOff>38100</xdr:colOff>
      <xdr:row>85</xdr:row>
      <xdr:rowOff>8889</xdr:rowOff>
    </xdr:to>
    <xdr:sp macro="" textlink="">
      <xdr:nvSpPr>
        <xdr:cNvPr id="613" name="楕円 612">
          <a:extLst>
            <a:ext uri="{FF2B5EF4-FFF2-40B4-BE49-F238E27FC236}">
              <a16:creationId xmlns:a16="http://schemas.microsoft.com/office/drawing/2014/main" id="{B61461BA-8C6C-4205-8612-BF91EA67FF7C}"/>
            </a:ext>
          </a:extLst>
        </xdr:cNvPr>
        <xdr:cNvSpPr/>
      </xdr:nvSpPr>
      <xdr:spPr>
        <a:xfrm>
          <a:off x="21272500" y="14480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27254</xdr:rowOff>
    </xdr:from>
    <xdr:to>
      <xdr:col>116</xdr:col>
      <xdr:colOff>63500</xdr:colOff>
      <xdr:row>84</xdr:row>
      <xdr:rowOff>129539</xdr:rowOff>
    </xdr:to>
    <xdr:cxnSp macro="">
      <xdr:nvCxnSpPr>
        <xdr:cNvPr id="614" name="直線コネクタ 613">
          <a:extLst>
            <a:ext uri="{FF2B5EF4-FFF2-40B4-BE49-F238E27FC236}">
              <a16:creationId xmlns:a16="http://schemas.microsoft.com/office/drawing/2014/main" id="{B0541C44-6EA5-4E56-BE5E-E28900D8BA0B}"/>
            </a:ext>
          </a:extLst>
        </xdr:cNvPr>
        <xdr:cNvCxnSpPr/>
      </xdr:nvCxnSpPr>
      <xdr:spPr>
        <a:xfrm flipV="1">
          <a:off x="21323300" y="14529054"/>
          <a:ext cx="838200" cy="2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83313</xdr:rowOff>
    </xdr:from>
    <xdr:to>
      <xdr:col>107</xdr:col>
      <xdr:colOff>101600</xdr:colOff>
      <xdr:row>85</xdr:row>
      <xdr:rowOff>13463</xdr:rowOff>
    </xdr:to>
    <xdr:sp macro="" textlink="">
      <xdr:nvSpPr>
        <xdr:cNvPr id="615" name="楕円 614">
          <a:extLst>
            <a:ext uri="{FF2B5EF4-FFF2-40B4-BE49-F238E27FC236}">
              <a16:creationId xmlns:a16="http://schemas.microsoft.com/office/drawing/2014/main" id="{C9DB828B-0D42-46EE-BBD2-5156B1865DE1}"/>
            </a:ext>
          </a:extLst>
        </xdr:cNvPr>
        <xdr:cNvSpPr/>
      </xdr:nvSpPr>
      <xdr:spPr>
        <a:xfrm>
          <a:off x="20383500" y="14485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129539</xdr:rowOff>
    </xdr:from>
    <xdr:to>
      <xdr:col>111</xdr:col>
      <xdr:colOff>177800</xdr:colOff>
      <xdr:row>84</xdr:row>
      <xdr:rowOff>134113</xdr:rowOff>
    </xdr:to>
    <xdr:cxnSp macro="">
      <xdr:nvCxnSpPr>
        <xdr:cNvPr id="616" name="直線コネクタ 615">
          <a:extLst>
            <a:ext uri="{FF2B5EF4-FFF2-40B4-BE49-F238E27FC236}">
              <a16:creationId xmlns:a16="http://schemas.microsoft.com/office/drawing/2014/main" id="{3605327E-B008-4785-AD24-7E6D234BE5E0}"/>
            </a:ext>
          </a:extLst>
        </xdr:cNvPr>
        <xdr:cNvCxnSpPr/>
      </xdr:nvCxnSpPr>
      <xdr:spPr>
        <a:xfrm flipV="1">
          <a:off x="20434300" y="14531339"/>
          <a:ext cx="889000" cy="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87885</xdr:rowOff>
    </xdr:from>
    <xdr:to>
      <xdr:col>102</xdr:col>
      <xdr:colOff>165100</xdr:colOff>
      <xdr:row>85</xdr:row>
      <xdr:rowOff>18035</xdr:rowOff>
    </xdr:to>
    <xdr:sp macro="" textlink="">
      <xdr:nvSpPr>
        <xdr:cNvPr id="617" name="楕円 616">
          <a:extLst>
            <a:ext uri="{FF2B5EF4-FFF2-40B4-BE49-F238E27FC236}">
              <a16:creationId xmlns:a16="http://schemas.microsoft.com/office/drawing/2014/main" id="{848C8028-94B4-4735-863D-B72F5697AD6A}"/>
            </a:ext>
          </a:extLst>
        </xdr:cNvPr>
        <xdr:cNvSpPr/>
      </xdr:nvSpPr>
      <xdr:spPr>
        <a:xfrm>
          <a:off x="19494500" y="14489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134113</xdr:rowOff>
    </xdr:from>
    <xdr:to>
      <xdr:col>107</xdr:col>
      <xdr:colOff>50800</xdr:colOff>
      <xdr:row>84</xdr:row>
      <xdr:rowOff>138685</xdr:rowOff>
    </xdr:to>
    <xdr:cxnSp macro="">
      <xdr:nvCxnSpPr>
        <xdr:cNvPr id="618" name="直線コネクタ 617">
          <a:extLst>
            <a:ext uri="{FF2B5EF4-FFF2-40B4-BE49-F238E27FC236}">
              <a16:creationId xmlns:a16="http://schemas.microsoft.com/office/drawing/2014/main" id="{5D4F5FA7-3938-4F92-B465-35450581275B}"/>
            </a:ext>
          </a:extLst>
        </xdr:cNvPr>
        <xdr:cNvCxnSpPr/>
      </xdr:nvCxnSpPr>
      <xdr:spPr>
        <a:xfrm flipV="1">
          <a:off x="19545300" y="14535913"/>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92456</xdr:rowOff>
    </xdr:from>
    <xdr:to>
      <xdr:col>98</xdr:col>
      <xdr:colOff>38100</xdr:colOff>
      <xdr:row>85</xdr:row>
      <xdr:rowOff>22606</xdr:rowOff>
    </xdr:to>
    <xdr:sp macro="" textlink="">
      <xdr:nvSpPr>
        <xdr:cNvPr id="619" name="楕円 618">
          <a:extLst>
            <a:ext uri="{FF2B5EF4-FFF2-40B4-BE49-F238E27FC236}">
              <a16:creationId xmlns:a16="http://schemas.microsoft.com/office/drawing/2014/main" id="{BFC9CD7E-EA6C-471D-8E8C-DE2AF6857390}"/>
            </a:ext>
          </a:extLst>
        </xdr:cNvPr>
        <xdr:cNvSpPr/>
      </xdr:nvSpPr>
      <xdr:spPr>
        <a:xfrm>
          <a:off x="18605500" y="14494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138685</xdr:rowOff>
    </xdr:from>
    <xdr:to>
      <xdr:col>102</xdr:col>
      <xdr:colOff>114300</xdr:colOff>
      <xdr:row>84</xdr:row>
      <xdr:rowOff>143256</xdr:rowOff>
    </xdr:to>
    <xdr:cxnSp macro="">
      <xdr:nvCxnSpPr>
        <xdr:cNvPr id="620" name="直線コネクタ 619">
          <a:extLst>
            <a:ext uri="{FF2B5EF4-FFF2-40B4-BE49-F238E27FC236}">
              <a16:creationId xmlns:a16="http://schemas.microsoft.com/office/drawing/2014/main" id="{E4EBCD07-A512-4A05-8023-A854B959FE13}"/>
            </a:ext>
          </a:extLst>
        </xdr:cNvPr>
        <xdr:cNvCxnSpPr/>
      </xdr:nvCxnSpPr>
      <xdr:spPr>
        <a:xfrm flipV="1">
          <a:off x="18656300" y="14540485"/>
          <a:ext cx="8890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98569</xdr:rowOff>
    </xdr:from>
    <xdr:ext cx="469744" cy="259045"/>
    <xdr:sp macro="" textlink="">
      <xdr:nvSpPr>
        <xdr:cNvPr id="621" name="n_1aveValue【消防施設】&#10;一人当たり面積">
          <a:extLst>
            <a:ext uri="{FF2B5EF4-FFF2-40B4-BE49-F238E27FC236}">
              <a16:creationId xmlns:a16="http://schemas.microsoft.com/office/drawing/2014/main" id="{2E314F36-FD55-4735-8E44-1E18E7C1E267}"/>
            </a:ext>
          </a:extLst>
        </xdr:cNvPr>
        <xdr:cNvSpPr txBox="1"/>
      </xdr:nvSpPr>
      <xdr:spPr>
        <a:xfrm>
          <a:off x="21075727" y="141574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21429</xdr:rowOff>
    </xdr:from>
    <xdr:ext cx="469744" cy="259045"/>
    <xdr:sp macro="" textlink="">
      <xdr:nvSpPr>
        <xdr:cNvPr id="622" name="n_2aveValue【消防施設】&#10;一人当たり面積">
          <a:extLst>
            <a:ext uri="{FF2B5EF4-FFF2-40B4-BE49-F238E27FC236}">
              <a16:creationId xmlns:a16="http://schemas.microsoft.com/office/drawing/2014/main" id="{FB5000AC-F61F-4261-9121-5A9A966870A8}"/>
            </a:ext>
          </a:extLst>
        </xdr:cNvPr>
        <xdr:cNvSpPr txBox="1"/>
      </xdr:nvSpPr>
      <xdr:spPr>
        <a:xfrm>
          <a:off x="20199427" y="141803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23714</xdr:rowOff>
    </xdr:from>
    <xdr:ext cx="469744" cy="259045"/>
    <xdr:sp macro="" textlink="">
      <xdr:nvSpPr>
        <xdr:cNvPr id="623" name="n_3aveValue【消防施設】&#10;一人当たり面積">
          <a:extLst>
            <a:ext uri="{FF2B5EF4-FFF2-40B4-BE49-F238E27FC236}">
              <a16:creationId xmlns:a16="http://schemas.microsoft.com/office/drawing/2014/main" id="{37520775-5940-4EEB-A384-D507E20DDBB4}"/>
            </a:ext>
          </a:extLst>
        </xdr:cNvPr>
        <xdr:cNvSpPr txBox="1"/>
      </xdr:nvSpPr>
      <xdr:spPr>
        <a:xfrm>
          <a:off x="19310427" y="14182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16857</xdr:rowOff>
    </xdr:from>
    <xdr:ext cx="469744" cy="259045"/>
    <xdr:sp macro="" textlink="">
      <xdr:nvSpPr>
        <xdr:cNvPr id="624" name="n_4aveValue【消防施設】&#10;一人当たり面積">
          <a:extLst>
            <a:ext uri="{FF2B5EF4-FFF2-40B4-BE49-F238E27FC236}">
              <a16:creationId xmlns:a16="http://schemas.microsoft.com/office/drawing/2014/main" id="{8C9477BE-23FC-4285-B8E4-E5D2A3BE0A65}"/>
            </a:ext>
          </a:extLst>
        </xdr:cNvPr>
        <xdr:cNvSpPr txBox="1"/>
      </xdr:nvSpPr>
      <xdr:spPr>
        <a:xfrm>
          <a:off x="18421427" y="14175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16</xdr:rowOff>
    </xdr:from>
    <xdr:ext cx="469744" cy="259045"/>
    <xdr:sp macro="" textlink="">
      <xdr:nvSpPr>
        <xdr:cNvPr id="625" name="n_1mainValue【消防施設】&#10;一人当たり面積">
          <a:extLst>
            <a:ext uri="{FF2B5EF4-FFF2-40B4-BE49-F238E27FC236}">
              <a16:creationId xmlns:a16="http://schemas.microsoft.com/office/drawing/2014/main" id="{C96509D5-6A9B-4F59-B750-8B16514A5649}"/>
            </a:ext>
          </a:extLst>
        </xdr:cNvPr>
        <xdr:cNvSpPr txBox="1"/>
      </xdr:nvSpPr>
      <xdr:spPr>
        <a:xfrm>
          <a:off x="21075727" y="14573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4590</xdr:rowOff>
    </xdr:from>
    <xdr:ext cx="469744" cy="259045"/>
    <xdr:sp macro="" textlink="">
      <xdr:nvSpPr>
        <xdr:cNvPr id="626" name="n_2mainValue【消防施設】&#10;一人当たり面積">
          <a:extLst>
            <a:ext uri="{FF2B5EF4-FFF2-40B4-BE49-F238E27FC236}">
              <a16:creationId xmlns:a16="http://schemas.microsoft.com/office/drawing/2014/main" id="{E08046FB-239A-4F94-9873-FD4C56FA1B23}"/>
            </a:ext>
          </a:extLst>
        </xdr:cNvPr>
        <xdr:cNvSpPr txBox="1"/>
      </xdr:nvSpPr>
      <xdr:spPr>
        <a:xfrm>
          <a:off x="20199427" y="14577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9162</xdr:rowOff>
    </xdr:from>
    <xdr:ext cx="469744" cy="259045"/>
    <xdr:sp macro="" textlink="">
      <xdr:nvSpPr>
        <xdr:cNvPr id="627" name="n_3mainValue【消防施設】&#10;一人当たり面積">
          <a:extLst>
            <a:ext uri="{FF2B5EF4-FFF2-40B4-BE49-F238E27FC236}">
              <a16:creationId xmlns:a16="http://schemas.microsoft.com/office/drawing/2014/main" id="{4DE49C9A-0516-4093-86DD-D9B2180F6F77}"/>
            </a:ext>
          </a:extLst>
        </xdr:cNvPr>
        <xdr:cNvSpPr txBox="1"/>
      </xdr:nvSpPr>
      <xdr:spPr>
        <a:xfrm>
          <a:off x="19310427" y="14582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13733</xdr:rowOff>
    </xdr:from>
    <xdr:ext cx="469744" cy="259045"/>
    <xdr:sp macro="" textlink="">
      <xdr:nvSpPr>
        <xdr:cNvPr id="628" name="n_4mainValue【消防施設】&#10;一人当たり面積">
          <a:extLst>
            <a:ext uri="{FF2B5EF4-FFF2-40B4-BE49-F238E27FC236}">
              <a16:creationId xmlns:a16="http://schemas.microsoft.com/office/drawing/2014/main" id="{5170EB36-B0C2-4F6D-A833-1A63A3672A7C}"/>
            </a:ext>
          </a:extLst>
        </xdr:cNvPr>
        <xdr:cNvSpPr txBox="1"/>
      </xdr:nvSpPr>
      <xdr:spPr>
        <a:xfrm>
          <a:off x="18421427" y="14586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29" name="正方形/長方形 628">
          <a:extLst>
            <a:ext uri="{FF2B5EF4-FFF2-40B4-BE49-F238E27FC236}">
              <a16:creationId xmlns:a16="http://schemas.microsoft.com/office/drawing/2014/main" id="{528CDA23-6E06-4125-9398-F9CBC8BEA388}"/>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0" name="正方形/長方形 629">
          <a:extLst>
            <a:ext uri="{FF2B5EF4-FFF2-40B4-BE49-F238E27FC236}">
              <a16:creationId xmlns:a16="http://schemas.microsoft.com/office/drawing/2014/main" id="{25543421-3174-477D-8ABD-D4547DE835D4}"/>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31" name="正方形/長方形 630">
          <a:extLst>
            <a:ext uri="{FF2B5EF4-FFF2-40B4-BE49-F238E27FC236}">
              <a16:creationId xmlns:a16="http://schemas.microsoft.com/office/drawing/2014/main" id="{5FC9C5E5-B96B-4C39-8DB5-7A5BF4215A5A}"/>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32" name="正方形/長方形 631">
          <a:extLst>
            <a:ext uri="{FF2B5EF4-FFF2-40B4-BE49-F238E27FC236}">
              <a16:creationId xmlns:a16="http://schemas.microsoft.com/office/drawing/2014/main" id="{EA8DB0EA-2710-4A65-8E5C-AC622E8CF863}"/>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33" name="正方形/長方形 632">
          <a:extLst>
            <a:ext uri="{FF2B5EF4-FFF2-40B4-BE49-F238E27FC236}">
              <a16:creationId xmlns:a16="http://schemas.microsoft.com/office/drawing/2014/main" id="{BDF216A4-F636-40ED-9526-8C0A78D2AFCB}"/>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34" name="正方形/長方形 633">
          <a:extLst>
            <a:ext uri="{FF2B5EF4-FFF2-40B4-BE49-F238E27FC236}">
              <a16:creationId xmlns:a16="http://schemas.microsoft.com/office/drawing/2014/main" id="{0DE8F5A4-3A2C-453D-9D27-19C433E5E1F9}"/>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35" name="正方形/長方形 634">
          <a:extLst>
            <a:ext uri="{FF2B5EF4-FFF2-40B4-BE49-F238E27FC236}">
              <a16:creationId xmlns:a16="http://schemas.microsoft.com/office/drawing/2014/main" id="{09FD79AD-C3EE-447A-8CF4-F9C2CEDECEA1}"/>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36" name="正方形/長方形 635">
          <a:extLst>
            <a:ext uri="{FF2B5EF4-FFF2-40B4-BE49-F238E27FC236}">
              <a16:creationId xmlns:a16="http://schemas.microsoft.com/office/drawing/2014/main" id="{28FA4239-CC54-4284-B9A8-5BC9528DAB5A}"/>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37" name="テキスト ボックス 636">
          <a:extLst>
            <a:ext uri="{FF2B5EF4-FFF2-40B4-BE49-F238E27FC236}">
              <a16:creationId xmlns:a16="http://schemas.microsoft.com/office/drawing/2014/main" id="{D3F6A2FA-2E37-4E42-8BD4-51B153088A57}"/>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38" name="直線コネクタ 637">
          <a:extLst>
            <a:ext uri="{FF2B5EF4-FFF2-40B4-BE49-F238E27FC236}">
              <a16:creationId xmlns:a16="http://schemas.microsoft.com/office/drawing/2014/main" id="{68498D9A-A454-43D4-943A-B54725FB17F2}"/>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39" name="テキスト ボックス 638">
          <a:extLst>
            <a:ext uri="{FF2B5EF4-FFF2-40B4-BE49-F238E27FC236}">
              <a16:creationId xmlns:a16="http://schemas.microsoft.com/office/drawing/2014/main" id="{F9DC7BAB-5EF5-433E-A148-0C1DE442BBFA}"/>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640" name="直線コネクタ 639">
          <a:extLst>
            <a:ext uri="{FF2B5EF4-FFF2-40B4-BE49-F238E27FC236}">
              <a16:creationId xmlns:a16="http://schemas.microsoft.com/office/drawing/2014/main" id="{2651CFD4-CFCB-433E-84F0-5BDA74771B64}"/>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641" name="テキスト ボックス 640">
          <a:extLst>
            <a:ext uri="{FF2B5EF4-FFF2-40B4-BE49-F238E27FC236}">
              <a16:creationId xmlns:a16="http://schemas.microsoft.com/office/drawing/2014/main" id="{5988A3FE-D920-415E-9D93-B99BCE48C43F}"/>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42" name="直線コネクタ 641">
          <a:extLst>
            <a:ext uri="{FF2B5EF4-FFF2-40B4-BE49-F238E27FC236}">
              <a16:creationId xmlns:a16="http://schemas.microsoft.com/office/drawing/2014/main" id="{C44EE1F4-D7B8-4082-8508-B627F17A0DFF}"/>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43" name="テキスト ボックス 642">
          <a:extLst>
            <a:ext uri="{FF2B5EF4-FFF2-40B4-BE49-F238E27FC236}">
              <a16:creationId xmlns:a16="http://schemas.microsoft.com/office/drawing/2014/main" id="{49FD2A69-16FD-4D16-9A82-B4BFE6F0612D}"/>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44" name="直線コネクタ 643">
          <a:extLst>
            <a:ext uri="{FF2B5EF4-FFF2-40B4-BE49-F238E27FC236}">
              <a16:creationId xmlns:a16="http://schemas.microsoft.com/office/drawing/2014/main" id="{AD58C71E-B3E0-4B6E-8C9B-41C580D4C7AF}"/>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45" name="テキスト ボックス 644">
          <a:extLst>
            <a:ext uri="{FF2B5EF4-FFF2-40B4-BE49-F238E27FC236}">
              <a16:creationId xmlns:a16="http://schemas.microsoft.com/office/drawing/2014/main" id="{67506A8F-D516-4E47-AB9B-2DC3B0BBA5B6}"/>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46" name="直線コネクタ 645">
          <a:extLst>
            <a:ext uri="{FF2B5EF4-FFF2-40B4-BE49-F238E27FC236}">
              <a16:creationId xmlns:a16="http://schemas.microsoft.com/office/drawing/2014/main" id="{76A5BA8C-0954-47EB-8EF4-DD1DAAAD1283}"/>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47" name="テキスト ボックス 646">
          <a:extLst>
            <a:ext uri="{FF2B5EF4-FFF2-40B4-BE49-F238E27FC236}">
              <a16:creationId xmlns:a16="http://schemas.microsoft.com/office/drawing/2014/main" id="{00FB91CA-E022-4271-A423-5E80B3A07220}"/>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48" name="直線コネクタ 647">
          <a:extLst>
            <a:ext uri="{FF2B5EF4-FFF2-40B4-BE49-F238E27FC236}">
              <a16:creationId xmlns:a16="http://schemas.microsoft.com/office/drawing/2014/main" id="{AC661362-99CB-475D-8D28-E8F5D1154827}"/>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49" name="テキスト ボックス 648">
          <a:extLst>
            <a:ext uri="{FF2B5EF4-FFF2-40B4-BE49-F238E27FC236}">
              <a16:creationId xmlns:a16="http://schemas.microsoft.com/office/drawing/2014/main" id="{B13654DB-6C69-4C08-9C72-87117214A0DA}"/>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50" name="直線コネクタ 649">
          <a:extLst>
            <a:ext uri="{FF2B5EF4-FFF2-40B4-BE49-F238E27FC236}">
              <a16:creationId xmlns:a16="http://schemas.microsoft.com/office/drawing/2014/main" id="{CE31194B-B058-4FA7-BB40-5D82C532FC79}"/>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651" name="テキスト ボックス 650">
          <a:extLst>
            <a:ext uri="{FF2B5EF4-FFF2-40B4-BE49-F238E27FC236}">
              <a16:creationId xmlns:a16="http://schemas.microsoft.com/office/drawing/2014/main" id="{CCC2FBC8-4A55-47AD-812C-1BB27E109E3B}"/>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52" name="直線コネクタ 651">
          <a:extLst>
            <a:ext uri="{FF2B5EF4-FFF2-40B4-BE49-F238E27FC236}">
              <a16:creationId xmlns:a16="http://schemas.microsoft.com/office/drawing/2014/main" id="{5520FFBA-F960-4C7F-ADA0-4E878F849B10}"/>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53" name="【庁舎】&#10;有形固定資産減価償却率グラフ枠">
          <a:extLst>
            <a:ext uri="{FF2B5EF4-FFF2-40B4-BE49-F238E27FC236}">
              <a16:creationId xmlns:a16="http://schemas.microsoft.com/office/drawing/2014/main" id="{06C787BE-45F8-44D0-A4EB-BE9B8F5A797D}"/>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70906</xdr:rowOff>
    </xdr:from>
    <xdr:to>
      <xdr:col>85</xdr:col>
      <xdr:colOff>126364</xdr:colOff>
      <xdr:row>109</xdr:row>
      <xdr:rowOff>9252</xdr:rowOff>
    </xdr:to>
    <xdr:cxnSp macro="">
      <xdr:nvCxnSpPr>
        <xdr:cNvPr id="654" name="直線コネクタ 653">
          <a:extLst>
            <a:ext uri="{FF2B5EF4-FFF2-40B4-BE49-F238E27FC236}">
              <a16:creationId xmlns:a16="http://schemas.microsoft.com/office/drawing/2014/main" id="{9FCC085E-BCA7-4BFF-86A2-9E8730E014AE}"/>
            </a:ext>
          </a:extLst>
        </xdr:cNvPr>
        <xdr:cNvCxnSpPr/>
      </xdr:nvCxnSpPr>
      <xdr:spPr>
        <a:xfrm flipV="1">
          <a:off x="16318864" y="17144456"/>
          <a:ext cx="0" cy="15528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13079</xdr:rowOff>
    </xdr:from>
    <xdr:ext cx="405111" cy="259045"/>
    <xdr:sp macro="" textlink="">
      <xdr:nvSpPr>
        <xdr:cNvPr id="655" name="【庁舎】&#10;有形固定資産減価償却率最小値テキスト">
          <a:extLst>
            <a:ext uri="{FF2B5EF4-FFF2-40B4-BE49-F238E27FC236}">
              <a16:creationId xmlns:a16="http://schemas.microsoft.com/office/drawing/2014/main" id="{EC9E34EF-D45B-49F0-B874-12D0402CF915}"/>
            </a:ext>
          </a:extLst>
        </xdr:cNvPr>
        <xdr:cNvSpPr txBox="1"/>
      </xdr:nvSpPr>
      <xdr:spPr>
        <a:xfrm>
          <a:off x="16357600" y="187011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9252</xdr:rowOff>
    </xdr:from>
    <xdr:to>
      <xdr:col>86</xdr:col>
      <xdr:colOff>25400</xdr:colOff>
      <xdr:row>109</xdr:row>
      <xdr:rowOff>9252</xdr:rowOff>
    </xdr:to>
    <xdr:cxnSp macro="">
      <xdr:nvCxnSpPr>
        <xdr:cNvPr id="656" name="直線コネクタ 655">
          <a:extLst>
            <a:ext uri="{FF2B5EF4-FFF2-40B4-BE49-F238E27FC236}">
              <a16:creationId xmlns:a16="http://schemas.microsoft.com/office/drawing/2014/main" id="{12339445-3285-4C6A-9E57-01249F61AB22}"/>
            </a:ext>
          </a:extLst>
        </xdr:cNvPr>
        <xdr:cNvCxnSpPr/>
      </xdr:nvCxnSpPr>
      <xdr:spPr>
        <a:xfrm>
          <a:off x="16230600" y="18697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7583</xdr:rowOff>
    </xdr:from>
    <xdr:ext cx="340478" cy="259045"/>
    <xdr:sp macro="" textlink="">
      <xdr:nvSpPr>
        <xdr:cNvPr id="657" name="【庁舎】&#10;有形固定資産減価償却率最大値テキスト">
          <a:extLst>
            <a:ext uri="{FF2B5EF4-FFF2-40B4-BE49-F238E27FC236}">
              <a16:creationId xmlns:a16="http://schemas.microsoft.com/office/drawing/2014/main" id="{4983A4B4-7716-4477-85B2-E0D16B004C5D}"/>
            </a:ext>
          </a:extLst>
        </xdr:cNvPr>
        <xdr:cNvSpPr txBox="1"/>
      </xdr:nvSpPr>
      <xdr:spPr>
        <a:xfrm>
          <a:off x="16357600" y="1691968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70906</xdr:rowOff>
    </xdr:from>
    <xdr:to>
      <xdr:col>86</xdr:col>
      <xdr:colOff>25400</xdr:colOff>
      <xdr:row>99</xdr:row>
      <xdr:rowOff>170906</xdr:rowOff>
    </xdr:to>
    <xdr:cxnSp macro="">
      <xdr:nvCxnSpPr>
        <xdr:cNvPr id="658" name="直線コネクタ 657">
          <a:extLst>
            <a:ext uri="{FF2B5EF4-FFF2-40B4-BE49-F238E27FC236}">
              <a16:creationId xmlns:a16="http://schemas.microsoft.com/office/drawing/2014/main" id="{B22ED189-689B-4BCF-81C4-18292697C82B}"/>
            </a:ext>
          </a:extLst>
        </xdr:cNvPr>
        <xdr:cNvCxnSpPr/>
      </xdr:nvCxnSpPr>
      <xdr:spPr>
        <a:xfrm>
          <a:off x="16230600" y="171444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00528</xdr:rowOff>
    </xdr:from>
    <xdr:ext cx="405111" cy="259045"/>
    <xdr:sp macro="" textlink="">
      <xdr:nvSpPr>
        <xdr:cNvPr id="659" name="【庁舎】&#10;有形固定資産減価償却率平均値テキスト">
          <a:extLst>
            <a:ext uri="{FF2B5EF4-FFF2-40B4-BE49-F238E27FC236}">
              <a16:creationId xmlns:a16="http://schemas.microsoft.com/office/drawing/2014/main" id="{662E7E8C-189D-4DBA-A0C2-83C77C4760C4}"/>
            </a:ext>
          </a:extLst>
        </xdr:cNvPr>
        <xdr:cNvSpPr txBox="1"/>
      </xdr:nvSpPr>
      <xdr:spPr>
        <a:xfrm>
          <a:off x="16357600" y="1775987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77651</xdr:rowOff>
    </xdr:from>
    <xdr:to>
      <xdr:col>85</xdr:col>
      <xdr:colOff>177800</xdr:colOff>
      <xdr:row>105</xdr:row>
      <xdr:rowOff>7801</xdr:rowOff>
    </xdr:to>
    <xdr:sp macro="" textlink="">
      <xdr:nvSpPr>
        <xdr:cNvPr id="660" name="フローチャート: 判断 659">
          <a:extLst>
            <a:ext uri="{FF2B5EF4-FFF2-40B4-BE49-F238E27FC236}">
              <a16:creationId xmlns:a16="http://schemas.microsoft.com/office/drawing/2014/main" id="{BDEF0801-84E3-437E-A0D2-BD568CA7601E}"/>
            </a:ext>
          </a:extLst>
        </xdr:cNvPr>
        <xdr:cNvSpPr/>
      </xdr:nvSpPr>
      <xdr:spPr>
        <a:xfrm>
          <a:off x="16268700" y="17908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71120</xdr:rowOff>
    </xdr:from>
    <xdr:to>
      <xdr:col>81</xdr:col>
      <xdr:colOff>101600</xdr:colOff>
      <xdr:row>105</xdr:row>
      <xdr:rowOff>1270</xdr:rowOff>
    </xdr:to>
    <xdr:sp macro="" textlink="">
      <xdr:nvSpPr>
        <xdr:cNvPr id="661" name="フローチャート: 判断 660">
          <a:extLst>
            <a:ext uri="{FF2B5EF4-FFF2-40B4-BE49-F238E27FC236}">
              <a16:creationId xmlns:a16="http://schemas.microsoft.com/office/drawing/2014/main" id="{ADF6BF36-6C94-4DBF-A64B-97E21B444A0C}"/>
            </a:ext>
          </a:extLst>
        </xdr:cNvPr>
        <xdr:cNvSpPr/>
      </xdr:nvSpPr>
      <xdr:spPr>
        <a:xfrm>
          <a:off x="15430500" y="1790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00512</xdr:rowOff>
    </xdr:from>
    <xdr:to>
      <xdr:col>76</xdr:col>
      <xdr:colOff>165100</xdr:colOff>
      <xdr:row>105</xdr:row>
      <xdr:rowOff>30662</xdr:rowOff>
    </xdr:to>
    <xdr:sp macro="" textlink="">
      <xdr:nvSpPr>
        <xdr:cNvPr id="662" name="フローチャート: 判断 661">
          <a:extLst>
            <a:ext uri="{FF2B5EF4-FFF2-40B4-BE49-F238E27FC236}">
              <a16:creationId xmlns:a16="http://schemas.microsoft.com/office/drawing/2014/main" id="{982A0AED-0A0C-428B-93F5-ADB344BB28EE}"/>
            </a:ext>
          </a:extLst>
        </xdr:cNvPr>
        <xdr:cNvSpPr/>
      </xdr:nvSpPr>
      <xdr:spPr>
        <a:xfrm>
          <a:off x="14541500" y="17931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44599</xdr:rowOff>
    </xdr:from>
    <xdr:to>
      <xdr:col>72</xdr:col>
      <xdr:colOff>38100</xdr:colOff>
      <xdr:row>105</xdr:row>
      <xdr:rowOff>74749</xdr:rowOff>
    </xdr:to>
    <xdr:sp macro="" textlink="">
      <xdr:nvSpPr>
        <xdr:cNvPr id="663" name="フローチャート: 判断 662">
          <a:extLst>
            <a:ext uri="{FF2B5EF4-FFF2-40B4-BE49-F238E27FC236}">
              <a16:creationId xmlns:a16="http://schemas.microsoft.com/office/drawing/2014/main" id="{F42459C2-BF2E-4B51-94D4-4A2C513611DF}"/>
            </a:ext>
          </a:extLst>
        </xdr:cNvPr>
        <xdr:cNvSpPr/>
      </xdr:nvSpPr>
      <xdr:spPr>
        <a:xfrm>
          <a:off x="13652500" y="17975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97245</xdr:rowOff>
    </xdr:from>
    <xdr:to>
      <xdr:col>67</xdr:col>
      <xdr:colOff>101600</xdr:colOff>
      <xdr:row>105</xdr:row>
      <xdr:rowOff>27395</xdr:rowOff>
    </xdr:to>
    <xdr:sp macro="" textlink="">
      <xdr:nvSpPr>
        <xdr:cNvPr id="664" name="フローチャート: 判断 663">
          <a:extLst>
            <a:ext uri="{FF2B5EF4-FFF2-40B4-BE49-F238E27FC236}">
              <a16:creationId xmlns:a16="http://schemas.microsoft.com/office/drawing/2014/main" id="{DDE3E716-B564-4C4D-B5C2-B2B0EA8099F4}"/>
            </a:ext>
          </a:extLst>
        </xdr:cNvPr>
        <xdr:cNvSpPr/>
      </xdr:nvSpPr>
      <xdr:spPr>
        <a:xfrm>
          <a:off x="12763500" y="17928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65" name="テキスト ボックス 664">
          <a:extLst>
            <a:ext uri="{FF2B5EF4-FFF2-40B4-BE49-F238E27FC236}">
              <a16:creationId xmlns:a16="http://schemas.microsoft.com/office/drawing/2014/main" id="{8BC559F0-E4EA-4EBD-AD39-15188A31FEE2}"/>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66" name="テキスト ボックス 665">
          <a:extLst>
            <a:ext uri="{FF2B5EF4-FFF2-40B4-BE49-F238E27FC236}">
              <a16:creationId xmlns:a16="http://schemas.microsoft.com/office/drawing/2014/main" id="{3CFADA68-C5CF-4425-B2A5-67B71EB8742F}"/>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67" name="テキスト ボックス 666">
          <a:extLst>
            <a:ext uri="{FF2B5EF4-FFF2-40B4-BE49-F238E27FC236}">
              <a16:creationId xmlns:a16="http://schemas.microsoft.com/office/drawing/2014/main" id="{E31453CE-96E8-4FA0-A7CC-31E8590FBE43}"/>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68" name="テキスト ボックス 667">
          <a:extLst>
            <a:ext uri="{FF2B5EF4-FFF2-40B4-BE49-F238E27FC236}">
              <a16:creationId xmlns:a16="http://schemas.microsoft.com/office/drawing/2014/main" id="{F6F33670-A857-407E-A02C-8CC70A9C7424}"/>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69" name="テキスト ボックス 668">
          <a:extLst>
            <a:ext uri="{FF2B5EF4-FFF2-40B4-BE49-F238E27FC236}">
              <a16:creationId xmlns:a16="http://schemas.microsoft.com/office/drawing/2014/main" id="{460E68CD-0E6C-45FC-A97A-4F50AC54FB61}"/>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8</xdr:row>
      <xdr:rowOff>113574</xdr:rowOff>
    </xdr:from>
    <xdr:to>
      <xdr:col>85</xdr:col>
      <xdr:colOff>177800</xdr:colOff>
      <xdr:row>109</xdr:row>
      <xdr:rowOff>43724</xdr:rowOff>
    </xdr:to>
    <xdr:sp macro="" textlink="">
      <xdr:nvSpPr>
        <xdr:cNvPr id="670" name="楕円 669">
          <a:extLst>
            <a:ext uri="{FF2B5EF4-FFF2-40B4-BE49-F238E27FC236}">
              <a16:creationId xmlns:a16="http://schemas.microsoft.com/office/drawing/2014/main" id="{FC383B90-A054-496A-860A-6F94EF9E04C4}"/>
            </a:ext>
          </a:extLst>
        </xdr:cNvPr>
        <xdr:cNvSpPr/>
      </xdr:nvSpPr>
      <xdr:spPr>
        <a:xfrm>
          <a:off x="16268700" y="18630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8</xdr:row>
      <xdr:rowOff>28501</xdr:rowOff>
    </xdr:from>
    <xdr:ext cx="405111" cy="259045"/>
    <xdr:sp macro="" textlink="">
      <xdr:nvSpPr>
        <xdr:cNvPr id="671" name="【庁舎】&#10;有形固定資産減価償却率該当値テキスト">
          <a:extLst>
            <a:ext uri="{FF2B5EF4-FFF2-40B4-BE49-F238E27FC236}">
              <a16:creationId xmlns:a16="http://schemas.microsoft.com/office/drawing/2014/main" id="{0FC3D9D5-EDCB-47BB-8918-32339F2FA98B}"/>
            </a:ext>
          </a:extLst>
        </xdr:cNvPr>
        <xdr:cNvSpPr txBox="1"/>
      </xdr:nvSpPr>
      <xdr:spPr>
        <a:xfrm>
          <a:off x="16357600" y="185451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8</xdr:row>
      <xdr:rowOff>156029</xdr:rowOff>
    </xdr:from>
    <xdr:to>
      <xdr:col>81</xdr:col>
      <xdr:colOff>101600</xdr:colOff>
      <xdr:row>109</xdr:row>
      <xdr:rowOff>86179</xdr:rowOff>
    </xdr:to>
    <xdr:sp macro="" textlink="">
      <xdr:nvSpPr>
        <xdr:cNvPr id="672" name="楕円 671">
          <a:extLst>
            <a:ext uri="{FF2B5EF4-FFF2-40B4-BE49-F238E27FC236}">
              <a16:creationId xmlns:a16="http://schemas.microsoft.com/office/drawing/2014/main" id="{6D993042-6E39-4B7C-9521-35BCCA091B6D}"/>
            </a:ext>
          </a:extLst>
        </xdr:cNvPr>
        <xdr:cNvSpPr/>
      </xdr:nvSpPr>
      <xdr:spPr>
        <a:xfrm>
          <a:off x="15430500" y="1867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8</xdr:row>
      <xdr:rowOff>164374</xdr:rowOff>
    </xdr:from>
    <xdr:to>
      <xdr:col>85</xdr:col>
      <xdr:colOff>127000</xdr:colOff>
      <xdr:row>109</xdr:row>
      <xdr:rowOff>35379</xdr:rowOff>
    </xdr:to>
    <xdr:cxnSp macro="">
      <xdr:nvCxnSpPr>
        <xdr:cNvPr id="673" name="直線コネクタ 672">
          <a:extLst>
            <a:ext uri="{FF2B5EF4-FFF2-40B4-BE49-F238E27FC236}">
              <a16:creationId xmlns:a16="http://schemas.microsoft.com/office/drawing/2014/main" id="{FA1274E1-8770-42AF-9B28-378041F8D458}"/>
            </a:ext>
          </a:extLst>
        </xdr:cNvPr>
        <xdr:cNvCxnSpPr/>
      </xdr:nvCxnSpPr>
      <xdr:spPr>
        <a:xfrm flipV="1">
          <a:off x="15481300" y="18680974"/>
          <a:ext cx="838200" cy="42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8</xdr:row>
      <xdr:rowOff>126637</xdr:rowOff>
    </xdr:from>
    <xdr:to>
      <xdr:col>76</xdr:col>
      <xdr:colOff>165100</xdr:colOff>
      <xdr:row>109</xdr:row>
      <xdr:rowOff>56787</xdr:rowOff>
    </xdr:to>
    <xdr:sp macro="" textlink="">
      <xdr:nvSpPr>
        <xdr:cNvPr id="674" name="楕円 673">
          <a:extLst>
            <a:ext uri="{FF2B5EF4-FFF2-40B4-BE49-F238E27FC236}">
              <a16:creationId xmlns:a16="http://schemas.microsoft.com/office/drawing/2014/main" id="{29ABAFC2-0AA0-4728-AFF1-529B7695197A}"/>
            </a:ext>
          </a:extLst>
        </xdr:cNvPr>
        <xdr:cNvSpPr/>
      </xdr:nvSpPr>
      <xdr:spPr>
        <a:xfrm>
          <a:off x="14541500" y="18643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9</xdr:row>
      <xdr:rowOff>5987</xdr:rowOff>
    </xdr:from>
    <xdr:to>
      <xdr:col>81</xdr:col>
      <xdr:colOff>50800</xdr:colOff>
      <xdr:row>109</xdr:row>
      <xdr:rowOff>35379</xdr:rowOff>
    </xdr:to>
    <xdr:cxnSp macro="">
      <xdr:nvCxnSpPr>
        <xdr:cNvPr id="675" name="直線コネクタ 674">
          <a:extLst>
            <a:ext uri="{FF2B5EF4-FFF2-40B4-BE49-F238E27FC236}">
              <a16:creationId xmlns:a16="http://schemas.microsoft.com/office/drawing/2014/main" id="{7755604E-DEFB-49CD-9196-FE4908394D22}"/>
            </a:ext>
          </a:extLst>
        </xdr:cNvPr>
        <xdr:cNvCxnSpPr/>
      </xdr:nvCxnSpPr>
      <xdr:spPr>
        <a:xfrm>
          <a:off x="14592300" y="18694037"/>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8</xdr:row>
      <xdr:rowOff>98879</xdr:rowOff>
    </xdr:from>
    <xdr:to>
      <xdr:col>72</xdr:col>
      <xdr:colOff>38100</xdr:colOff>
      <xdr:row>109</xdr:row>
      <xdr:rowOff>29029</xdr:rowOff>
    </xdr:to>
    <xdr:sp macro="" textlink="">
      <xdr:nvSpPr>
        <xdr:cNvPr id="676" name="楕円 675">
          <a:extLst>
            <a:ext uri="{FF2B5EF4-FFF2-40B4-BE49-F238E27FC236}">
              <a16:creationId xmlns:a16="http://schemas.microsoft.com/office/drawing/2014/main" id="{DDEA9A56-18F3-4BC6-A490-E4A5EBB5E8BA}"/>
            </a:ext>
          </a:extLst>
        </xdr:cNvPr>
        <xdr:cNvSpPr/>
      </xdr:nvSpPr>
      <xdr:spPr>
        <a:xfrm>
          <a:off x="13652500" y="18615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8</xdr:row>
      <xdr:rowOff>149679</xdr:rowOff>
    </xdr:from>
    <xdr:to>
      <xdr:col>76</xdr:col>
      <xdr:colOff>114300</xdr:colOff>
      <xdr:row>109</xdr:row>
      <xdr:rowOff>5987</xdr:rowOff>
    </xdr:to>
    <xdr:cxnSp macro="">
      <xdr:nvCxnSpPr>
        <xdr:cNvPr id="677" name="直線コネクタ 676">
          <a:extLst>
            <a:ext uri="{FF2B5EF4-FFF2-40B4-BE49-F238E27FC236}">
              <a16:creationId xmlns:a16="http://schemas.microsoft.com/office/drawing/2014/main" id="{98269FCA-B125-48C0-99FE-CCAF512C3D71}"/>
            </a:ext>
          </a:extLst>
        </xdr:cNvPr>
        <xdr:cNvCxnSpPr/>
      </xdr:nvCxnSpPr>
      <xdr:spPr>
        <a:xfrm>
          <a:off x="13703300" y="18666279"/>
          <a:ext cx="8890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8</xdr:row>
      <xdr:rowOff>69487</xdr:rowOff>
    </xdr:from>
    <xdr:to>
      <xdr:col>67</xdr:col>
      <xdr:colOff>101600</xdr:colOff>
      <xdr:row>108</xdr:row>
      <xdr:rowOff>171087</xdr:rowOff>
    </xdr:to>
    <xdr:sp macro="" textlink="">
      <xdr:nvSpPr>
        <xdr:cNvPr id="678" name="楕円 677">
          <a:extLst>
            <a:ext uri="{FF2B5EF4-FFF2-40B4-BE49-F238E27FC236}">
              <a16:creationId xmlns:a16="http://schemas.microsoft.com/office/drawing/2014/main" id="{904C9CA3-6518-49DC-A7D7-ADFF6DCF141A}"/>
            </a:ext>
          </a:extLst>
        </xdr:cNvPr>
        <xdr:cNvSpPr/>
      </xdr:nvSpPr>
      <xdr:spPr>
        <a:xfrm>
          <a:off x="12763500" y="18586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8</xdr:row>
      <xdr:rowOff>120287</xdr:rowOff>
    </xdr:from>
    <xdr:to>
      <xdr:col>71</xdr:col>
      <xdr:colOff>177800</xdr:colOff>
      <xdr:row>108</xdr:row>
      <xdr:rowOff>149679</xdr:rowOff>
    </xdr:to>
    <xdr:cxnSp macro="">
      <xdr:nvCxnSpPr>
        <xdr:cNvPr id="679" name="直線コネクタ 678">
          <a:extLst>
            <a:ext uri="{FF2B5EF4-FFF2-40B4-BE49-F238E27FC236}">
              <a16:creationId xmlns:a16="http://schemas.microsoft.com/office/drawing/2014/main" id="{E390A4F6-FD80-46D9-85F4-07297EABE8F7}"/>
            </a:ext>
          </a:extLst>
        </xdr:cNvPr>
        <xdr:cNvCxnSpPr/>
      </xdr:nvCxnSpPr>
      <xdr:spPr>
        <a:xfrm>
          <a:off x="12814300" y="18636887"/>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7797</xdr:rowOff>
    </xdr:from>
    <xdr:ext cx="405111" cy="259045"/>
    <xdr:sp macro="" textlink="">
      <xdr:nvSpPr>
        <xdr:cNvPr id="680" name="n_1aveValue【庁舎】&#10;有形固定資産減価償却率">
          <a:extLst>
            <a:ext uri="{FF2B5EF4-FFF2-40B4-BE49-F238E27FC236}">
              <a16:creationId xmlns:a16="http://schemas.microsoft.com/office/drawing/2014/main" id="{5CFAA76A-CB59-4CD9-B0A0-EDE52D3C36A0}"/>
            </a:ext>
          </a:extLst>
        </xdr:cNvPr>
        <xdr:cNvSpPr txBox="1"/>
      </xdr:nvSpPr>
      <xdr:spPr>
        <a:xfrm>
          <a:off x="15266044" y="17677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47189</xdr:rowOff>
    </xdr:from>
    <xdr:ext cx="405111" cy="259045"/>
    <xdr:sp macro="" textlink="">
      <xdr:nvSpPr>
        <xdr:cNvPr id="681" name="n_2aveValue【庁舎】&#10;有形固定資産減価償却率">
          <a:extLst>
            <a:ext uri="{FF2B5EF4-FFF2-40B4-BE49-F238E27FC236}">
              <a16:creationId xmlns:a16="http://schemas.microsoft.com/office/drawing/2014/main" id="{C3DA09DC-84C7-49C5-8148-685378303D8D}"/>
            </a:ext>
          </a:extLst>
        </xdr:cNvPr>
        <xdr:cNvSpPr txBox="1"/>
      </xdr:nvSpPr>
      <xdr:spPr>
        <a:xfrm>
          <a:off x="14389744" y="177065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91276</xdr:rowOff>
    </xdr:from>
    <xdr:ext cx="405111" cy="259045"/>
    <xdr:sp macro="" textlink="">
      <xdr:nvSpPr>
        <xdr:cNvPr id="682" name="n_3aveValue【庁舎】&#10;有形固定資産減価償却率">
          <a:extLst>
            <a:ext uri="{FF2B5EF4-FFF2-40B4-BE49-F238E27FC236}">
              <a16:creationId xmlns:a16="http://schemas.microsoft.com/office/drawing/2014/main" id="{99AD6B8A-AF38-4F26-A678-A48B473C6B51}"/>
            </a:ext>
          </a:extLst>
        </xdr:cNvPr>
        <xdr:cNvSpPr txBox="1"/>
      </xdr:nvSpPr>
      <xdr:spPr>
        <a:xfrm>
          <a:off x="13500744" y="177506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43922</xdr:rowOff>
    </xdr:from>
    <xdr:ext cx="405111" cy="259045"/>
    <xdr:sp macro="" textlink="">
      <xdr:nvSpPr>
        <xdr:cNvPr id="683" name="n_4aveValue【庁舎】&#10;有形固定資産減価償却率">
          <a:extLst>
            <a:ext uri="{FF2B5EF4-FFF2-40B4-BE49-F238E27FC236}">
              <a16:creationId xmlns:a16="http://schemas.microsoft.com/office/drawing/2014/main" id="{CE49E58D-D223-45BE-9BE3-D0A489AED249}"/>
            </a:ext>
          </a:extLst>
        </xdr:cNvPr>
        <xdr:cNvSpPr txBox="1"/>
      </xdr:nvSpPr>
      <xdr:spPr>
        <a:xfrm>
          <a:off x="12611744" y="17703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9</xdr:col>
      <xdr:colOff>184227</xdr:colOff>
      <xdr:row>109</xdr:row>
      <xdr:rowOff>77306</xdr:rowOff>
    </xdr:from>
    <xdr:ext cx="469744" cy="259045"/>
    <xdr:sp macro="" textlink="">
      <xdr:nvSpPr>
        <xdr:cNvPr id="684" name="n_1mainValue【庁舎】&#10;有形固定資産減価償却率">
          <a:extLst>
            <a:ext uri="{FF2B5EF4-FFF2-40B4-BE49-F238E27FC236}">
              <a16:creationId xmlns:a16="http://schemas.microsoft.com/office/drawing/2014/main" id="{BFDE0425-468E-4E6F-8FAD-4CCE6E4B5DA8}"/>
            </a:ext>
          </a:extLst>
        </xdr:cNvPr>
        <xdr:cNvSpPr txBox="1"/>
      </xdr:nvSpPr>
      <xdr:spPr>
        <a:xfrm>
          <a:off x="15233727" y="18765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9</xdr:row>
      <xdr:rowOff>47914</xdr:rowOff>
    </xdr:from>
    <xdr:ext cx="405111" cy="259045"/>
    <xdr:sp macro="" textlink="">
      <xdr:nvSpPr>
        <xdr:cNvPr id="685" name="n_2mainValue【庁舎】&#10;有形固定資産減価償却率">
          <a:extLst>
            <a:ext uri="{FF2B5EF4-FFF2-40B4-BE49-F238E27FC236}">
              <a16:creationId xmlns:a16="http://schemas.microsoft.com/office/drawing/2014/main" id="{93CAB775-291C-433A-AD29-0AE2B78490D8}"/>
            </a:ext>
          </a:extLst>
        </xdr:cNvPr>
        <xdr:cNvSpPr txBox="1"/>
      </xdr:nvSpPr>
      <xdr:spPr>
        <a:xfrm>
          <a:off x="14389744" y="187359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9</xdr:row>
      <xdr:rowOff>20156</xdr:rowOff>
    </xdr:from>
    <xdr:ext cx="405111" cy="259045"/>
    <xdr:sp macro="" textlink="">
      <xdr:nvSpPr>
        <xdr:cNvPr id="686" name="n_3mainValue【庁舎】&#10;有形固定資産減価償却率">
          <a:extLst>
            <a:ext uri="{FF2B5EF4-FFF2-40B4-BE49-F238E27FC236}">
              <a16:creationId xmlns:a16="http://schemas.microsoft.com/office/drawing/2014/main" id="{E6C3082E-CF06-4EBB-80CF-D45C04C4EAD1}"/>
            </a:ext>
          </a:extLst>
        </xdr:cNvPr>
        <xdr:cNvSpPr txBox="1"/>
      </xdr:nvSpPr>
      <xdr:spPr>
        <a:xfrm>
          <a:off x="13500744" y="187082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8</xdr:row>
      <xdr:rowOff>162214</xdr:rowOff>
    </xdr:from>
    <xdr:ext cx="405111" cy="259045"/>
    <xdr:sp macro="" textlink="">
      <xdr:nvSpPr>
        <xdr:cNvPr id="687" name="n_4mainValue【庁舎】&#10;有形固定資産減価償却率">
          <a:extLst>
            <a:ext uri="{FF2B5EF4-FFF2-40B4-BE49-F238E27FC236}">
              <a16:creationId xmlns:a16="http://schemas.microsoft.com/office/drawing/2014/main" id="{E41B8599-76C8-48CC-96BB-68721EA3FFAD}"/>
            </a:ext>
          </a:extLst>
        </xdr:cNvPr>
        <xdr:cNvSpPr txBox="1"/>
      </xdr:nvSpPr>
      <xdr:spPr>
        <a:xfrm>
          <a:off x="12611744" y="186788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88" name="正方形/長方形 687">
          <a:extLst>
            <a:ext uri="{FF2B5EF4-FFF2-40B4-BE49-F238E27FC236}">
              <a16:creationId xmlns:a16="http://schemas.microsoft.com/office/drawing/2014/main" id="{C859D266-9289-4182-81DE-01B07B163EDE}"/>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89" name="正方形/長方形 688">
          <a:extLst>
            <a:ext uri="{FF2B5EF4-FFF2-40B4-BE49-F238E27FC236}">
              <a16:creationId xmlns:a16="http://schemas.microsoft.com/office/drawing/2014/main" id="{EC2E898B-71C9-4CBF-829C-6636F0061F88}"/>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0" name="正方形/長方形 689">
          <a:extLst>
            <a:ext uri="{FF2B5EF4-FFF2-40B4-BE49-F238E27FC236}">
              <a16:creationId xmlns:a16="http://schemas.microsoft.com/office/drawing/2014/main" id="{58063B36-E024-4C8C-B3C7-F540B1D1FDEC}"/>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1" name="正方形/長方形 690">
          <a:extLst>
            <a:ext uri="{FF2B5EF4-FFF2-40B4-BE49-F238E27FC236}">
              <a16:creationId xmlns:a16="http://schemas.microsoft.com/office/drawing/2014/main" id="{1CF582B3-447C-4EF1-8AA0-0EB3AAEAFE3F}"/>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92" name="正方形/長方形 691">
          <a:extLst>
            <a:ext uri="{FF2B5EF4-FFF2-40B4-BE49-F238E27FC236}">
              <a16:creationId xmlns:a16="http://schemas.microsoft.com/office/drawing/2014/main" id="{ED8024F4-A835-4FC7-B0C6-462E37FB15F9}"/>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93" name="正方形/長方形 692">
          <a:extLst>
            <a:ext uri="{FF2B5EF4-FFF2-40B4-BE49-F238E27FC236}">
              <a16:creationId xmlns:a16="http://schemas.microsoft.com/office/drawing/2014/main" id="{76AF67C7-D8AA-42DD-B682-9D22D214911A}"/>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94" name="正方形/長方形 693">
          <a:extLst>
            <a:ext uri="{FF2B5EF4-FFF2-40B4-BE49-F238E27FC236}">
              <a16:creationId xmlns:a16="http://schemas.microsoft.com/office/drawing/2014/main" id="{45B99C51-931E-4E68-93A6-EB8B44CD0766}"/>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95" name="正方形/長方形 694">
          <a:extLst>
            <a:ext uri="{FF2B5EF4-FFF2-40B4-BE49-F238E27FC236}">
              <a16:creationId xmlns:a16="http://schemas.microsoft.com/office/drawing/2014/main" id="{5EDDFF58-E8CD-44F7-82E8-5FF826E497DE}"/>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96" name="テキスト ボックス 695">
          <a:extLst>
            <a:ext uri="{FF2B5EF4-FFF2-40B4-BE49-F238E27FC236}">
              <a16:creationId xmlns:a16="http://schemas.microsoft.com/office/drawing/2014/main" id="{CFF73917-4C94-46B0-A920-3C35C5AF5D7C}"/>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97" name="直線コネクタ 696">
          <a:extLst>
            <a:ext uri="{FF2B5EF4-FFF2-40B4-BE49-F238E27FC236}">
              <a16:creationId xmlns:a16="http://schemas.microsoft.com/office/drawing/2014/main" id="{E28A9682-39D6-4F81-A5F8-5855F2E69E21}"/>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698" name="直線コネクタ 697">
          <a:extLst>
            <a:ext uri="{FF2B5EF4-FFF2-40B4-BE49-F238E27FC236}">
              <a16:creationId xmlns:a16="http://schemas.microsoft.com/office/drawing/2014/main" id="{BFA44366-51F2-45B5-84C1-17F4973FB4ED}"/>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699" name="テキスト ボックス 698">
          <a:extLst>
            <a:ext uri="{FF2B5EF4-FFF2-40B4-BE49-F238E27FC236}">
              <a16:creationId xmlns:a16="http://schemas.microsoft.com/office/drawing/2014/main" id="{030E72CD-D508-4B4D-8110-B5E246A3BAF0}"/>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00" name="直線コネクタ 699">
          <a:extLst>
            <a:ext uri="{FF2B5EF4-FFF2-40B4-BE49-F238E27FC236}">
              <a16:creationId xmlns:a16="http://schemas.microsoft.com/office/drawing/2014/main" id="{2852B210-B7F7-4357-AFC8-B8B45A1A2C5B}"/>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01" name="テキスト ボックス 700">
          <a:extLst>
            <a:ext uri="{FF2B5EF4-FFF2-40B4-BE49-F238E27FC236}">
              <a16:creationId xmlns:a16="http://schemas.microsoft.com/office/drawing/2014/main" id="{00DB2D3A-C99A-45AA-8B11-742DD8B42395}"/>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02" name="直線コネクタ 701">
          <a:extLst>
            <a:ext uri="{FF2B5EF4-FFF2-40B4-BE49-F238E27FC236}">
              <a16:creationId xmlns:a16="http://schemas.microsoft.com/office/drawing/2014/main" id="{88CB9E0F-C8AE-4B6D-968F-3415DC41F620}"/>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03" name="テキスト ボックス 702">
          <a:extLst>
            <a:ext uri="{FF2B5EF4-FFF2-40B4-BE49-F238E27FC236}">
              <a16:creationId xmlns:a16="http://schemas.microsoft.com/office/drawing/2014/main" id="{92A67E52-4B42-46CB-BA6E-F852D7571B3F}"/>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04" name="直線コネクタ 703">
          <a:extLst>
            <a:ext uri="{FF2B5EF4-FFF2-40B4-BE49-F238E27FC236}">
              <a16:creationId xmlns:a16="http://schemas.microsoft.com/office/drawing/2014/main" id="{E6FDC423-3A2D-4629-B5B9-E2D9BD23E120}"/>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05" name="テキスト ボックス 704">
          <a:extLst>
            <a:ext uri="{FF2B5EF4-FFF2-40B4-BE49-F238E27FC236}">
              <a16:creationId xmlns:a16="http://schemas.microsoft.com/office/drawing/2014/main" id="{9146DB05-EF7F-43EA-8AFA-EC98ADEC277E}"/>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06" name="直線コネクタ 705">
          <a:extLst>
            <a:ext uri="{FF2B5EF4-FFF2-40B4-BE49-F238E27FC236}">
              <a16:creationId xmlns:a16="http://schemas.microsoft.com/office/drawing/2014/main" id="{61A50704-F3F0-42E6-AD87-36860DDF12E9}"/>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07" name="テキスト ボックス 706">
          <a:extLst>
            <a:ext uri="{FF2B5EF4-FFF2-40B4-BE49-F238E27FC236}">
              <a16:creationId xmlns:a16="http://schemas.microsoft.com/office/drawing/2014/main" id="{DC2B007A-654C-4DAF-B942-82A33AD5E65E}"/>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08" name="直線コネクタ 707">
          <a:extLst>
            <a:ext uri="{FF2B5EF4-FFF2-40B4-BE49-F238E27FC236}">
              <a16:creationId xmlns:a16="http://schemas.microsoft.com/office/drawing/2014/main" id="{01FC3F20-8EA8-48B6-9D03-3993AC070768}"/>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09" name="テキスト ボックス 708">
          <a:extLst>
            <a:ext uri="{FF2B5EF4-FFF2-40B4-BE49-F238E27FC236}">
              <a16:creationId xmlns:a16="http://schemas.microsoft.com/office/drawing/2014/main" id="{90A92059-0C82-4AAC-942E-93C53C49B9A7}"/>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0" name="直線コネクタ 709">
          <a:extLst>
            <a:ext uri="{FF2B5EF4-FFF2-40B4-BE49-F238E27FC236}">
              <a16:creationId xmlns:a16="http://schemas.microsoft.com/office/drawing/2014/main" id="{A798ADAC-184B-4254-B3A1-F74E2AD55197}"/>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1" name="テキスト ボックス 710">
          <a:extLst>
            <a:ext uri="{FF2B5EF4-FFF2-40B4-BE49-F238E27FC236}">
              <a16:creationId xmlns:a16="http://schemas.microsoft.com/office/drawing/2014/main" id="{B7469583-F421-4111-9602-7ED62DB96476}"/>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12" name="【庁舎】&#10;一人当たり面積グラフ枠">
          <a:extLst>
            <a:ext uri="{FF2B5EF4-FFF2-40B4-BE49-F238E27FC236}">
              <a16:creationId xmlns:a16="http://schemas.microsoft.com/office/drawing/2014/main" id="{D1907FA0-A8A7-4D54-82C6-F6515D6BCBAC}"/>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06680</xdr:rowOff>
    </xdr:from>
    <xdr:to>
      <xdr:col>116</xdr:col>
      <xdr:colOff>62864</xdr:colOff>
      <xdr:row>107</xdr:row>
      <xdr:rowOff>156211</xdr:rowOff>
    </xdr:to>
    <xdr:cxnSp macro="">
      <xdr:nvCxnSpPr>
        <xdr:cNvPr id="713" name="直線コネクタ 712">
          <a:extLst>
            <a:ext uri="{FF2B5EF4-FFF2-40B4-BE49-F238E27FC236}">
              <a16:creationId xmlns:a16="http://schemas.microsoft.com/office/drawing/2014/main" id="{62272AF2-1EFB-40F1-A2BA-2FD5DF584DBC}"/>
            </a:ext>
          </a:extLst>
        </xdr:cNvPr>
        <xdr:cNvCxnSpPr/>
      </xdr:nvCxnSpPr>
      <xdr:spPr>
        <a:xfrm flipV="1">
          <a:off x="22160864" y="17251680"/>
          <a:ext cx="0" cy="12496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60038</xdr:rowOff>
    </xdr:from>
    <xdr:ext cx="469744" cy="259045"/>
    <xdr:sp macro="" textlink="">
      <xdr:nvSpPr>
        <xdr:cNvPr id="714" name="【庁舎】&#10;一人当たり面積最小値テキスト">
          <a:extLst>
            <a:ext uri="{FF2B5EF4-FFF2-40B4-BE49-F238E27FC236}">
              <a16:creationId xmlns:a16="http://schemas.microsoft.com/office/drawing/2014/main" id="{B5381BA3-48DD-4F47-B201-16318737E0DA}"/>
            </a:ext>
          </a:extLst>
        </xdr:cNvPr>
        <xdr:cNvSpPr txBox="1"/>
      </xdr:nvSpPr>
      <xdr:spPr>
        <a:xfrm>
          <a:off x="22199600" y="18505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156211</xdr:rowOff>
    </xdr:from>
    <xdr:to>
      <xdr:col>116</xdr:col>
      <xdr:colOff>152400</xdr:colOff>
      <xdr:row>107</xdr:row>
      <xdr:rowOff>156211</xdr:rowOff>
    </xdr:to>
    <xdr:cxnSp macro="">
      <xdr:nvCxnSpPr>
        <xdr:cNvPr id="715" name="直線コネクタ 714">
          <a:extLst>
            <a:ext uri="{FF2B5EF4-FFF2-40B4-BE49-F238E27FC236}">
              <a16:creationId xmlns:a16="http://schemas.microsoft.com/office/drawing/2014/main" id="{84BDCEC8-88E8-413A-B907-7966995AFB51}"/>
            </a:ext>
          </a:extLst>
        </xdr:cNvPr>
        <xdr:cNvCxnSpPr/>
      </xdr:nvCxnSpPr>
      <xdr:spPr>
        <a:xfrm>
          <a:off x="22072600" y="185013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53357</xdr:rowOff>
    </xdr:from>
    <xdr:ext cx="469744" cy="259045"/>
    <xdr:sp macro="" textlink="">
      <xdr:nvSpPr>
        <xdr:cNvPr id="716" name="【庁舎】&#10;一人当たり面積最大値テキスト">
          <a:extLst>
            <a:ext uri="{FF2B5EF4-FFF2-40B4-BE49-F238E27FC236}">
              <a16:creationId xmlns:a16="http://schemas.microsoft.com/office/drawing/2014/main" id="{EFBCCF7A-11C7-48B5-BF64-8A2A2505DC0D}"/>
            </a:ext>
          </a:extLst>
        </xdr:cNvPr>
        <xdr:cNvSpPr txBox="1"/>
      </xdr:nvSpPr>
      <xdr:spPr>
        <a:xfrm>
          <a:off x="22199600" y="17026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06680</xdr:rowOff>
    </xdr:from>
    <xdr:to>
      <xdr:col>116</xdr:col>
      <xdr:colOff>152400</xdr:colOff>
      <xdr:row>100</xdr:row>
      <xdr:rowOff>106680</xdr:rowOff>
    </xdr:to>
    <xdr:cxnSp macro="">
      <xdr:nvCxnSpPr>
        <xdr:cNvPr id="717" name="直線コネクタ 716">
          <a:extLst>
            <a:ext uri="{FF2B5EF4-FFF2-40B4-BE49-F238E27FC236}">
              <a16:creationId xmlns:a16="http://schemas.microsoft.com/office/drawing/2014/main" id="{9F22C6E0-D815-4A01-9895-EC792A80505A}"/>
            </a:ext>
          </a:extLst>
        </xdr:cNvPr>
        <xdr:cNvCxnSpPr/>
      </xdr:nvCxnSpPr>
      <xdr:spPr>
        <a:xfrm>
          <a:off x="22072600" y="17251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52088</xdr:rowOff>
    </xdr:from>
    <xdr:ext cx="469744" cy="259045"/>
    <xdr:sp macro="" textlink="">
      <xdr:nvSpPr>
        <xdr:cNvPr id="718" name="【庁舎】&#10;一人当たり面積平均値テキスト">
          <a:extLst>
            <a:ext uri="{FF2B5EF4-FFF2-40B4-BE49-F238E27FC236}">
              <a16:creationId xmlns:a16="http://schemas.microsoft.com/office/drawing/2014/main" id="{6238083C-503E-49BC-991A-2A5378ADF9FC}"/>
            </a:ext>
          </a:extLst>
        </xdr:cNvPr>
        <xdr:cNvSpPr txBox="1"/>
      </xdr:nvSpPr>
      <xdr:spPr>
        <a:xfrm>
          <a:off x="22199600" y="178828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29211</xdr:rowOff>
    </xdr:from>
    <xdr:to>
      <xdr:col>116</xdr:col>
      <xdr:colOff>114300</xdr:colOff>
      <xdr:row>105</xdr:row>
      <xdr:rowOff>130811</xdr:rowOff>
    </xdr:to>
    <xdr:sp macro="" textlink="">
      <xdr:nvSpPr>
        <xdr:cNvPr id="719" name="フローチャート: 判断 718">
          <a:extLst>
            <a:ext uri="{FF2B5EF4-FFF2-40B4-BE49-F238E27FC236}">
              <a16:creationId xmlns:a16="http://schemas.microsoft.com/office/drawing/2014/main" id="{F263FCA7-59C5-4C66-A480-1B1BE6B97A77}"/>
            </a:ext>
          </a:extLst>
        </xdr:cNvPr>
        <xdr:cNvSpPr/>
      </xdr:nvSpPr>
      <xdr:spPr>
        <a:xfrm>
          <a:off x="22110700" y="1803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45538</xdr:rowOff>
    </xdr:from>
    <xdr:to>
      <xdr:col>112</xdr:col>
      <xdr:colOff>38100</xdr:colOff>
      <xdr:row>105</xdr:row>
      <xdr:rowOff>147138</xdr:rowOff>
    </xdr:to>
    <xdr:sp macro="" textlink="">
      <xdr:nvSpPr>
        <xdr:cNvPr id="720" name="フローチャート: 判断 719">
          <a:extLst>
            <a:ext uri="{FF2B5EF4-FFF2-40B4-BE49-F238E27FC236}">
              <a16:creationId xmlns:a16="http://schemas.microsoft.com/office/drawing/2014/main" id="{5AB0A843-3C11-4E2D-9F8B-BBD0FCC09F27}"/>
            </a:ext>
          </a:extLst>
        </xdr:cNvPr>
        <xdr:cNvSpPr/>
      </xdr:nvSpPr>
      <xdr:spPr>
        <a:xfrm>
          <a:off x="21272500" y="18047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60779</xdr:rowOff>
    </xdr:from>
    <xdr:to>
      <xdr:col>107</xdr:col>
      <xdr:colOff>101600</xdr:colOff>
      <xdr:row>105</xdr:row>
      <xdr:rowOff>162379</xdr:rowOff>
    </xdr:to>
    <xdr:sp macro="" textlink="">
      <xdr:nvSpPr>
        <xdr:cNvPr id="721" name="フローチャート: 判断 720">
          <a:extLst>
            <a:ext uri="{FF2B5EF4-FFF2-40B4-BE49-F238E27FC236}">
              <a16:creationId xmlns:a16="http://schemas.microsoft.com/office/drawing/2014/main" id="{AA69AD50-D1C8-4E28-8FBC-FDDF6201EC16}"/>
            </a:ext>
          </a:extLst>
        </xdr:cNvPr>
        <xdr:cNvSpPr/>
      </xdr:nvSpPr>
      <xdr:spPr>
        <a:xfrm>
          <a:off x="20383500" y="18063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10852</xdr:rowOff>
    </xdr:from>
    <xdr:to>
      <xdr:col>102</xdr:col>
      <xdr:colOff>165100</xdr:colOff>
      <xdr:row>106</xdr:row>
      <xdr:rowOff>41002</xdr:rowOff>
    </xdr:to>
    <xdr:sp macro="" textlink="">
      <xdr:nvSpPr>
        <xdr:cNvPr id="722" name="フローチャート: 判断 721">
          <a:extLst>
            <a:ext uri="{FF2B5EF4-FFF2-40B4-BE49-F238E27FC236}">
              <a16:creationId xmlns:a16="http://schemas.microsoft.com/office/drawing/2014/main" id="{8AAA5751-D05A-493B-95FF-B7F6D2A33714}"/>
            </a:ext>
          </a:extLst>
        </xdr:cNvPr>
        <xdr:cNvSpPr/>
      </xdr:nvSpPr>
      <xdr:spPr>
        <a:xfrm>
          <a:off x="19494500" y="18113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98879</xdr:rowOff>
    </xdr:from>
    <xdr:to>
      <xdr:col>98</xdr:col>
      <xdr:colOff>38100</xdr:colOff>
      <xdr:row>106</xdr:row>
      <xdr:rowOff>29029</xdr:rowOff>
    </xdr:to>
    <xdr:sp macro="" textlink="">
      <xdr:nvSpPr>
        <xdr:cNvPr id="723" name="フローチャート: 判断 722">
          <a:extLst>
            <a:ext uri="{FF2B5EF4-FFF2-40B4-BE49-F238E27FC236}">
              <a16:creationId xmlns:a16="http://schemas.microsoft.com/office/drawing/2014/main" id="{240FAE0B-CD3E-4C57-8290-6A077C3A0592}"/>
            </a:ext>
          </a:extLst>
        </xdr:cNvPr>
        <xdr:cNvSpPr/>
      </xdr:nvSpPr>
      <xdr:spPr>
        <a:xfrm>
          <a:off x="18605500" y="18101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24" name="テキスト ボックス 723">
          <a:extLst>
            <a:ext uri="{FF2B5EF4-FFF2-40B4-BE49-F238E27FC236}">
              <a16:creationId xmlns:a16="http://schemas.microsoft.com/office/drawing/2014/main" id="{124CA264-9A37-4CD1-9969-B1916F039281}"/>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25" name="テキスト ボックス 724">
          <a:extLst>
            <a:ext uri="{FF2B5EF4-FFF2-40B4-BE49-F238E27FC236}">
              <a16:creationId xmlns:a16="http://schemas.microsoft.com/office/drawing/2014/main" id="{8625044E-59E9-4325-BABE-31567D286C73}"/>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26" name="テキスト ボックス 725">
          <a:extLst>
            <a:ext uri="{FF2B5EF4-FFF2-40B4-BE49-F238E27FC236}">
              <a16:creationId xmlns:a16="http://schemas.microsoft.com/office/drawing/2014/main" id="{AC38A284-FCEE-43EE-A4FD-3763A2FCF787}"/>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27" name="テキスト ボックス 726">
          <a:extLst>
            <a:ext uri="{FF2B5EF4-FFF2-40B4-BE49-F238E27FC236}">
              <a16:creationId xmlns:a16="http://schemas.microsoft.com/office/drawing/2014/main" id="{69B0DDCD-9632-4E33-93A2-B5419EBF0642}"/>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28" name="テキスト ボックス 727">
          <a:extLst>
            <a:ext uri="{FF2B5EF4-FFF2-40B4-BE49-F238E27FC236}">
              <a16:creationId xmlns:a16="http://schemas.microsoft.com/office/drawing/2014/main" id="{FDC2A915-835C-4AC5-AD62-51E93EDA69E5}"/>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49893</xdr:rowOff>
    </xdr:from>
    <xdr:to>
      <xdr:col>116</xdr:col>
      <xdr:colOff>114300</xdr:colOff>
      <xdr:row>107</xdr:row>
      <xdr:rowOff>151493</xdr:rowOff>
    </xdr:to>
    <xdr:sp macro="" textlink="">
      <xdr:nvSpPr>
        <xdr:cNvPr id="729" name="楕円 728">
          <a:extLst>
            <a:ext uri="{FF2B5EF4-FFF2-40B4-BE49-F238E27FC236}">
              <a16:creationId xmlns:a16="http://schemas.microsoft.com/office/drawing/2014/main" id="{E03EE57D-0306-43E1-BD48-433AB6FB855A}"/>
            </a:ext>
          </a:extLst>
        </xdr:cNvPr>
        <xdr:cNvSpPr/>
      </xdr:nvSpPr>
      <xdr:spPr>
        <a:xfrm>
          <a:off x="22110700" y="18395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36270</xdr:rowOff>
    </xdr:from>
    <xdr:ext cx="469744" cy="259045"/>
    <xdr:sp macro="" textlink="">
      <xdr:nvSpPr>
        <xdr:cNvPr id="730" name="【庁舎】&#10;一人当たり面積該当値テキスト">
          <a:extLst>
            <a:ext uri="{FF2B5EF4-FFF2-40B4-BE49-F238E27FC236}">
              <a16:creationId xmlns:a16="http://schemas.microsoft.com/office/drawing/2014/main" id="{009A79FD-388E-45D6-93B4-3CBA7997A25A}"/>
            </a:ext>
          </a:extLst>
        </xdr:cNvPr>
        <xdr:cNvSpPr txBox="1"/>
      </xdr:nvSpPr>
      <xdr:spPr>
        <a:xfrm>
          <a:off x="22199600" y="18309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54248</xdr:rowOff>
    </xdr:from>
    <xdr:to>
      <xdr:col>112</xdr:col>
      <xdr:colOff>38100</xdr:colOff>
      <xdr:row>107</xdr:row>
      <xdr:rowOff>155848</xdr:rowOff>
    </xdr:to>
    <xdr:sp macro="" textlink="">
      <xdr:nvSpPr>
        <xdr:cNvPr id="731" name="楕円 730">
          <a:extLst>
            <a:ext uri="{FF2B5EF4-FFF2-40B4-BE49-F238E27FC236}">
              <a16:creationId xmlns:a16="http://schemas.microsoft.com/office/drawing/2014/main" id="{DF946336-87E9-4BB0-83E3-51DCB380F391}"/>
            </a:ext>
          </a:extLst>
        </xdr:cNvPr>
        <xdr:cNvSpPr/>
      </xdr:nvSpPr>
      <xdr:spPr>
        <a:xfrm>
          <a:off x="21272500" y="18399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00693</xdr:rowOff>
    </xdr:from>
    <xdr:to>
      <xdr:col>116</xdr:col>
      <xdr:colOff>63500</xdr:colOff>
      <xdr:row>107</xdr:row>
      <xdr:rowOff>105048</xdr:rowOff>
    </xdr:to>
    <xdr:cxnSp macro="">
      <xdr:nvCxnSpPr>
        <xdr:cNvPr id="732" name="直線コネクタ 731">
          <a:extLst>
            <a:ext uri="{FF2B5EF4-FFF2-40B4-BE49-F238E27FC236}">
              <a16:creationId xmlns:a16="http://schemas.microsoft.com/office/drawing/2014/main" id="{5DA2497B-1485-41D6-991D-9A369334FA16}"/>
            </a:ext>
          </a:extLst>
        </xdr:cNvPr>
        <xdr:cNvCxnSpPr/>
      </xdr:nvCxnSpPr>
      <xdr:spPr>
        <a:xfrm flipV="1">
          <a:off x="21323300" y="18445843"/>
          <a:ext cx="838200" cy="4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59689</xdr:rowOff>
    </xdr:from>
    <xdr:to>
      <xdr:col>107</xdr:col>
      <xdr:colOff>101600</xdr:colOff>
      <xdr:row>107</xdr:row>
      <xdr:rowOff>161289</xdr:rowOff>
    </xdr:to>
    <xdr:sp macro="" textlink="">
      <xdr:nvSpPr>
        <xdr:cNvPr id="733" name="楕円 732">
          <a:extLst>
            <a:ext uri="{FF2B5EF4-FFF2-40B4-BE49-F238E27FC236}">
              <a16:creationId xmlns:a16="http://schemas.microsoft.com/office/drawing/2014/main" id="{323D7E00-BC50-4C1E-A68C-F120997C0CF0}"/>
            </a:ext>
          </a:extLst>
        </xdr:cNvPr>
        <xdr:cNvSpPr/>
      </xdr:nvSpPr>
      <xdr:spPr>
        <a:xfrm>
          <a:off x="20383500" y="18404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05048</xdr:rowOff>
    </xdr:from>
    <xdr:to>
      <xdr:col>111</xdr:col>
      <xdr:colOff>177800</xdr:colOff>
      <xdr:row>107</xdr:row>
      <xdr:rowOff>110489</xdr:rowOff>
    </xdr:to>
    <xdr:cxnSp macro="">
      <xdr:nvCxnSpPr>
        <xdr:cNvPr id="734" name="直線コネクタ 733">
          <a:extLst>
            <a:ext uri="{FF2B5EF4-FFF2-40B4-BE49-F238E27FC236}">
              <a16:creationId xmlns:a16="http://schemas.microsoft.com/office/drawing/2014/main" id="{E538C8C5-D7EE-4D97-A7BA-A7E98DF07FAA}"/>
            </a:ext>
          </a:extLst>
        </xdr:cNvPr>
        <xdr:cNvCxnSpPr/>
      </xdr:nvCxnSpPr>
      <xdr:spPr>
        <a:xfrm flipV="1">
          <a:off x="20434300" y="18450198"/>
          <a:ext cx="889000" cy="5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62956</xdr:rowOff>
    </xdr:from>
    <xdr:to>
      <xdr:col>102</xdr:col>
      <xdr:colOff>165100</xdr:colOff>
      <xdr:row>107</xdr:row>
      <xdr:rowOff>164556</xdr:rowOff>
    </xdr:to>
    <xdr:sp macro="" textlink="">
      <xdr:nvSpPr>
        <xdr:cNvPr id="735" name="楕円 734">
          <a:extLst>
            <a:ext uri="{FF2B5EF4-FFF2-40B4-BE49-F238E27FC236}">
              <a16:creationId xmlns:a16="http://schemas.microsoft.com/office/drawing/2014/main" id="{8E47EC0C-FA30-4153-BF06-1A04DB625727}"/>
            </a:ext>
          </a:extLst>
        </xdr:cNvPr>
        <xdr:cNvSpPr/>
      </xdr:nvSpPr>
      <xdr:spPr>
        <a:xfrm>
          <a:off x="19494500" y="18408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110489</xdr:rowOff>
    </xdr:from>
    <xdr:to>
      <xdr:col>107</xdr:col>
      <xdr:colOff>50800</xdr:colOff>
      <xdr:row>107</xdr:row>
      <xdr:rowOff>113756</xdr:rowOff>
    </xdr:to>
    <xdr:cxnSp macro="">
      <xdr:nvCxnSpPr>
        <xdr:cNvPr id="736" name="直線コネクタ 735">
          <a:extLst>
            <a:ext uri="{FF2B5EF4-FFF2-40B4-BE49-F238E27FC236}">
              <a16:creationId xmlns:a16="http://schemas.microsoft.com/office/drawing/2014/main" id="{95501E82-4694-4279-813F-D283A6974371}"/>
            </a:ext>
          </a:extLst>
        </xdr:cNvPr>
        <xdr:cNvCxnSpPr/>
      </xdr:nvCxnSpPr>
      <xdr:spPr>
        <a:xfrm flipV="1">
          <a:off x="19545300" y="18455639"/>
          <a:ext cx="88900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67311</xdr:rowOff>
    </xdr:from>
    <xdr:to>
      <xdr:col>98</xdr:col>
      <xdr:colOff>38100</xdr:colOff>
      <xdr:row>107</xdr:row>
      <xdr:rowOff>168911</xdr:rowOff>
    </xdr:to>
    <xdr:sp macro="" textlink="">
      <xdr:nvSpPr>
        <xdr:cNvPr id="737" name="楕円 736">
          <a:extLst>
            <a:ext uri="{FF2B5EF4-FFF2-40B4-BE49-F238E27FC236}">
              <a16:creationId xmlns:a16="http://schemas.microsoft.com/office/drawing/2014/main" id="{F054F063-6FCE-4129-BBAB-3C1FAFE1812F}"/>
            </a:ext>
          </a:extLst>
        </xdr:cNvPr>
        <xdr:cNvSpPr/>
      </xdr:nvSpPr>
      <xdr:spPr>
        <a:xfrm>
          <a:off x="18605500" y="18412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113756</xdr:rowOff>
    </xdr:from>
    <xdr:to>
      <xdr:col>102</xdr:col>
      <xdr:colOff>114300</xdr:colOff>
      <xdr:row>107</xdr:row>
      <xdr:rowOff>118111</xdr:rowOff>
    </xdr:to>
    <xdr:cxnSp macro="">
      <xdr:nvCxnSpPr>
        <xdr:cNvPr id="738" name="直線コネクタ 737">
          <a:extLst>
            <a:ext uri="{FF2B5EF4-FFF2-40B4-BE49-F238E27FC236}">
              <a16:creationId xmlns:a16="http://schemas.microsoft.com/office/drawing/2014/main" id="{B2CE652A-908F-4B79-A5D2-95AF66F6DBF8}"/>
            </a:ext>
          </a:extLst>
        </xdr:cNvPr>
        <xdr:cNvCxnSpPr/>
      </xdr:nvCxnSpPr>
      <xdr:spPr>
        <a:xfrm flipV="1">
          <a:off x="18656300" y="18458906"/>
          <a:ext cx="889000" cy="4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163665</xdr:rowOff>
    </xdr:from>
    <xdr:ext cx="469744" cy="259045"/>
    <xdr:sp macro="" textlink="">
      <xdr:nvSpPr>
        <xdr:cNvPr id="739" name="n_1aveValue【庁舎】&#10;一人当たり面積">
          <a:extLst>
            <a:ext uri="{FF2B5EF4-FFF2-40B4-BE49-F238E27FC236}">
              <a16:creationId xmlns:a16="http://schemas.microsoft.com/office/drawing/2014/main" id="{0F5C769E-68FF-4037-A4CB-79E53AB4929E}"/>
            </a:ext>
          </a:extLst>
        </xdr:cNvPr>
        <xdr:cNvSpPr txBox="1"/>
      </xdr:nvSpPr>
      <xdr:spPr>
        <a:xfrm>
          <a:off x="21075727" y="17823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7456</xdr:rowOff>
    </xdr:from>
    <xdr:ext cx="469744" cy="259045"/>
    <xdr:sp macro="" textlink="">
      <xdr:nvSpPr>
        <xdr:cNvPr id="740" name="n_2aveValue【庁舎】&#10;一人当たり面積">
          <a:extLst>
            <a:ext uri="{FF2B5EF4-FFF2-40B4-BE49-F238E27FC236}">
              <a16:creationId xmlns:a16="http://schemas.microsoft.com/office/drawing/2014/main" id="{CC119EA1-7632-477D-BF14-48E4AD43E685}"/>
            </a:ext>
          </a:extLst>
        </xdr:cNvPr>
        <xdr:cNvSpPr txBox="1"/>
      </xdr:nvSpPr>
      <xdr:spPr>
        <a:xfrm>
          <a:off x="20199427" y="17838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57529</xdr:rowOff>
    </xdr:from>
    <xdr:ext cx="469744" cy="259045"/>
    <xdr:sp macro="" textlink="">
      <xdr:nvSpPr>
        <xdr:cNvPr id="741" name="n_3aveValue【庁舎】&#10;一人当たり面積">
          <a:extLst>
            <a:ext uri="{FF2B5EF4-FFF2-40B4-BE49-F238E27FC236}">
              <a16:creationId xmlns:a16="http://schemas.microsoft.com/office/drawing/2014/main" id="{C5660A65-EA2D-461F-AF79-76D6B861EE94}"/>
            </a:ext>
          </a:extLst>
        </xdr:cNvPr>
        <xdr:cNvSpPr txBox="1"/>
      </xdr:nvSpPr>
      <xdr:spPr>
        <a:xfrm>
          <a:off x="19310427" y="178883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45556</xdr:rowOff>
    </xdr:from>
    <xdr:ext cx="469744" cy="259045"/>
    <xdr:sp macro="" textlink="">
      <xdr:nvSpPr>
        <xdr:cNvPr id="742" name="n_4aveValue【庁舎】&#10;一人当たり面積">
          <a:extLst>
            <a:ext uri="{FF2B5EF4-FFF2-40B4-BE49-F238E27FC236}">
              <a16:creationId xmlns:a16="http://schemas.microsoft.com/office/drawing/2014/main" id="{8039DA1A-AE32-44C3-BC31-33261E6E2344}"/>
            </a:ext>
          </a:extLst>
        </xdr:cNvPr>
        <xdr:cNvSpPr txBox="1"/>
      </xdr:nvSpPr>
      <xdr:spPr>
        <a:xfrm>
          <a:off x="18421427" y="17876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46975</xdr:rowOff>
    </xdr:from>
    <xdr:ext cx="469744" cy="259045"/>
    <xdr:sp macro="" textlink="">
      <xdr:nvSpPr>
        <xdr:cNvPr id="743" name="n_1mainValue【庁舎】&#10;一人当たり面積">
          <a:extLst>
            <a:ext uri="{FF2B5EF4-FFF2-40B4-BE49-F238E27FC236}">
              <a16:creationId xmlns:a16="http://schemas.microsoft.com/office/drawing/2014/main" id="{444A52B9-875B-433D-B0AA-9A8DCA6F4161}"/>
            </a:ext>
          </a:extLst>
        </xdr:cNvPr>
        <xdr:cNvSpPr txBox="1"/>
      </xdr:nvSpPr>
      <xdr:spPr>
        <a:xfrm>
          <a:off x="21075727" y="184921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52416</xdr:rowOff>
    </xdr:from>
    <xdr:ext cx="469744" cy="259045"/>
    <xdr:sp macro="" textlink="">
      <xdr:nvSpPr>
        <xdr:cNvPr id="744" name="n_2mainValue【庁舎】&#10;一人当たり面積">
          <a:extLst>
            <a:ext uri="{FF2B5EF4-FFF2-40B4-BE49-F238E27FC236}">
              <a16:creationId xmlns:a16="http://schemas.microsoft.com/office/drawing/2014/main" id="{7746C52E-C2BE-4D46-A0A9-DEAE5B206DC9}"/>
            </a:ext>
          </a:extLst>
        </xdr:cNvPr>
        <xdr:cNvSpPr txBox="1"/>
      </xdr:nvSpPr>
      <xdr:spPr>
        <a:xfrm>
          <a:off x="20199427" y="1849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55683</xdr:rowOff>
    </xdr:from>
    <xdr:ext cx="469744" cy="259045"/>
    <xdr:sp macro="" textlink="">
      <xdr:nvSpPr>
        <xdr:cNvPr id="745" name="n_3mainValue【庁舎】&#10;一人当たり面積">
          <a:extLst>
            <a:ext uri="{FF2B5EF4-FFF2-40B4-BE49-F238E27FC236}">
              <a16:creationId xmlns:a16="http://schemas.microsoft.com/office/drawing/2014/main" id="{21326363-E715-489F-952B-EE08190F86AA}"/>
            </a:ext>
          </a:extLst>
        </xdr:cNvPr>
        <xdr:cNvSpPr txBox="1"/>
      </xdr:nvSpPr>
      <xdr:spPr>
        <a:xfrm>
          <a:off x="19310427" y="18500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160038</xdr:rowOff>
    </xdr:from>
    <xdr:ext cx="469744" cy="259045"/>
    <xdr:sp macro="" textlink="">
      <xdr:nvSpPr>
        <xdr:cNvPr id="746" name="n_4mainValue【庁舎】&#10;一人当たり面積">
          <a:extLst>
            <a:ext uri="{FF2B5EF4-FFF2-40B4-BE49-F238E27FC236}">
              <a16:creationId xmlns:a16="http://schemas.microsoft.com/office/drawing/2014/main" id="{A55E9A77-2481-42CB-9086-FC7FBBC4AB05}"/>
            </a:ext>
          </a:extLst>
        </xdr:cNvPr>
        <xdr:cNvSpPr txBox="1"/>
      </xdr:nvSpPr>
      <xdr:spPr>
        <a:xfrm>
          <a:off x="18421427" y="18505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47" name="正方形/長方形 746">
          <a:extLst>
            <a:ext uri="{FF2B5EF4-FFF2-40B4-BE49-F238E27FC236}">
              <a16:creationId xmlns:a16="http://schemas.microsoft.com/office/drawing/2014/main" id="{3AFE3D49-FB48-40B4-B1B7-3A7CA72B3E06}"/>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48" name="正方形/長方形 747">
          <a:extLst>
            <a:ext uri="{FF2B5EF4-FFF2-40B4-BE49-F238E27FC236}">
              <a16:creationId xmlns:a16="http://schemas.microsoft.com/office/drawing/2014/main" id="{A83997F1-7E54-45BB-B0FB-5B0B02615F12}"/>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49" name="テキスト ボックス 748">
          <a:extLst>
            <a:ext uri="{FF2B5EF4-FFF2-40B4-BE49-F238E27FC236}">
              <a16:creationId xmlns:a16="http://schemas.microsoft.com/office/drawing/2014/main" id="{6E04E682-9ED1-4FA2-B2A3-6567A38C4E93}"/>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図書館（平成</a:t>
          </a:r>
          <a:r>
            <a:rPr kumimoji="1" lang="en-US" altLang="ja-JP" sz="1300">
              <a:latin typeface="ＭＳ Ｐゴシック" panose="020B0600070205080204" pitchFamily="50" charset="-128"/>
              <a:ea typeface="ＭＳ Ｐゴシック" panose="020B0600070205080204" pitchFamily="50" charset="-128"/>
            </a:rPr>
            <a:t>16</a:t>
          </a:r>
          <a:r>
            <a:rPr kumimoji="1" lang="ja-JP" altLang="en-US" sz="1300">
              <a:latin typeface="ＭＳ Ｐゴシック" panose="020B0600070205080204" pitchFamily="50" charset="-128"/>
              <a:ea typeface="ＭＳ Ｐゴシック" panose="020B0600070205080204" pitchFamily="50" charset="-128"/>
            </a:rPr>
            <a:t>年度建設）、体育館（平成７年度建設）は、比較的近年に建設された施設であり、有形固定資産減価償却率は低い水準にあるが、徐々に増加してき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福祉施設、庁舎、消防施設は老朽化が進んでおり、特に消防施設、庁舎の有形固定資産減価償却率は類似団体と比較しても高い。</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各施設、公共施設等総合管理計画及び個別施設計画に基づき適切な管理を進め、必要に応じて施設の更新・統廃合を含めて検討していかなければならない。</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880
6,805
7.05
4,303,093
4,120,947
181,921
2,467,769
3,262,6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4
8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4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財政力指数は平成</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年度は</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0.48</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令和元年度</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0.47</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令和２年度は</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0.45</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令和３年度は</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0.43</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令和４年度は</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0.40</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と減少傾向が続いている。</a:t>
          </a:r>
          <a:endParaRPr lang="ja-JP" altLang="ja-JP" sz="1200">
            <a:effectLst/>
            <a:latin typeface="ＭＳ ゴシック" panose="020B0609070205080204" pitchFamily="49" charset="-128"/>
            <a:ea typeface="ＭＳ ゴシック" panose="020B0609070205080204" pitchFamily="49" charset="-128"/>
          </a:endParaRPr>
        </a:p>
        <a:p>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年度には類似団体平均を</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0.09</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ポイント上回っていたが、ここ数年は上回っているが差が詰まってきている。毎年低下している要因は人口の減少や神奈川県で一番の高齢率に伴う地方税の減少が大きい。生産年齢人口を増加させるため、また減少させないための移住定住事業の促進や地方税の徴収強化の推進により財源確保し、また定員管理・給与の適正化、事務の見直し等による歳出削減を図り財政の健全化に努めていく。</a:t>
          </a:r>
          <a:endParaRPr lang="ja-JP" altLang="ja-JP" sz="1200">
            <a:effectLst/>
            <a:latin typeface="ＭＳ ゴシック" panose="020B0609070205080204" pitchFamily="49" charset="-128"/>
            <a:ea typeface="ＭＳ ゴシック" panose="020B0609070205080204" pitchFamily="49"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id="{00000000-0008-0000-0300-000032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id="{00000000-0008-0000-0300-000033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id="{00000000-0008-0000-0300-000034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id="{00000000-0008-0000-0300-000035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id="{00000000-0008-0000-0300-000036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id="{00000000-0008-0000-0300-000037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id="{00000000-0008-0000-0300-000038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id="{00000000-0008-0000-0300-000039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id="{00000000-0008-0000-0300-00003A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id="{00000000-0008-0000-0300-00003B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id="{00000000-0008-0000-0300-00003C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id="{00000000-0008-0000-0300-00003D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id="{00000000-0008-0000-0300-00003F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id="{00000000-0008-0000-0300-000040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9374</xdr:rowOff>
    </xdr:from>
    <xdr:to>
      <xdr:col>23</xdr:col>
      <xdr:colOff>133350</xdr:colOff>
      <xdr:row>44</xdr:row>
      <xdr:rowOff>119138</xdr:rowOff>
    </xdr:to>
    <xdr:cxnSp macro="">
      <xdr:nvCxnSpPr>
        <xdr:cNvPr id="65" name="直線コネクタ 64">
          <a:extLst>
            <a:ext uri="{FF2B5EF4-FFF2-40B4-BE49-F238E27FC236}">
              <a16:creationId xmlns:a16="http://schemas.microsoft.com/office/drawing/2014/main" id="{00000000-0008-0000-0300-000041000000}"/>
            </a:ext>
          </a:extLst>
        </xdr:cNvPr>
        <xdr:cNvCxnSpPr/>
      </xdr:nvCxnSpPr>
      <xdr:spPr>
        <a:xfrm flipV="1">
          <a:off x="4953000" y="6353024"/>
          <a:ext cx="0" cy="130991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91215</xdr:rowOff>
    </xdr:from>
    <xdr:ext cx="762000" cy="259045"/>
    <xdr:sp macro="" textlink="">
      <xdr:nvSpPr>
        <xdr:cNvPr id="66" name="財政力最小値テキスト">
          <a:extLst>
            <a:ext uri="{FF2B5EF4-FFF2-40B4-BE49-F238E27FC236}">
              <a16:creationId xmlns:a16="http://schemas.microsoft.com/office/drawing/2014/main" id="{00000000-0008-0000-0300-000042000000}"/>
            </a:ext>
          </a:extLst>
        </xdr:cNvPr>
        <xdr:cNvSpPr txBox="1"/>
      </xdr:nvSpPr>
      <xdr:spPr>
        <a:xfrm>
          <a:off x="5041900" y="76350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19138</xdr:rowOff>
    </xdr:from>
    <xdr:to>
      <xdr:col>24</xdr:col>
      <xdr:colOff>12700</xdr:colOff>
      <xdr:row>44</xdr:row>
      <xdr:rowOff>119138</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a:off x="4864100" y="7662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95751</xdr:rowOff>
    </xdr:from>
    <xdr:ext cx="762000" cy="259045"/>
    <xdr:sp macro="" textlink="">
      <xdr:nvSpPr>
        <xdr:cNvPr id="68" name="財政力最大値テキスト">
          <a:extLst>
            <a:ext uri="{FF2B5EF4-FFF2-40B4-BE49-F238E27FC236}">
              <a16:creationId xmlns:a16="http://schemas.microsoft.com/office/drawing/2014/main" id="{00000000-0008-0000-0300-000044000000}"/>
            </a:ext>
          </a:extLst>
        </xdr:cNvPr>
        <xdr:cNvSpPr txBox="1"/>
      </xdr:nvSpPr>
      <xdr:spPr>
        <a:xfrm>
          <a:off x="5041900" y="6096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9374</xdr:rowOff>
    </xdr:from>
    <xdr:to>
      <xdr:col>24</xdr:col>
      <xdr:colOff>12700</xdr:colOff>
      <xdr:row>37</xdr:row>
      <xdr:rowOff>9374</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864100" y="6353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2</xdr:row>
      <xdr:rowOff>151795</xdr:rowOff>
    </xdr:from>
    <xdr:to>
      <xdr:col>23</xdr:col>
      <xdr:colOff>133350</xdr:colOff>
      <xdr:row>43</xdr:row>
      <xdr:rowOff>14817</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114800" y="7352695"/>
          <a:ext cx="8382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130525</xdr:rowOff>
    </xdr:from>
    <xdr:ext cx="762000" cy="259045"/>
    <xdr:sp macro="" textlink="">
      <xdr:nvSpPr>
        <xdr:cNvPr id="71" name="財政力平均値テキスト">
          <a:extLst>
            <a:ext uri="{FF2B5EF4-FFF2-40B4-BE49-F238E27FC236}">
              <a16:creationId xmlns:a16="http://schemas.microsoft.com/office/drawing/2014/main" id="{00000000-0008-0000-0300-000047000000}"/>
            </a:ext>
          </a:extLst>
        </xdr:cNvPr>
        <xdr:cNvSpPr txBox="1"/>
      </xdr:nvSpPr>
      <xdr:spPr>
        <a:xfrm>
          <a:off x="5041900" y="73314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58448</xdr:rowOff>
    </xdr:from>
    <xdr:to>
      <xdr:col>23</xdr:col>
      <xdr:colOff>184150</xdr:colOff>
      <xdr:row>43</xdr:row>
      <xdr:rowOff>88598</xdr:rowOff>
    </xdr:to>
    <xdr:sp macro="" textlink="">
      <xdr:nvSpPr>
        <xdr:cNvPr id="72" name="フローチャート: 判断 71">
          <a:extLst>
            <a:ext uri="{FF2B5EF4-FFF2-40B4-BE49-F238E27FC236}">
              <a16:creationId xmlns:a16="http://schemas.microsoft.com/office/drawing/2014/main" id="{00000000-0008-0000-0300-000048000000}"/>
            </a:ext>
          </a:extLst>
        </xdr:cNvPr>
        <xdr:cNvSpPr/>
      </xdr:nvSpPr>
      <xdr:spPr>
        <a:xfrm>
          <a:off x="4902200" y="7359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2</xdr:row>
      <xdr:rowOff>128815</xdr:rowOff>
    </xdr:from>
    <xdr:to>
      <xdr:col>19</xdr:col>
      <xdr:colOff>133350</xdr:colOff>
      <xdr:row>42</xdr:row>
      <xdr:rowOff>151795</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a:off x="3225800" y="7329715"/>
          <a:ext cx="889000" cy="22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158448</xdr:rowOff>
    </xdr:from>
    <xdr:to>
      <xdr:col>19</xdr:col>
      <xdr:colOff>184150</xdr:colOff>
      <xdr:row>43</xdr:row>
      <xdr:rowOff>88598</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4064000" y="7359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73375</xdr:rowOff>
    </xdr:from>
    <xdr:ext cx="736600" cy="259045"/>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3733800" y="74457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2</xdr:row>
      <xdr:rowOff>105833</xdr:rowOff>
    </xdr:from>
    <xdr:to>
      <xdr:col>15</xdr:col>
      <xdr:colOff>82550</xdr:colOff>
      <xdr:row>42</xdr:row>
      <xdr:rowOff>128815</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a:off x="2336800" y="7306733"/>
          <a:ext cx="889000" cy="22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123976</xdr:rowOff>
    </xdr:from>
    <xdr:to>
      <xdr:col>15</xdr:col>
      <xdr:colOff>133350</xdr:colOff>
      <xdr:row>43</xdr:row>
      <xdr:rowOff>54126</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3175000" y="7324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38903</xdr:rowOff>
    </xdr:from>
    <xdr:ext cx="762000" cy="25904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2844800" y="74112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2</xdr:row>
      <xdr:rowOff>94343</xdr:rowOff>
    </xdr:from>
    <xdr:to>
      <xdr:col>11</xdr:col>
      <xdr:colOff>31750</xdr:colOff>
      <xdr:row>42</xdr:row>
      <xdr:rowOff>105833</xdr:rowOff>
    </xdr:to>
    <xdr:cxnSp macro="">
      <xdr:nvCxnSpPr>
        <xdr:cNvPr id="79" name="直線コネクタ 78">
          <a:extLst>
            <a:ext uri="{FF2B5EF4-FFF2-40B4-BE49-F238E27FC236}">
              <a16:creationId xmlns:a16="http://schemas.microsoft.com/office/drawing/2014/main" id="{00000000-0008-0000-0300-00004F000000}"/>
            </a:ext>
          </a:extLst>
        </xdr:cNvPr>
        <xdr:cNvCxnSpPr/>
      </xdr:nvCxnSpPr>
      <xdr:spPr>
        <a:xfrm>
          <a:off x="1447800" y="7295243"/>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123976</xdr:rowOff>
    </xdr:from>
    <xdr:to>
      <xdr:col>11</xdr:col>
      <xdr:colOff>82550</xdr:colOff>
      <xdr:row>43</xdr:row>
      <xdr:rowOff>54126</xdr:rowOff>
    </xdr:to>
    <xdr:sp macro="" textlink="">
      <xdr:nvSpPr>
        <xdr:cNvPr id="80" name="フローチャート: 判断 79">
          <a:extLst>
            <a:ext uri="{FF2B5EF4-FFF2-40B4-BE49-F238E27FC236}">
              <a16:creationId xmlns:a16="http://schemas.microsoft.com/office/drawing/2014/main" id="{00000000-0008-0000-0300-000050000000}"/>
            </a:ext>
          </a:extLst>
        </xdr:cNvPr>
        <xdr:cNvSpPr/>
      </xdr:nvSpPr>
      <xdr:spPr>
        <a:xfrm>
          <a:off x="2286000" y="7324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38903</xdr:rowOff>
    </xdr:from>
    <xdr:ext cx="762000" cy="25904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1955800" y="74112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146957</xdr:rowOff>
    </xdr:from>
    <xdr:to>
      <xdr:col>7</xdr:col>
      <xdr:colOff>31750</xdr:colOff>
      <xdr:row>43</xdr:row>
      <xdr:rowOff>77107</xdr:rowOff>
    </xdr:to>
    <xdr:sp macro="" textlink="">
      <xdr:nvSpPr>
        <xdr:cNvPr id="82" name="フローチャート: 判断 81">
          <a:extLst>
            <a:ext uri="{FF2B5EF4-FFF2-40B4-BE49-F238E27FC236}">
              <a16:creationId xmlns:a16="http://schemas.microsoft.com/office/drawing/2014/main" id="{00000000-0008-0000-0300-000052000000}"/>
            </a:ext>
          </a:extLst>
        </xdr:cNvPr>
        <xdr:cNvSpPr/>
      </xdr:nvSpPr>
      <xdr:spPr>
        <a:xfrm>
          <a:off x="1397000" y="7347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61884</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1066800" y="7434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35467</xdr:rowOff>
    </xdr:from>
    <xdr:to>
      <xdr:col>23</xdr:col>
      <xdr:colOff>184150</xdr:colOff>
      <xdr:row>43</xdr:row>
      <xdr:rowOff>65617</xdr:rowOff>
    </xdr:to>
    <xdr:sp macro="" textlink="">
      <xdr:nvSpPr>
        <xdr:cNvPr id="89" name="楕円 88">
          <a:extLst>
            <a:ext uri="{FF2B5EF4-FFF2-40B4-BE49-F238E27FC236}">
              <a16:creationId xmlns:a16="http://schemas.microsoft.com/office/drawing/2014/main" id="{00000000-0008-0000-0300-000059000000}"/>
            </a:ext>
          </a:extLst>
        </xdr:cNvPr>
        <xdr:cNvSpPr/>
      </xdr:nvSpPr>
      <xdr:spPr>
        <a:xfrm>
          <a:off x="4902200" y="7336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1</xdr:row>
      <xdr:rowOff>151994</xdr:rowOff>
    </xdr:from>
    <xdr:ext cx="762000" cy="259045"/>
    <xdr:sp macro="" textlink="">
      <xdr:nvSpPr>
        <xdr:cNvPr id="90" name="財政力該当値テキスト">
          <a:extLst>
            <a:ext uri="{FF2B5EF4-FFF2-40B4-BE49-F238E27FC236}">
              <a16:creationId xmlns:a16="http://schemas.microsoft.com/office/drawing/2014/main" id="{00000000-0008-0000-0300-00005A000000}"/>
            </a:ext>
          </a:extLst>
        </xdr:cNvPr>
        <xdr:cNvSpPr txBox="1"/>
      </xdr:nvSpPr>
      <xdr:spPr>
        <a:xfrm>
          <a:off x="5041900" y="7181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2</xdr:row>
      <xdr:rowOff>100995</xdr:rowOff>
    </xdr:from>
    <xdr:to>
      <xdr:col>19</xdr:col>
      <xdr:colOff>184150</xdr:colOff>
      <xdr:row>43</xdr:row>
      <xdr:rowOff>31145</xdr:rowOff>
    </xdr:to>
    <xdr:sp macro="" textlink="">
      <xdr:nvSpPr>
        <xdr:cNvPr id="91" name="楕円 90">
          <a:extLst>
            <a:ext uri="{FF2B5EF4-FFF2-40B4-BE49-F238E27FC236}">
              <a16:creationId xmlns:a16="http://schemas.microsoft.com/office/drawing/2014/main" id="{00000000-0008-0000-0300-00005B000000}"/>
            </a:ext>
          </a:extLst>
        </xdr:cNvPr>
        <xdr:cNvSpPr/>
      </xdr:nvSpPr>
      <xdr:spPr>
        <a:xfrm>
          <a:off x="4064000" y="7301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41322</xdr:rowOff>
    </xdr:from>
    <xdr:ext cx="736600" cy="259045"/>
    <xdr:sp macro="" textlink="">
      <xdr:nvSpPr>
        <xdr:cNvPr id="92" name="テキスト ボックス 91">
          <a:extLst>
            <a:ext uri="{FF2B5EF4-FFF2-40B4-BE49-F238E27FC236}">
              <a16:creationId xmlns:a16="http://schemas.microsoft.com/office/drawing/2014/main" id="{00000000-0008-0000-0300-00005C000000}"/>
            </a:ext>
          </a:extLst>
        </xdr:cNvPr>
        <xdr:cNvSpPr txBox="1"/>
      </xdr:nvSpPr>
      <xdr:spPr>
        <a:xfrm>
          <a:off x="3733800" y="70707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2</xdr:row>
      <xdr:rowOff>78015</xdr:rowOff>
    </xdr:from>
    <xdr:to>
      <xdr:col>15</xdr:col>
      <xdr:colOff>133350</xdr:colOff>
      <xdr:row>43</xdr:row>
      <xdr:rowOff>8165</xdr:rowOff>
    </xdr:to>
    <xdr:sp macro="" textlink="">
      <xdr:nvSpPr>
        <xdr:cNvPr id="93" name="楕円 92">
          <a:extLst>
            <a:ext uri="{FF2B5EF4-FFF2-40B4-BE49-F238E27FC236}">
              <a16:creationId xmlns:a16="http://schemas.microsoft.com/office/drawing/2014/main" id="{00000000-0008-0000-0300-00005D000000}"/>
            </a:ext>
          </a:extLst>
        </xdr:cNvPr>
        <xdr:cNvSpPr/>
      </xdr:nvSpPr>
      <xdr:spPr>
        <a:xfrm>
          <a:off x="3175000" y="7278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8342</xdr:rowOff>
    </xdr:from>
    <xdr:ext cx="762000" cy="259045"/>
    <xdr:sp macro="" textlink="">
      <xdr:nvSpPr>
        <xdr:cNvPr id="94" name="テキスト ボックス 93">
          <a:extLst>
            <a:ext uri="{FF2B5EF4-FFF2-40B4-BE49-F238E27FC236}">
              <a16:creationId xmlns:a16="http://schemas.microsoft.com/office/drawing/2014/main" id="{00000000-0008-0000-0300-00005E000000}"/>
            </a:ext>
          </a:extLst>
        </xdr:cNvPr>
        <xdr:cNvSpPr txBox="1"/>
      </xdr:nvSpPr>
      <xdr:spPr>
        <a:xfrm>
          <a:off x="2844800" y="7047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2</xdr:row>
      <xdr:rowOff>55033</xdr:rowOff>
    </xdr:from>
    <xdr:to>
      <xdr:col>11</xdr:col>
      <xdr:colOff>82550</xdr:colOff>
      <xdr:row>42</xdr:row>
      <xdr:rowOff>156633</xdr:rowOff>
    </xdr:to>
    <xdr:sp macro="" textlink="">
      <xdr:nvSpPr>
        <xdr:cNvPr id="95" name="楕円 94">
          <a:extLst>
            <a:ext uri="{FF2B5EF4-FFF2-40B4-BE49-F238E27FC236}">
              <a16:creationId xmlns:a16="http://schemas.microsoft.com/office/drawing/2014/main" id="{00000000-0008-0000-0300-00005F000000}"/>
            </a:ext>
          </a:extLst>
        </xdr:cNvPr>
        <xdr:cNvSpPr/>
      </xdr:nvSpPr>
      <xdr:spPr>
        <a:xfrm>
          <a:off x="2286000" y="7255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66810</xdr:rowOff>
    </xdr:from>
    <xdr:ext cx="762000" cy="259045"/>
    <xdr:sp macro="" textlink="">
      <xdr:nvSpPr>
        <xdr:cNvPr id="96" name="テキスト ボックス 95">
          <a:extLst>
            <a:ext uri="{FF2B5EF4-FFF2-40B4-BE49-F238E27FC236}">
              <a16:creationId xmlns:a16="http://schemas.microsoft.com/office/drawing/2014/main" id="{00000000-0008-0000-0300-000060000000}"/>
            </a:ext>
          </a:extLst>
        </xdr:cNvPr>
        <xdr:cNvSpPr txBox="1"/>
      </xdr:nvSpPr>
      <xdr:spPr>
        <a:xfrm>
          <a:off x="1955800" y="70248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43543</xdr:rowOff>
    </xdr:from>
    <xdr:to>
      <xdr:col>7</xdr:col>
      <xdr:colOff>31750</xdr:colOff>
      <xdr:row>42</xdr:row>
      <xdr:rowOff>145143</xdr:rowOff>
    </xdr:to>
    <xdr:sp macro="" textlink="">
      <xdr:nvSpPr>
        <xdr:cNvPr id="97" name="楕円 96">
          <a:extLst>
            <a:ext uri="{FF2B5EF4-FFF2-40B4-BE49-F238E27FC236}">
              <a16:creationId xmlns:a16="http://schemas.microsoft.com/office/drawing/2014/main" id="{00000000-0008-0000-0300-000061000000}"/>
            </a:ext>
          </a:extLst>
        </xdr:cNvPr>
        <xdr:cNvSpPr/>
      </xdr:nvSpPr>
      <xdr:spPr>
        <a:xfrm>
          <a:off x="1397000" y="7244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155320</xdr:rowOff>
    </xdr:from>
    <xdr:ext cx="762000" cy="259045"/>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1066800" y="7013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id="{00000000-0008-0000-0300-000063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4.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年度には</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95.3</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であったが、令和</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年度には</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94.5</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と微減している。要因としては、</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扶助</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費、</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公債</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費が増加し、</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人権</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費、</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物件</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費</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補助費等</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が減少している。経常収支比率は類似団体比率を</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常に</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上回っており、前年度に比較し、その差は広がっている。</a:t>
          </a:r>
          <a:endParaRPr lang="ja-JP" altLang="ja-JP" sz="1200">
            <a:effectLst/>
            <a:latin typeface="ＭＳ ゴシック" panose="020B0609070205080204" pitchFamily="49" charset="-128"/>
            <a:ea typeface="ＭＳ ゴシック" panose="020B0609070205080204" pitchFamily="49" charset="-128"/>
          </a:endParaRPr>
        </a:p>
        <a:p>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　公債費では湯河原町真鶴町衛生組合が実施する新たな大規模改修事業、岩漁港東物揚場改修工事の実施</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に伴い</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過疎債等の利用を予定して</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おり、また今後は、</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賃金の上昇に伴う人件費の増加が見込まれる中、単独で行う補助交付金の見直しや削減を検討していくことが必要になる。</a:t>
          </a:r>
          <a:endParaRPr lang="ja-JP" altLang="ja-JP" sz="12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id="{00000000-0008-0000-0300-000071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a:extLst>
            <a:ext uri="{FF2B5EF4-FFF2-40B4-BE49-F238E27FC236}">
              <a16:creationId xmlns:a16="http://schemas.microsoft.com/office/drawing/2014/main" id="{00000000-0008-0000-0300-000073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a:extLst>
            <a:ext uri="{FF2B5EF4-FFF2-40B4-BE49-F238E27FC236}">
              <a16:creationId xmlns:a16="http://schemas.microsoft.com/office/drawing/2014/main" id="{00000000-0008-0000-0300-000074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a:extLst>
            <a:ext uri="{FF2B5EF4-FFF2-40B4-BE49-F238E27FC236}">
              <a16:creationId xmlns:a16="http://schemas.microsoft.com/office/drawing/2014/main" id="{00000000-0008-0000-0300-000075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a:extLst>
            <a:ext uri="{FF2B5EF4-FFF2-40B4-BE49-F238E27FC236}">
              <a16:creationId xmlns:a16="http://schemas.microsoft.com/office/drawing/2014/main" id="{00000000-0008-0000-0300-000076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a:extLst>
            <a:ext uri="{FF2B5EF4-FFF2-40B4-BE49-F238E27FC236}">
              <a16:creationId xmlns:a16="http://schemas.microsoft.com/office/drawing/2014/main" id="{00000000-0008-0000-0300-000077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a:extLst>
            <a:ext uri="{FF2B5EF4-FFF2-40B4-BE49-F238E27FC236}">
              <a16:creationId xmlns:a16="http://schemas.microsoft.com/office/drawing/2014/main" id="{00000000-0008-0000-0300-000078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a:extLst>
            <a:ext uri="{FF2B5EF4-FFF2-40B4-BE49-F238E27FC236}">
              <a16:creationId xmlns:a16="http://schemas.microsoft.com/office/drawing/2014/main" id="{00000000-0008-0000-0300-000079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a:extLst>
            <a:ext uri="{FF2B5EF4-FFF2-40B4-BE49-F238E27FC236}">
              <a16:creationId xmlns:a16="http://schemas.microsoft.com/office/drawing/2014/main" id="{00000000-0008-0000-0300-00007A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a:extLst>
            <a:ext uri="{FF2B5EF4-FFF2-40B4-BE49-F238E27FC236}">
              <a16:creationId xmlns:a16="http://schemas.microsoft.com/office/drawing/2014/main" id="{00000000-0008-0000-0300-00007C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a:extLst>
            <a:ext uri="{FF2B5EF4-FFF2-40B4-BE49-F238E27FC236}">
              <a16:creationId xmlns:a16="http://schemas.microsoft.com/office/drawing/2014/main" id="{00000000-0008-0000-0300-00007D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42418</xdr:rowOff>
    </xdr:from>
    <xdr:to>
      <xdr:col>23</xdr:col>
      <xdr:colOff>133350</xdr:colOff>
      <xdr:row>66</xdr:row>
      <xdr:rowOff>97028</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flipV="1">
          <a:off x="4953000" y="10157968"/>
          <a:ext cx="0" cy="125476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69105</xdr:rowOff>
    </xdr:from>
    <xdr:ext cx="762000" cy="259045"/>
    <xdr:sp macro="" textlink="">
      <xdr:nvSpPr>
        <xdr:cNvPr id="127" name="財政構造の弾力性最小値テキスト">
          <a:extLst>
            <a:ext uri="{FF2B5EF4-FFF2-40B4-BE49-F238E27FC236}">
              <a16:creationId xmlns:a16="http://schemas.microsoft.com/office/drawing/2014/main" id="{00000000-0008-0000-0300-00007F000000}"/>
            </a:ext>
          </a:extLst>
        </xdr:cNvPr>
        <xdr:cNvSpPr txBox="1"/>
      </xdr:nvSpPr>
      <xdr:spPr>
        <a:xfrm>
          <a:off x="5041900" y="11384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97028</xdr:rowOff>
    </xdr:from>
    <xdr:to>
      <xdr:col>24</xdr:col>
      <xdr:colOff>12700</xdr:colOff>
      <xdr:row>66</xdr:row>
      <xdr:rowOff>97028</xdr:rowOff>
    </xdr:to>
    <xdr:cxnSp macro="">
      <xdr:nvCxnSpPr>
        <xdr:cNvPr id="128" name="直線コネクタ 127">
          <a:extLst>
            <a:ext uri="{FF2B5EF4-FFF2-40B4-BE49-F238E27FC236}">
              <a16:creationId xmlns:a16="http://schemas.microsoft.com/office/drawing/2014/main" id="{00000000-0008-0000-0300-000080000000}"/>
            </a:ext>
          </a:extLst>
        </xdr:cNvPr>
        <xdr:cNvCxnSpPr/>
      </xdr:nvCxnSpPr>
      <xdr:spPr>
        <a:xfrm>
          <a:off x="4864100" y="11412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28795</xdr:rowOff>
    </xdr:from>
    <xdr:ext cx="762000" cy="259045"/>
    <xdr:sp macro="" textlink="">
      <xdr:nvSpPr>
        <xdr:cNvPr id="129" name="財政構造の弾力性最大値テキスト">
          <a:extLst>
            <a:ext uri="{FF2B5EF4-FFF2-40B4-BE49-F238E27FC236}">
              <a16:creationId xmlns:a16="http://schemas.microsoft.com/office/drawing/2014/main" id="{00000000-0008-0000-0300-000081000000}"/>
            </a:ext>
          </a:extLst>
        </xdr:cNvPr>
        <xdr:cNvSpPr txBox="1"/>
      </xdr:nvSpPr>
      <xdr:spPr>
        <a:xfrm>
          <a:off x="5041900" y="9901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42418</xdr:rowOff>
    </xdr:from>
    <xdr:to>
      <xdr:col>24</xdr:col>
      <xdr:colOff>12700</xdr:colOff>
      <xdr:row>59</xdr:row>
      <xdr:rowOff>42418</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a:off x="4864100" y="101579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157734</xdr:rowOff>
    </xdr:from>
    <xdr:to>
      <xdr:col>23</xdr:col>
      <xdr:colOff>133350</xdr:colOff>
      <xdr:row>65</xdr:row>
      <xdr:rowOff>109220</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4114800" y="10959084"/>
          <a:ext cx="838200" cy="294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51071</xdr:rowOff>
    </xdr:from>
    <xdr:ext cx="762000" cy="259045"/>
    <xdr:sp macro="" textlink="">
      <xdr:nvSpPr>
        <xdr:cNvPr id="132" name="財政構造の弾力性平均値テキスト">
          <a:extLst>
            <a:ext uri="{FF2B5EF4-FFF2-40B4-BE49-F238E27FC236}">
              <a16:creationId xmlns:a16="http://schemas.microsoft.com/office/drawing/2014/main" id="{00000000-0008-0000-0300-000084000000}"/>
            </a:ext>
          </a:extLst>
        </xdr:cNvPr>
        <xdr:cNvSpPr txBox="1"/>
      </xdr:nvSpPr>
      <xdr:spPr>
        <a:xfrm>
          <a:off x="5041900" y="106809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34544</xdr:rowOff>
    </xdr:from>
    <xdr:to>
      <xdr:col>23</xdr:col>
      <xdr:colOff>184150</xdr:colOff>
      <xdr:row>63</xdr:row>
      <xdr:rowOff>136144</xdr:rowOff>
    </xdr:to>
    <xdr:sp macro="" textlink="">
      <xdr:nvSpPr>
        <xdr:cNvPr id="133" name="フローチャート: 判断 132">
          <a:extLst>
            <a:ext uri="{FF2B5EF4-FFF2-40B4-BE49-F238E27FC236}">
              <a16:creationId xmlns:a16="http://schemas.microsoft.com/office/drawing/2014/main" id="{00000000-0008-0000-0300-000085000000}"/>
            </a:ext>
          </a:extLst>
        </xdr:cNvPr>
        <xdr:cNvSpPr/>
      </xdr:nvSpPr>
      <xdr:spPr>
        <a:xfrm>
          <a:off x="4902200" y="10835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157734</xdr:rowOff>
    </xdr:from>
    <xdr:to>
      <xdr:col>19</xdr:col>
      <xdr:colOff>133350</xdr:colOff>
      <xdr:row>67</xdr:row>
      <xdr:rowOff>7620</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flipV="1">
          <a:off x="3225800" y="10959084"/>
          <a:ext cx="889000" cy="535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46736</xdr:rowOff>
    </xdr:from>
    <xdr:to>
      <xdr:col>19</xdr:col>
      <xdr:colOff>184150</xdr:colOff>
      <xdr:row>62</xdr:row>
      <xdr:rowOff>148336</xdr:rowOff>
    </xdr:to>
    <xdr:sp macro="" textlink="">
      <xdr:nvSpPr>
        <xdr:cNvPr id="135" name="フローチャート: 判断 134">
          <a:extLst>
            <a:ext uri="{FF2B5EF4-FFF2-40B4-BE49-F238E27FC236}">
              <a16:creationId xmlns:a16="http://schemas.microsoft.com/office/drawing/2014/main" id="{00000000-0008-0000-0300-000087000000}"/>
            </a:ext>
          </a:extLst>
        </xdr:cNvPr>
        <xdr:cNvSpPr/>
      </xdr:nvSpPr>
      <xdr:spPr>
        <a:xfrm>
          <a:off x="4064000" y="1067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58513</xdr:rowOff>
    </xdr:from>
    <xdr:ext cx="736600" cy="259045"/>
    <xdr:sp macro="" textlink="">
      <xdr:nvSpPr>
        <xdr:cNvPr id="136" name="テキスト ボックス 135">
          <a:extLst>
            <a:ext uri="{FF2B5EF4-FFF2-40B4-BE49-F238E27FC236}">
              <a16:creationId xmlns:a16="http://schemas.microsoft.com/office/drawing/2014/main" id="{00000000-0008-0000-0300-000088000000}"/>
            </a:ext>
          </a:extLst>
        </xdr:cNvPr>
        <xdr:cNvSpPr txBox="1"/>
      </xdr:nvSpPr>
      <xdr:spPr>
        <a:xfrm>
          <a:off x="3733800" y="104455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104394</xdr:rowOff>
    </xdr:from>
    <xdr:to>
      <xdr:col>15</xdr:col>
      <xdr:colOff>82550</xdr:colOff>
      <xdr:row>67</xdr:row>
      <xdr:rowOff>7620</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a:off x="2336800" y="11248644"/>
          <a:ext cx="889000" cy="24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22352</xdr:rowOff>
    </xdr:from>
    <xdr:to>
      <xdr:col>15</xdr:col>
      <xdr:colOff>133350</xdr:colOff>
      <xdr:row>64</xdr:row>
      <xdr:rowOff>123952</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3175000" y="10995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34129</xdr:rowOff>
    </xdr:from>
    <xdr:ext cx="762000" cy="259045"/>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2844800" y="10764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104394</xdr:rowOff>
    </xdr:from>
    <xdr:to>
      <xdr:col>11</xdr:col>
      <xdr:colOff>31750</xdr:colOff>
      <xdr:row>65</xdr:row>
      <xdr:rowOff>147828</xdr:rowOff>
    </xdr:to>
    <xdr:cxnSp macro="">
      <xdr:nvCxnSpPr>
        <xdr:cNvPr id="140" name="直線コネクタ 139">
          <a:extLst>
            <a:ext uri="{FF2B5EF4-FFF2-40B4-BE49-F238E27FC236}">
              <a16:creationId xmlns:a16="http://schemas.microsoft.com/office/drawing/2014/main" id="{00000000-0008-0000-0300-00008C000000}"/>
            </a:ext>
          </a:extLst>
        </xdr:cNvPr>
        <xdr:cNvCxnSpPr/>
      </xdr:nvCxnSpPr>
      <xdr:spPr>
        <a:xfrm flipV="1">
          <a:off x="1447800" y="11248644"/>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70612</xdr:rowOff>
    </xdr:from>
    <xdr:to>
      <xdr:col>11</xdr:col>
      <xdr:colOff>82550</xdr:colOff>
      <xdr:row>65</xdr:row>
      <xdr:rowOff>762</xdr:rowOff>
    </xdr:to>
    <xdr:sp macro="" textlink="">
      <xdr:nvSpPr>
        <xdr:cNvPr id="141" name="フローチャート: 判断 140">
          <a:extLst>
            <a:ext uri="{FF2B5EF4-FFF2-40B4-BE49-F238E27FC236}">
              <a16:creationId xmlns:a16="http://schemas.microsoft.com/office/drawing/2014/main" id="{00000000-0008-0000-0300-00008D000000}"/>
            </a:ext>
          </a:extLst>
        </xdr:cNvPr>
        <xdr:cNvSpPr/>
      </xdr:nvSpPr>
      <xdr:spPr>
        <a:xfrm>
          <a:off x="2286000" y="11043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10939</xdr:rowOff>
    </xdr:from>
    <xdr:ext cx="7620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1955800" y="108122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51308</xdr:rowOff>
    </xdr:from>
    <xdr:to>
      <xdr:col>7</xdr:col>
      <xdr:colOff>31750</xdr:colOff>
      <xdr:row>64</xdr:row>
      <xdr:rowOff>152908</xdr:rowOff>
    </xdr:to>
    <xdr:sp macro="" textlink="">
      <xdr:nvSpPr>
        <xdr:cNvPr id="143" name="フローチャート: 判断 142">
          <a:extLst>
            <a:ext uri="{FF2B5EF4-FFF2-40B4-BE49-F238E27FC236}">
              <a16:creationId xmlns:a16="http://schemas.microsoft.com/office/drawing/2014/main" id="{00000000-0008-0000-0300-00008F000000}"/>
            </a:ext>
          </a:extLst>
        </xdr:cNvPr>
        <xdr:cNvSpPr/>
      </xdr:nvSpPr>
      <xdr:spPr>
        <a:xfrm>
          <a:off x="1397000" y="11024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63085</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1066800" y="10792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58420</xdr:rowOff>
    </xdr:from>
    <xdr:to>
      <xdr:col>23</xdr:col>
      <xdr:colOff>184150</xdr:colOff>
      <xdr:row>65</xdr:row>
      <xdr:rowOff>160020</xdr:rowOff>
    </xdr:to>
    <xdr:sp macro="" textlink="">
      <xdr:nvSpPr>
        <xdr:cNvPr id="150" name="楕円 149">
          <a:extLst>
            <a:ext uri="{FF2B5EF4-FFF2-40B4-BE49-F238E27FC236}">
              <a16:creationId xmlns:a16="http://schemas.microsoft.com/office/drawing/2014/main" id="{00000000-0008-0000-0300-000096000000}"/>
            </a:ext>
          </a:extLst>
        </xdr:cNvPr>
        <xdr:cNvSpPr/>
      </xdr:nvSpPr>
      <xdr:spPr>
        <a:xfrm>
          <a:off x="4902200" y="11202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5</xdr:row>
      <xdr:rowOff>30497</xdr:rowOff>
    </xdr:from>
    <xdr:ext cx="762000" cy="259045"/>
    <xdr:sp macro="" textlink="">
      <xdr:nvSpPr>
        <xdr:cNvPr id="151" name="財政構造の弾力性該当値テキスト">
          <a:extLst>
            <a:ext uri="{FF2B5EF4-FFF2-40B4-BE49-F238E27FC236}">
              <a16:creationId xmlns:a16="http://schemas.microsoft.com/office/drawing/2014/main" id="{00000000-0008-0000-0300-000097000000}"/>
            </a:ext>
          </a:extLst>
        </xdr:cNvPr>
        <xdr:cNvSpPr txBox="1"/>
      </xdr:nvSpPr>
      <xdr:spPr>
        <a:xfrm>
          <a:off x="5041900" y="11174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106934</xdr:rowOff>
    </xdr:from>
    <xdr:to>
      <xdr:col>19</xdr:col>
      <xdr:colOff>184150</xdr:colOff>
      <xdr:row>64</xdr:row>
      <xdr:rowOff>37084</xdr:rowOff>
    </xdr:to>
    <xdr:sp macro="" textlink="">
      <xdr:nvSpPr>
        <xdr:cNvPr id="152" name="楕円 151">
          <a:extLst>
            <a:ext uri="{FF2B5EF4-FFF2-40B4-BE49-F238E27FC236}">
              <a16:creationId xmlns:a16="http://schemas.microsoft.com/office/drawing/2014/main" id="{00000000-0008-0000-0300-000098000000}"/>
            </a:ext>
          </a:extLst>
        </xdr:cNvPr>
        <xdr:cNvSpPr/>
      </xdr:nvSpPr>
      <xdr:spPr>
        <a:xfrm>
          <a:off x="4064000" y="10908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21861</xdr:rowOff>
    </xdr:from>
    <xdr:ext cx="736600" cy="259045"/>
    <xdr:sp macro="" textlink="">
      <xdr:nvSpPr>
        <xdr:cNvPr id="153" name="テキスト ボックス 152">
          <a:extLst>
            <a:ext uri="{FF2B5EF4-FFF2-40B4-BE49-F238E27FC236}">
              <a16:creationId xmlns:a16="http://schemas.microsoft.com/office/drawing/2014/main" id="{00000000-0008-0000-0300-000099000000}"/>
            </a:ext>
          </a:extLst>
        </xdr:cNvPr>
        <xdr:cNvSpPr txBox="1"/>
      </xdr:nvSpPr>
      <xdr:spPr>
        <a:xfrm>
          <a:off x="3733800" y="109946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128270</xdr:rowOff>
    </xdr:from>
    <xdr:to>
      <xdr:col>15</xdr:col>
      <xdr:colOff>133350</xdr:colOff>
      <xdr:row>67</xdr:row>
      <xdr:rowOff>58420</xdr:rowOff>
    </xdr:to>
    <xdr:sp macro="" textlink="">
      <xdr:nvSpPr>
        <xdr:cNvPr id="154" name="楕円 153">
          <a:extLst>
            <a:ext uri="{FF2B5EF4-FFF2-40B4-BE49-F238E27FC236}">
              <a16:creationId xmlns:a16="http://schemas.microsoft.com/office/drawing/2014/main" id="{00000000-0008-0000-0300-00009A000000}"/>
            </a:ext>
          </a:extLst>
        </xdr:cNvPr>
        <xdr:cNvSpPr/>
      </xdr:nvSpPr>
      <xdr:spPr>
        <a:xfrm>
          <a:off x="3175000" y="11443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7</xdr:row>
      <xdr:rowOff>43197</xdr:rowOff>
    </xdr:from>
    <xdr:ext cx="762000" cy="259045"/>
    <xdr:sp macro="" textlink="">
      <xdr:nvSpPr>
        <xdr:cNvPr id="155" name="テキスト ボックス 154">
          <a:extLst>
            <a:ext uri="{FF2B5EF4-FFF2-40B4-BE49-F238E27FC236}">
              <a16:creationId xmlns:a16="http://schemas.microsoft.com/office/drawing/2014/main" id="{00000000-0008-0000-0300-00009B000000}"/>
            </a:ext>
          </a:extLst>
        </xdr:cNvPr>
        <xdr:cNvSpPr txBox="1"/>
      </xdr:nvSpPr>
      <xdr:spPr>
        <a:xfrm>
          <a:off x="2844800" y="115303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53594</xdr:rowOff>
    </xdr:from>
    <xdr:to>
      <xdr:col>11</xdr:col>
      <xdr:colOff>82550</xdr:colOff>
      <xdr:row>65</xdr:row>
      <xdr:rowOff>155194</xdr:rowOff>
    </xdr:to>
    <xdr:sp macro="" textlink="">
      <xdr:nvSpPr>
        <xdr:cNvPr id="156" name="楕円 155">
          <a:extLst>
            <a:ext uri="{FF2B5EF4-FFF2-40B4-BE49-F238E27FC236}">
              <a16:creationId xmlns:a16="http://schemas.microsoft.com/office/drawing/2014/main" id="{00000000-0008-0000-0300-00009C000000}"/>
            </a:ext>
          </a:extLst>
        </xdr:cNvPr>
        <xdr:cNvSpPr/>
      </xdr:nvSpPr>
      <xdr:spPr>
        <a:xfrm>
          <a:off x="2286000" y="11197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39971</xdr:rowOff>
    </xdr:from>
    <xdr:ext cx="762000" cy="259045"/>
    <xdr:sp macro="" textlink="">
      <xdr:nvSpPr>
        <xdr:cNvPr id="157" name="テキスト ボックス 156">
          <a:extLst>
            <a:ext uri="{FF2B5EF4-FFF2-40B4-BE49-F238E27FC236}">
              <a16:creationId xmlns:a16="http://schemas.microsoft.com/office/drawing/2014/main" id="{00000000-0008-0000-0300-00009D000000}"/>
            </a:ext>
          </a:extLst>
        </xdr:cNvPr>
        <xdr:cNvSpPr txBox="1"/>
      </xdr:nvSpPr>
      <xdr:spPr>
        <a:xfrm>
          <a:off x="1955800" y="11284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97028</xdr:rowOff>
    </xdr:from>
    <xdr:to>
      <xdr:col>7</xdr:col>
      <xdr:colOff>31750</xdr:colOff>
      <xdr:row>66</xdr:row>
      <xdr:rowOff>27178</xdr:rowOff>
    </xdr:to>
    <xdr:sp macro="" textlink="">
      <xdr:nvSpPr>
        <xdr:cNvPr id="158" name="楕円 157">
          <a:extLst>
            <a:ext uri="{FF2B5EF4-FFF2-40B4-BE49-F238E27FC236}">
              <a16:creationId xmlns:a16="http://schemas.microsoft.com/office/drawing/2014/main" id="{00000000-0008-0000-0300-00009E000000}"/>
            </a:ext>
          </a:extLst>
        </xdr:cNvPr>
        <xdr:cNvSpPr/>
      </xdr:nvSpPr>
      <xdr:spPr>
        <a:xfrm>
          <a:off x="1397000" y="11241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11955</xdr:rowOff>
    </xdr:from>
    <xdr:ext cx="762000" cy="259045"/>
    <xdr:sp macro="" textlink="">
      <xdr:nvSpPr>
        <xdr:cNvPr id="159" name="テキスト ボックス 158">
          <a:extLst>
            <a:ext uri="{FF2B5EF4-FFF2-40B4-BE49-F238E27FC236}">
              <a16:creationId xmlns:a16="http://schemas.microsoft.com/office/drawing/2014/main" id="{00000000-0008-0000-0300-00009F000000}"/>
            </a:ext>
          </a:extLst>
        </xdr:cNvPr>
        <xdr:cNvSpPr txBox="1"/>
      </xdr:nvSpPr>
      <xdr:spPr>
        <a:xfrm>
          <a:off x="1066800" y="113276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a:extLst>
            <a:ext uri="{FF2B5EF4-FFF2-40B4-BE49-F238E27FC236}">
              <a16:creationId xmlns:a16="http://schemas.microsoft.com/office/drawing/2014/main" id="{00000000-0008-0000-0300-0000A0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89,10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類似団体平均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2,758</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下回っている。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以降、類似団体平均から徐々に差が広がってきてい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類似団体より低い理由は、ごみ処理業務を一部事務組合、消防事務を湯河原町に委託していること、地域手当を廃止していることなどが主な要因と思われ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物件費では、新規事業の先送り、既存事業の事業内容の見直しによる歳出削減に努めてい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95250</xdr:colOff>
      <xdr:row>77</xdr:row>
      <xdr:rowOff>6350</xdr:rowOff>
    </xdr:from>
    <xdr:ext cx="349839" cy="225703"/>
    <xdr:sp macro="" textlink="">
      <xdr:nvSpPr>
        <xdr:cNvPr id="173" name="テキスト ボックス 172">
          <a:extLst>
            <a:ext uri="{FF2B5EF4-FFF2-40B4-BE49-F238E27FC236}">
              <a16:creationId xmlns:a16="http://schemas.microsoft.com/office/drawing/2014/main" id="{00000000-0008-0000-0300-0000AD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a:extLst>
            <a:ext uri="{FF2B5EF4-FFF2-40B4-BE49-F238E27FC236}">
              <a16:creationId xmlns:a16="http://schemas.microsoft.com/office/drawing/2014/main" id="{00000000-0008-0000-0300-0000AE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6" name="直線コネクタ 175">
          <a:extLst>
            <a:ext uri="{FF2B5EF4-FFF2-40B4-BE49-F238E27FC236}">
              <a16:creationId xmlns:a16="http://schemas.microsoft.com/office/drawing/2014/main" id="{00000000-0008-0000-0300-0000B0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7" name="テキスト ボックス 176">
          <a:extLst>
            <a:ext uri="{FF2B5EF4-FFF2-40B4-BE49-F238E27FC236}">
              <a16:creationId xmlns:a16="http://schemas.microsoft.com/office/drawing/2014/main" id="{00000000-0008-0000-0300-0000B1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8" name="直線コネクタ 177">
          <a:extLst>
            <a:ext uri="{FF2B5EF4-FFF2-40B4-BE49-F238E27FC236}">
              <a16:creationId xmlns:a16="http://schemas.microsoft.com/office/drawing/2014/main" id="{00000000-0008-0000-0300-0000B2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9" name="テキスト ボックス 178">
          <a:extLst>
            <a:ext uri="{FF2B5EF4-FFF2-40B4-BE49-F238E27FC236}">
              <a16:creationId xmlns:a16="http://schemas.microsoft.com/office/drawing/2014/main" id="{00000000-0008-0000-0300-0000B3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0" name="直線コネクタ 179">
          <a:extLst>
            <a:ext uri="{FF2B5EF4-FFF2-40B4-BE49-F238E27FC236}">
              <a16:creationId xmlns:a16="http://schemas.microsoft.com/office/drawing/2014/main" id="{00000000-0008-0000-0300-0000B4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1" name="テキスト ボックス 180">
          <a:extLst>
            <a:ext uri="{FF2B5EF4-FFF2-40B4-BE49-F238E27FC236}">
              <a16:creationId xmlns:a16="http://schemas.microsoft.com/office/drawing/2014/main" id="{00000000-0008-0000-0300-0000B5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2" name="直線コネクタ 181">
          <a:extLst>
            <a:ext uri="{FF2B5EF4-FFF2-40B4-BE49-F238E27FC236}">
              <a16:creationId xmlns:a16="http://schemas.microsoft.com/office/drawing/2014/main" id="{00000000-0008-0000-0300-0000B6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3" name="テキスト ボックス 182">
          <a:extLst>
            <a:ext uri="{FF2B5EF4-FFF2-40B4-BE49-F238E27FC236}">
              <a16:creationId xmlns:a16="http://schemas.microsoft.com/office/drawing/2014/main" id="{00000000-0008-0000-0300-0000B7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5" name="テキスト ボックス 184">
          <a:extLst>
            <a:ext uri="{FF2B5EF4-FFF2-40B4-BE49-F238E27FC236}">
              <a16:creationId xmlns:a16="http://schemas.microsoft.com/office/drawing/2014/main" id="{00000000-0008-0000-0300-0000B9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7" name="テキスト ボックス 186">
          <a:extLst>
            <a:ext uri="{FF2B5EF4-FFF2-40B4-BE49-F238E27FC236}">
              <a16:creationId xmlns:a16="http://schemas.microsoft.com/office/drawing/2014/main" id="{00000000-0008-0000-0300-0000BB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8" name="人件費・物件費等の状況グラフ枠">
          <a:extLst>
            <a:ext uri="{FF2B5EF4-FFF2-40B4-BE49-F238E27FC236}">
              <a16:creationId xmlns:a16="http://schemas.microsoft.com/office/drawing/2014/main" id="{00000000-0008-0000-0300-0000BC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62399</xdr:rowOff>
    </xdr:from>
    <xdr:to>
      <xdr:col>23</xdr:col>
      <xdr:colOff>133350</xdr:colOff>
      <xdr:row>89</xdr:row>
      <xdr:rowOff>90757</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flipV="1">
          <a:off x="4953000" y="13706949"/>
          <a:ext cx="0" cy="164285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62834</xdr:rowOff>
    </xdr:from>
    <xdr:ext cx="762000" cy="259045"/>
    <xdr:sp macro="" textlink="">
      <xdr:nvSpPr>
        <xdr:cNvPr id="190" name="人件費・物件費等の状況最小値テキスト">
          <a:extLst>
            <a:ext uri="{FF2B5EF4-FFF2-40B4-BE49-F238E27FC236}">
              <a16:creationId xmlns:a16="http://schemas.microsoft.com/office/drawing/2014/main" id="{00000000-0008-0000-0300-0000BE000000}"/>
            </a:ext>
          </a:extLst>
        </xdr:cNvPr>
        <xdr:cNvSpPr txBox="1"/>
      </xdr:nvSpPr>
      <xdr:spPr>
        <a:xfrm>
          <a:off x="5041900" y="153218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0,3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90757</xdr:rowOff>
    </xdr:from>
    <xdr:to>
      <xdr:col>24</xdr:col>
      <xdr:colOff>12700</xdr:colOff>
      <xdr:row>89</xdr:row>
      <xdr:rowOff>90757</xdr:rowOff>
    </xdr:to>
    <xdr:cxnSp macro="">
      <xdr:nvCxnSpPr>
        <xdr:cNvPr id="191" name="直線コネクタ 190">
          <a:extLst>
            <a:ext uri="{FF2B5EF4-FFF2-40B4-BE49-F238E27FC236}">
              <a16:creationId xmlns:a16="http://schemas.microsoft.com/office/drawing/2014/main" id="{00000000-0008-0000-0300-0000BF000000}"/>
            </a:ext>
          </a:extLst>
        </xdr:cNvPr>
        <xdr:cNvCxnSpPr/>
      </xdr:nvCxnSpPr>
      <xdr:spPr>
        <a:xfrm>
          <a:off x="4864100" y="15349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77326</xdr:rowOff>
    </xdr:from>
    <xdr:ext cx="762000" cy="259045"/>
    <xdr:sp macro="" textlink="">
      <xdr:nvSpPr>
        <xdr:cNvPr id="192" name="人件費・物件費等の状況最大値テキスト">
          <a:extLst>
            <a:ext uri="{FF2B5EF4-FFF2-40B4-BE49-F238E27FC236}">
              <a16:creationId xmlns:a16="http://schemas.microsoft.com/office/drawing/2014/main" id="{00000000-0008-0000-0300-0000C0000000}"/>
            </a:ext>
          </a:extLst>
        </xdr:cNvPr>
        <xdr:cNvSpPr txBox="1"/>
      </xdr:nvSpPr>
      <xdr:spPr>
        <a:xfrm>
          <a:off x="5041900" y="134504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3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62399</xdr:rowOff>
    </xdr:from>
    <xdr:to>
      <xdr:col>24</xdr:col>
      <xdr:colOff>12700</xdr:colOff>
      <xdr:row>79</xdr:row>
      <xdr:rowOff>162399</xdr:rowOff>
    </xdr:to>
    <xdr:cxnSp macro="">
      <xdr:nvCxnSpPr>
        <xdr:cNvPr id="193" name="直線コネクタ 192">
          <a:extLst>
            <a:ext uri="{FF2B5EF4-FFF2-40B4-BE49-F238E27FC236}">
              <a16:creationId xmlns:a16="http://schemas.microsoft.com/office/drawing/2014/main" id="{00000000-0008-0000-0300-0000C1000000}"/>
            </a:ext>
          </a:extLst>
        </xdr:cNvPr>
        <xdr:cNvCxnSpPr/>
      </xdr:nvCxnSpPr>
      <xdr:spPr>
        <a:xfrm>
          <a:off x="4864100" y="137069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0</xdr:row>
      <xdr:rowOff>54747</xdr:rowOff>
    </xdr:from>
    <xdr:to>
      <xdr:col>23</xdr:col>
      <xdr:colOff>133350</xdr:colOff>
      <xdr:row>80</xdr:row>
      <xdr:rowOff>62751</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114800" y="13770747"/>
          <a:ext cx="838200" cy="8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9207</xdr:rowOff>
    </xdr:from>
    <xdr:ext cx="762000" cy="259045"/>
    <xdr:sp macro="" textlink="">
      <xdr:nvSpPr>
        <xdr:cNvPr id="195" name="人件費・物件費等の状況平均値テキスト">
          <a:extLst>
            <a:ext uri="{FF2B5EF4-FFF2-40B4-BE49-F238E27FC236}">
              <a16:creationId xmlns:a16="http://schemas.microsoft.com/office/drawing/2014/main" id="{00000000-0008-0000-0300-0000C3000000}"/>
            </a:ext>
          </a:extLst>
        </xdr:cNvPr>
        <xdr:cNvSpPr txBox="1"/>
      </xdr:nvSpPr>
      <xdr:spPr>
        <a:xfrm>
          <a:off x="5041900" y="139066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1,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47130</xdr:rowOff>
    </xdr:from>
    <xdr:to>
      <xdr:col>23</xdr:col>
      <xdr:colOff>184150</xdr:colOff>
      <xdr:row>81</xdr:row>
      <xdr:rowOff>148730</xdr:rowOff>
    </xdr:to>
    <xdr:sp macro="" textlink="">
      <xdr:nvSpPr>
        <xdr:cNvPr id="196" name="フローチャート: 判断 195">
          <a:extLst>
            <a:ext uri="{FF2B5EF4-FFF2-40B4-BE49-F238E27FC236}">
              <a16:creationId xmlns:a16="http://schemas.microsoft.com/office/drawing/2014/main" id="{00000000-0008-0000-0300-0000C4000000}"/>
            </a:ext>
          </a:extLst>
        </xdr:cNvPr>
        <xdr:cNvSpPr/>
      </xdr:nvSpPr>
      <xdr:spPr>
        <a:xfrm>
          <a:off x="4902200" y="13934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39129</xdr:rowOff>
    </xdr:from>
    <xdr:to>
      <xdr:col>19</xdr:col>
      <xdr:colOff>133350</xdr:colOff>
      <xdr:row>80</xdr:row>
      <xdr:rowOff>54747</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3225800" y="13755129"/>
          <a:ext cx="889000" cy="15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2767</xdr:rowOff>
    </xdr:from>
    <xdr:to>
      <xdr:col>19</xdr:col>
      <xdr:colOff>184150</xdr:colOff>
      <xdr:row>81</xdr:row>
      <xdr:rowOff>114367</xdr:rowOff>
    </xdr:to>
    <xdr:sp macro="" textlink="">
      <xdr:nvSpPr>
        <xdr:cNvPr id="198" name="フローチャート: 判断 197">
          <a:extLst>
            <a:ext uri="{FF2B5EF4-FFF2-40B4-BE49-F238E27FC236}">
              <a16:creationId xmlns:a16="http://schemas.microsoft.com/office/drawing/2014/main" id="{00000000-0008-0000-0300-0000C6000000}"/>
            </a:ext>
          </a:extLst>
        </xdr:cNvPr>
        <xdr:cNvSpPr/>
      </xdr:nvSpPr>
      <xdr:spPr>
        <a:xfrm>
          <a:off x="4064000" y="13900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99144</xdr:rowOff>
    </xdr:from>
    <xdr:ext cx="736600" cy="259045"/>
    <xdr:sp macro="" textlink="">
      <xdr:nvSpPr>
        <xdr:cNvPr id="199" name="テキスト ボックス 198">
          <a:extLst>
            <a:ext uri="{FF2B5EF4-FFF2-40B4-BE49-F238E27FC236}">
              <a16:creationId xmlns:a16="http://schemas.microsoft.com/office/drawing/2014/main" id="{00000000-0008-0000-0300-0000C7000000}"/>
            </a:ext>
          </a:extLst>
        </xdr:cNvPr>
        <xdr:cNvSpPr txBox="1"/>
      </xdr:nvSpPr>
      <xdr:spPr>
        <a:xfrm>
          <a:off x="3733800" y="139865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33179</xdr:rowOff>
    </xdr:from>
    <xdr:to>
      <xdr:col>15</xdr:col>
      <xdr:colOff>82550</xdr:colOff>
      <xdr:row>80</xdr:row>
      <xdr:rowOff>39129</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2336800" y="13749179"/>
          <a:ext cx="889000" cy="5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0</xdr:row>
      <xdr:rowOff>163063</xdr:rowOff>
    </xdr:from>
    <xdr:to>
      <xdr:col>15</xdr:col>
      <xdr:colOff>133350</xdr:colOff>
      <xdr:row>81</xdr:row>
      <xdr:rowOff>93213</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3175000" y="13879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77990</xdr:rowOff>
    </xdr:from>
    <xdr:ext cx="7620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2844800" y="13965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4334</xdr:rowOff>
    </xdr:from>
    <xdr:to>
      <xdr:col>11</xdr:col>
      <xdr:colOff>31750</xdr:colOff>
      <xdr:row>80</xdr:row>
      <xdr:rowOff>33179</xdr:rowOff>
    </xdr:to>
    <xdr:cxnSp macro="">
      <xdr:nvCxnSpPr>
        <xdr:cNvPr id="203" name="直線コネクタ 202">
          <a:extLst>
            <a:ext uri="{FF2B5EF4-FFF2-40B4-BE49-F238E27FC236}">
              <a16:creationId xmlns:a16="http://schemas.microsoft.com/office/drawing/2014/main" id="{00000000-0008-0000-0300-0000CB000000}"/>
            </a:ext>
          </a:extLst>
        </xdr:cNvPr>
        <xdr:cNvCxnSpPr/>
      </xdr:nvCxnSpPr>
      <xdr:spPr>
        <a:xfrm>
          <a:off x="1447800" y="13730334"/>
          <a:ext cx="889000" cy="18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0</xdr:row>
      <xdr:rowOff>128608</xdr:rowOff>
    </xdr:from>
    <xdr:to>
      <xdr:col>11</xdr:col>
      <xdr:colOff>82550</xdr:colOff>
      <xdr:row>81</xdr:row>
      <xdr:rowOff>58758</xdr:rowOff>
    </xdr:to>
    <xdr:sp macro="" textlink="">
      <xdr:nvSpPr>
        <xdr:cNvPr id="204" name="フローチャート: 判断 203">
          <a:extLst>
            <a:ext uri="{FF2B5EF4-FFF2-40B4-BE49-F238E27FC236}">
              <a16:creationId xmlns:a16="http://schemas.microsoft.com/office/drawing/2014/main" id="{00000000-0008-0000-0300-0000CC000000}"/>
            </a:ext>
          </a:extLst>
        </xdr:cNvPr>
        <xdr:cNvSpPr/>
      </xdr:nvSpPr>
      <xdr:spPr>
        <a:xfrm>
          <a:off x="2286000" y="13844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43535</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1955800" y="13930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13649</xdr:rowOff>
    </xdr:from>
    <xdr:to>
      <xdr:col>7</xdr:col>
      <xdr:colOff>31750</xdr:colOff>
      <xdr:row>81</xdr:row>
      <xdr:rowOff>43799</xdr:rowOff>
    </xdr:to>
    <xdr:sp macro="" textlink="">
      <xdr:nvSpPr>
        <xdr:cNvPr id="206" name="フローチャート: 判断 205">
          <a:extLst>
            <a:ext uri="{FF2B5EF4-FFF2-40B4-BE49-F238E27FC236}">
              <a16:creationId xmlns:a16="http://schemas.microsoft.com/office/drawing/2014/main" id="{00000000-0008-0000-0300-0000CE000000}"/>
            </a:ext>
          </a:extLst>
        </xdr:cNvPr>
        <xdr:cNvSpPr/>
      </xdr:nvSpPr>
      <xdr:spPr>
        <a:xfrm>
          <a:off x="1397000" y="13829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28576</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1066800" y="139160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11951</xdr:rowOff>
    </xdr:from>
    <xdr:to>
      <xdr:col>23</xdr:col>
      <xdr:colOff>184150</xdr:colOff>
      <xdr:row>80</xdr:row>
      <xdr:rowOff>113551</xdr:rowOff>
    </xdr:to>
    <xdr:sp macro="" textlink="">
      <xdr:nvSpPr>
        <xdr:cNvPr id="213" name="楕円 212">
          <a:extLst>
            <a:ext uri="{FF2B5EF4-FFF2-40B4-BE49-F238E27FC236}">
              <a16:creationId xmlns:a16="http://schemas.microsoft.com/office/drawing/2014/main" id="{00000000-0008-0000-0300-0000D5000000}"/>
            </a:ext>
          </a:extLst>
        </xdr:cNvPr>
        <xdr:cNvSpPr/>
      </xdr:nvSpPr>
      <xdr:spPr>
        <a:xfrm>
          <a:off x="4902200" y="13727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79</xdr:row>
      <xdr:rowOff>104678</xdr:rowOff>
    </xdr:from>
    <xdr:ext cx="762000" cy="259045"/>
    <xdr:sp macro="" textlink="">
      <xdr:nvSpPr>
        <xdr:cNvPr id="214" name="人件費・物件費等の状況該当値テキスト">
          <a:extLst>
            <a:ext uri="{FF2B5EF4-FFF2-40B4-BE49-F238E27FC236}">
              <a16:creationId xmlns:a16="http://schemas.microsoft.com/office/drawing/2014/main" id="{00000000-0008-0000-0300-0000D6000000}"/>
            </a:ext>
          </a:extLst>
        </xdr:cNvPr>
        <xdr:cNvSpPr txBox="1"/>
      </xdr:nvSpPr>
      <xdr:spPr>
        <a:xfrm>
          <a:off x="5041900" y="136492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9,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3947</xdr:rowOff>
    </xdr:from>
    <xdr:to>
      <xdr:col>19</xdr:col>
      <xdr:colOff>184150</xdr:colOff>
      <xdr:row>80</xdr:row>
      <xdr:rowOff>105547</xdr:rowOff>
    </xdr:to>
    <xdr:sp macro="" textlink="">
      <xdr:nvSpPr>
        <xdr:cNvPr id="215" name="楕円 214">
          <a:extLst>
            <a:ext uri="{FF2B5EF4-FFF2-40B4-BE49-F238E27FC236}">
              <a16:creationId xmlns:a16="http://schemas.microsoft.com/office/drawing/2014/main" id="{00000000-0008-0000-0300-0000D7000000}"/>
            </a:ext>
          </a:extLst>
        </xdr:cNvPr>
        <xdr:cNvSpPr/>
      </xdr:nvSpPr>
      <xdr:spPr>
        <a:xfrm>
          <a:off x="4064000" y="13719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8</xdr:row>
      <xdr:rowOff>115724</xdr:rowOff>
    </xdr:from>
    <xdr:ext cx="736600" cy="259045"/>
    <xdr:sp macro="" textlink="">
      <xdr:nvSpPr>
        <xdr:cNvPr id="216" name="テキスト ボックス 215">
          <a:extLst>
            <a:ext uri="{FF2B5EF4-FFF2-40B4-BE49-F238E27FC236}">
              <a16:creationId xmlns:a16="http://schemas.microsoft.com/office/drawing/2014/main" id="{00000000-0008-0000-0300-0000D8000000}"/>
            </a:ext>
          </a:extLst>
        </xdr:cNvPr>
        <xdr:cNvSpPr txBox="1"/>
      </xdr:nvSpPr>
      <xdr:spPr>
        <a:xfrm>
          <a:off x="3733800" y="134888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79</xdr:row>
      <xdr:rowOff>159779</xdr:rowOff>
    </xdr:from>
    <xdr:to>
      <xdr:col>15</xdr:col>
      <xdr:colOff>133350</xdr:colOff>
      <xdr:row>80</xdr:row>
      <xdr:rowOff>89929</xdr:rowOff>
    </xdr:to>
    <xdr:sp macro="" textlink="">
      <xdr:nvSpPr>
        <xdr:cNvPr id="217" name="楕円 216">
          <a:extLst>
            <a:ext uri="{FF2B5EF4-FFF2-40B4-BE49-F238E27FC236}">
              <a16:creationId xmlns:a16="http://schemas.microsoft.com/office/drawing/2014/main" id="{00000000-0008-0000-0300-0000D9000000}"/>
            </a:ext>
          </a:extLst>
        </xdr:cNvPr>
        <xdr:cNvSpPr/>
      </xdr:nvSpPr>
      <xdr:spPr>
        <a:xfrm>
          <a:off x="3175000" y="13704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8</xdr:row>
      <xdr:rowOff>100106</xdr:rowOff>
    </xdr:from>
    <xdr:ext cx="762000" cy="259045"/>
    <xdr:sp macro="" textlink="">
      <xdr:nvSpPr>
        <xdr:cNvPr id="218" name="テキスト ボックス 217">
          <a:extLst>
            <a:ext uri="{FF2B5EF4-FFF2-40B4-BE49-F238E27FC236}">
              <a16:creationId xmlns:a16="http://schemas.microsoft.com/office/drawing/2014/main" id="{00000000-0008-0000-0300-0000DA000000}"/>
            </a:ext>
          </a:extLst>
        </xdr:cNvPr>
        <xdr:cNvSpPr txBox="1"/>
      </xdr:nvSpPr>
      <xdr:spPr>
        <a:xfrm>
          <a:off x="2844800" y="134732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79</xdr:row>
      <xdr:rowOff>153829</xdr:rowOff>
    </xdr:from>
    <xdr:to>
      <xdr:col>11</xdr:col>
      <xdr:colOff>82550</xdr:colOff>
      <xdr:row>80</xdr:row>
      <xdr:rowOff>83979</xdr:rowOff>
    </xdr:to>
    <xdr:sp macro="" textlink="">
      <xdr:nvSpPr>
        <xdr:cNvPr id="219" name="楕円 218">
          <a:extLst>
            <a:ext uri="{FF2B5EF4-FFF2-40B4-BE49-F238E27FC236}">
              <a16:creationId xmlns:a16="http://schemas.microsoft.com/office/drawing/2014/main" id="{00000000-0008-0000-0300-0000DB000000}"/>
            </a:ext>
          </a:extLst>
        </xdr:cNvPr>
        <xdr:cNvSpPr/>
      </xdr:nvSpPr>
      <xdr:spPr>
        <a:xfrm>
          <a:off x="2286000" y="13698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94156</xdr:rowOff>
    </xdr:from>
    <xdr:ext cx="762000" cy="259045"/>
    <xdr:sp macro="" textlink="">
      <xdr:nvSpPr>
        <xdr:cNvPr id="220" name="テキスト ボックス 219">
          <a:extLst>
            <a:ext uri="{FF2B5EF4-FFF2-40B4-BE49-F238E27FC236}">
              <a16:creationId xmlns:a16="http://schemas.microsoft.com/office/drawing/2014/main" id="{00000000-0008-0000-0300-0000DC000000}"/>
            </a:ext>
          </a:extLst>
        </xdr:cNvPr>
        <xdr:cNvSpPr txBox="1"/>
      </xdr:nvSpPr>
      <xdr:spPr>
        <a:xfrm>
          <a:off x="1955800" y="13467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3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79</xdr:row>
      <xdr:rowOff>134984</xdr:rowOff>
    </xdr:from>
    <xdr:to>
      <xdr:col>7</xdr:col>
      <xdr:colOff>31750</xdr:colOff>
      <xdr:row>80</xdr:row>
      <xdr:rowOff>65134</xdr:rowOff>
    </xdr:to>
    <xdr:sp macro="" textlink="">
      <xdr:nvSpPr>
        <xdr:cNvPr id="221" name="楕円 220">
          <a:extLst>
            <a:ext uri="{FF2B5EF4-FFF2-40B4-BE49-F238E27FC236}">
              <a16:creationId xmlns:a16="http://schemas.microsoft.com/office/drawing/2014/main" id="{00000000-0008-0000-0300-0000DD000000}"/>
            </a:ext>
          </a:extLst>
        </xdr:cNvPr>
        <xdr:cNvSpPr/>
      </xdr:nvSpPr>
      <xdr:spPr>
        <a:xfrm>
          <a:off x="1397000" y="13679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75311</xdr:rowOff>
    </xdr:from>
    <xdr:ext cx="762000" cy="259045"/>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1066800" y="134484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3" name="正方形/長方形 222">
          <a:extLst>
            <a:ext uri="{FF2B5EF4-FFF2-40B4-BE49-F238E27FC236}">
              <a16:creationId xmlns:a16="http://schemas.microsoft.com/office/drawing/2014/main" id="{00000000-0008-0000-0300-0000DF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4" name="テキスト ボックス 223">
          <a:extLst>
            <a:ext uri="{FF2B5EF4-FFF2-40B4-BE49-F238E27FC236}">
              <a16:creationId xmlns:a16="http://schemas.microsoft.com/office/drawing/2014/main" id="{00000000-0008-0000-0300-0000E0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5" name="テキスト ボックス 234">
          <a:extLst>
            <a:ext uri="{FF2B5EF4-FFF2-40B4-BE49-F238E27FC236}">
              <a16:creationId xmlns:a16="http://schemas.microsoft.com/office/drawing/2014/main" id="{00000000-0008-0000-0300-0000EB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ラスパイレス指数については類似団体平均と比較し、平成３０年度から令和４年度まで常に下回っている。令和４年度には０．４％、前年度に比較し下がってい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給与水準は、国の動向も踏まえながら、引き続き適正な状況にあるよう努めていき、類似団体平均に追いついていけるように進めていく。</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6" name="直線コネクタ 235">
          <a:extLst>
            <a:ext uri="{FF2B5EF4-FFF2-40B4-BE49-F238E27FC236}">
              <a16:creationId xmlns:a16="http://schemas.microsoft.com/office/drawing/2014/main" id="{00000000-0008-0000-0300-0000EC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7" name="テキスト ボックス 236">
          <a:extLst>
            <a:ext uri="{FF2B5EF4-FFF2-40B4-BE49-F238E27FC236}">
              <a16:creationId xmlns:a16="http://schemas.microsoft.com/office/drawing/2014/main" id="{00000000-0008-0000-0300-0000ED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8" name="直線コネクタ 237">
          <a:extLst>
            <a:ext uri="{FF2B5EF4-FFF2-40B4-BE49-F238E27FC236}">
              <a16:creationId xmlns:a16="http://schemas.microsoft.com/office/drawing/2014/main" id="{00000000-0008-0000-0300-0000EE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9" name="テキスト ボックス 238">
          <a:extLst>
            <a:ext uri="{FF2B5EF4-FFF2-40B4-BE49-F238E27FC236}">
              <a16:creationId xmlns:a16="http://schemas.microsoft.com/office/drawing/2014/main" id="{00000000-0008-0000-0300-0000EF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0" name="直線コネクタ 239">
          <a:extLst>
            <a:ext uri="{FF2B5EF4-FFF2-40B4-BE49-F238E27FC236}">
              <a16:creationId xmlns:a16="http://schemas.microsoft.com/office/drawing/2014/main" id="{00000000-0008-0000-0300-0000F0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1" name="テキスト ボックス 240">
          <a:extLst>
            <a:ext uri="{FF2B5EF4-FFF2-40B4-BE49-F238E27FC236}">
              <a16:creationId xmlns:a16="http://schemas.microsoft.com/office/drawing/2014/main" id="{00000000-0008-0000-0300-0000F1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2" name="直線コネクタ 241">
          <a:extLst>
            <a:ext uri="{FF2B5EF4-FFF2-40B4-BE49-F238E27FC236}">
              <a16:creationId xmlns:a16="http://schemas.microsoft.com/office/drawing/2014/main" id="{00000000-0008-0000-0300-0000F2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3" name="テキスト ボックス 242">
          <a:extLst>
            <a:ext uri="{FF2B5EF4-FFF2-40B4-BE49-F238E27FC236}">
              <a16:creationId xmlns:a16="http://schemas.microsoft.com/office/drawing/2014/main" id="{00000000-0008-0000-0300-0000F3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4" name="直線コネクタ 243">
          <a:extLst>
            <a:ext uri="{FF2B5EF4-FFF2-40B4-BE49-F238E27FC236}">
              <a16:creationId xmlns:a16="http://schemas.microsoft.com/office/drawing/2014/main" id="{00000000-0008-0000-0300-0000F4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5" name="テキスト ボックス 244">
          <a:extLst>
            <a:ext uri="{FF2B5EF4-FFF2-40B4-BE49-F238E27FC236}">
              <a16:creationId xmlns:a16="http://schemas.microsoft.com/office/drawing/2014/main" id="{00000000-0008-0000-0300-0000F5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6" name="直線コネクタ 245">
          <a:extLst>
            <a:ext uri="{FF2B5EF4-FFF2-40B4-BE49-F238E27FC236}">
              <a16:creationId xmlns:a16="http://schemas.microsoft.com/office/drawing/2014/main" id="{00000000-0008-0000-0300-0000F6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7" name="テキスト ボックス 246">
          <a:extLst>
            <a:ext uri="{FF2B5EF4-FFF2-40B4-BE49-F238E27FC236}">
              <a16:creationId xmlns:a16="http://schemas.microsoft.com/office/drawing/2014/main" id="{00000000-0008-0000-0300-0000F7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9" name="テキスト ボックス 248">
          <a:extLst>
            <a:ext uri="{FF2B5EF4-FFF2-40B4-BE49-F238E27FC236}">
              <a16:creationId xmlns:a16="http://schemas.microsoft.com/office/drawing/2014/main" id="{00000000-0008-0000-0300-0000F9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1" name="テキスト ボックス 250">
          <a:extLst>
            <a:ext uri="{FF2B5EF4-FFF2-40B4-BE49-F238E27FC236}">
              <a16:creationId xmlns:a16="http://schemas.microsoft.com/office/drawing/2014/main" id="{00000000-0008-0000-0300-0000FB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2" name="給与水準   （国との比較）グラフ枠">
          <a:extLst>
            <a:ext uri="{FF2B5EF4-FFF2-40B4-BE49-F238E27FC236}">
              <a16:creationId xmlns:a16="http://schemas.microsoft.com/office/drawing/2014/main" id="{00000000-0008-0000-0300-0000FC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62593</xdr:rowOff>
    </xdr:from>
    <xdr:to>
      <xdr:col>81</xdr:col>
      <xdr:colOff>44450</xdr:colOff>
      <xdr:row>90</xdr:row>
      <xdr:rowOff>36286</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flipV="1">
          <a:off x="17018000" y="13950043"/>
          <a:ext cx="0" cy="151674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8363</xdr:rowOff>
    </xdr:from>
    <xdr:ext cx="762000" cy="259045"/>
    <xdr:sp macro="" textlink="">
      <xdr:nvSpPr>
        <xdr:cNvPr id="254" name="給与水準   （国との比較）最小値テキスト">
          <a:extLst>
            <a:ext uri="{FF2B5EF4-FFF2-40B4-BE49-F238E27FC236}">
              <a16:creationId xmlns:a16="http://schemas.microsoft.com/office/drawing/2014/main" id="{00000000-0008-0000-0300-0000FE000000}"/>
            </a:ext>
          </a:extLst>
        </xdr:cNvPr>
        <xdr:cNvSpPr txBox="1"/>
      </xdr:nvSpPr>
      <xdr:spPr>
        <a:xfrm>
          <a:off x="17106900" y="15438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6286</xdr:rowOff>
    </xdr:from>
    <xdr:to>
      <xdr:col>81</xdr:col>
      <xdr:colOff>133350</xdr:colOff>
      <xdr:row>90</xdr:row>
      <xdr:rowOff>36286</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a:off x="16929100" y="15466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48970</xdr:rowOff>
    </xdr:from>
    <xdr:ext cx="762000" cy="259045"/>
    <xdr:sp macro="" textlink="">
      <xdr:nvSpPr>
        <xdr:cNvPr id="256" name="給与水準   （国との比較）最大値テキスト">
          <a:extLst>
            <a:ext uri="{FF2B5EF4-FFF2-40B4-BE49-F238E27FC236}">
              <a16:creationId xmlns:a16="http://schemas.microsoft.com/office/drawing/2014/main" id="{00000000-0008-0000-0300-000000010000}"/>
            </a:ext>
          </a:extLst>
        </xdr:cNvPr>
        <xdr:cNvSpPr txBox="1"/>
      </xdr:nvSpPr>
      <xdr:spPr>
        <a:xfrm>
          <a:off x="17106900" y="13693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62593</xdr:rowOff>
    </xdr:from>
    <xdr:to>
      <xdr:col>81</xdr:col>
      <xdr:colOff>133350</xdr:colOff>
      <xdr:row>81</xdr:row>
      <xdr:rowOff>62593</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a:off x="16929100" y="13950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3</xdr:row>
      <xdr:rowOff>144841</xdr:rowOff>
    </xdr:from>
    <xdr:to>
      <xdr:col>81</xdr:col>
      <xdr:colOff>44450</xdr:colOff>
      <xdr:row>84</xdr:row>
      <xdr:rowOff>19352</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flipV="1">
          <a:off x="16179800" y="14375191"/>
          <a:ext cx="838200" cy="45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67932</xdr:rowOff>
    </xdr:from>
    <xdr:ext cx="762000" cy="259045"/>
    <xdr:sp macro="" textlink="">
      <xdr:nvSpPr>
        <xdr:cNvPr id="259" name="給与水準   （国との比較）平均値テキスト">
          <a:extLst>
            <a:ext uri="{FF2B5EF4-FFF2-40B4-BE49-F238E27FC236}">
              <a16:creationId xmlns:a16="http://schemas.microsoft.com/office/drawing/2014/main" id="{00000000-0008-0000-0300-000003010000}"/>
            </a:ext>
          </a:extLst>
        </xdr:cNvPr>
        <xdr:cNvSpPr txBox="1"/>
      </xdr:nvSpPr>
      <xdr:spPr>
        <a:xfrm>
          <a:off x="17106900" y="146411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95855</xdr:rowOff>
    </xdr:from>
    <xdr:to>
      <xdr:col>81</xdr:col>
      <xdr:colOff>95250</xdr:colOff>
      <xdr:row>86</xdr:row>
      <xdr:rowOff>26005</xdr:rowOff>
    </xdr:to>
    <xdr:sp macro="" textlink="">
      <xdr:nvSpPr>
        <xdr:cNvPr id="260" name="フローチャート: 判断 259">
          <a:extLst>
            <a:ext uri="{FF2B5EF4-FFF2-40B4-BE49-F238E27FC236}">
              <a16:creationId xmlns:a16="http://schemas.microsoft.com/office/drawing/2014/main" id="{00000000-0008-0000-0300-000004010000}"/>
            </a:ext>
          </a:extLst>
        </xdr:cNvPr>
        <xdr:cNvSpPr/>
      </xdr:nvSpPr>
      <xdr:spPr>
        <a:xfrm>
          <a:off x="16967200" y="14669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3</xdr:row>
      <xdr:rowOff>75898</xdr:rowOff>
    </xdr:from>
    <xdr:to>
      <xdr:col>77</xdr:col>
      <xdr:colOff>44450</xdr:colOff>
      <xdr:row>84</xdr:row>
      <xdr:rowOff>19352</xdr:rowOff>
    </xdr:to>
    <xdr:cxnSp macro="">
      <xdr:nvCxnSpPr>
        <xdr:cNvPr id="261" name="直線コネクタ 260">
          <a:extLst>
            <a:ext uri="{FF2B5EF4-FFF2-40B4-BE49-F238E27FC236}">
              <a16:creationId xmlns:a16="http://schemas.microsoft.com/office/drawing/2014/main" id="{00000000-0008-0000-0300-000005010000}"/>
            </a:ext>
          </a:extLst>
        </xdr:cNvPr>
        <xdr:cNvCxnSpPr/>
      </xdr:nvCxnSpPr>
      <xdr:spPr>
        <a:xfrm>
          <a:off x="15290800" y="14306248"/>
          <a:ext cx="889000" cy="114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95855</xdr:rowOff>
    </xdr:from>
    <xdr:to>
      <xdr:col>77</xdr:col>
      <xdr:colOff>95250</xdr:colOff>
      <xdr:row>86</xdr:row>
      <xdr:rowOff>26005</xdr:rowOff>
    </xdr:to>
    <xdr:sp macro="" textlink="">
      <xdr:nvSpPr>
        <xdr:cNvPr id="262" name="フローチャート: 判断 261">
          <a:extLst>
            <a:ext uri="{FF2B5EF4-FFF2-40B4-BE49-F238E27FC236}">
              <a16:creationId xmlns:a16="http://schemas.microsoft.com/office/drawing/2014/main" id="{00000000-0008-0000-0300-000006010000}"/>
            </a:ext>
          </a:extLst>
        </xdr:cNvPr>
        <xdr:cNvSpPr/>
      </xdr:nvSpPr>
      <xdr:spPr>
        <a:xfrm>
          <a:off x="16129000" y="14669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0782</xdr:rowOff>
    </xdr:from>
    <xdr:ext cx="736600" cy="259045"/>
    <xdr:sp macro="" textlink="">
      <xdr:nvSpPr>
        <xdr:cNvPr id="263" name="テキスト ボックス 262">
          <a:extLst>
            <a:ext uri="{FF2B5EF4-FFF2-40B4-BE49-F238E27FC236}">
              <a16:creationId xmlns:a16="http://schemas.microsoft.com/office/drawing/2014/main" id="{00000000-0008-0000-0300-000007010000}"/>
            </a:ext>
          </a:extLst>
        </xdr:cNvPr>
        <xdr:cNvSpPr txBox="1"/>
      </xdr:nvSpPr>
      <xdr:spPr>
        <a:xfrm>
          <a:off x="15798800" y="147554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3</xdr:row>
      <xdr:rowOff>64407</xdr:rowOff>
    </xdr:from>
    <xdr:to>
      <xdr:col>72</xdr:col>
      <xdr:colOff>203200</xdr:colOff>
      <xdr:row>83</xdr:row>
      <xdr:rowOff>75898</xdr:rowOff>
    </xdr:to>
    <xdr:cxnSp macro="">
      <xdr:nvCxnSpPr>
        <xdr:cNvPr id="264" name="直線コネクタ 263">
          <a:extLst>
            <a:ext uri="{FF2B5EF4-FFF2-40B4-BE49-F238E27FC236}">
              <a16:creationId xmlns:a16="http://schemas.microsoft.com/office/drawing/2014/main" id="{00000000-0008-0000-0300-000008010000}"/>
            </a:ext>
          </a:extLst>
        </xdr:cNvPr>
        <xdr:cNvCxnSpPr/>
      </xdr:nvCxnSpPr>
      <xdr:spPr>
        <a:xfrm>
          <a:off x="14401800" y="14294757"/>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61384</xdr:rowOff>
    </xdr:from>
    <xdr:to>
      <xdr:col>73</xdr:col>
      <xdr:colOff>44450</xdr:colOff>
      <xdr:row>85</xdr:row>
      <xdr:rowOff>162984</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5240000" y="14634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147761</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4909800" y="147210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3</xdr:row>
      <xdr:rowOff>18445</xdr:rowOff>
    </xdr:from>
    <xdr:to>
      <xdr:col>68</xdr:col>
      <xdr:colOff>152400</xdr:colOff>
      <xdr:row>83</xdr:row>
      <xdr:rowOff>64407</xdr:rowOff>
    </xdr:to>
    <xdr:cxnSp macro="">
      <xdr:nvCxnSpPr>
        <xdr:cNvPr id="267" name="直線コネクタ 266">
          <a:extLst>
            <a:ext uri="{FF2B5EF4-FFF2-40B4-BE49-F238E27FC236}">
              <a16:creationId xmlns:a16="http://schemas.microsoft.com/office/drawing/2014/main" id="{00000000-0008-0000-0300-00000B010000}"/>
            </a:ext>
          </a:extLst>
        </xdr:cNvPr>
        <xdr:cNvCxnSpPr/>
      </xdr:nvCxnSpPr>
      <xdr:spPr>
        <a:xfrm>
          <a:off x="13512800" y="14248795"/>
          <a:ext cx="88900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26912</xdr:rowOff>
    </xdr:from>
    <xdr:to>
      <xdr:col>68</xdr:col>
      <xdr:colOff>203200</xdr:colOff>
      <xdr:row>85</xdr:row>
      <xdr:rowOff>128512</xdr:rowOff>
    </xdr:to>
    <xdr:sp macro="" textlink="">
      <xdr:nvSpPr>
        <xdr:cNvPr id="268" name="フローチャート: 判断 267">
          <a:extLst>
            <a:ext uri="{FF2B5EF4-FFF2-40B4-BE49-F238E27FC236}">
              <a16:creationId xmlns:a16="http://schemas.microsoft.com/office/drawing/2014/main" id="{00000000-0008-0000-0300-00000C010000}"/>
            </a:ext>
          </a:extLst>
        </xdr:cNvPr>
        <xdr:cNvSpPr/>
      </xdr:nvSpPr>
      <xdr:spPr>
        <a:xfrm>
          <a:off x="14351000" y="14600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13289</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4020800" y="146865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26912</xdr:rowOff>
    </xdr:from>
    <xdr:to>
      <xdr:col>64</xdr:col>
      <xdr:colOff>152400</xdr:colOff>
      <xdr:row>85</xdr:row>
      <xdr:rowOff>128512</xdr:rowOff>
    </xdr:to>
    <xdr:sp macro="" textlink="">
      <xdr:nvSpPr>
        <xdr:cNvPr id="270" name="フローチャート: 判断 269">
          <a:extLst>
            <a:ext uri="{FF2B5EF4-FFF2-40B4-BE49-F238E27FC236}">
              <a16:creationId xmlns:a16="http://schemas.microsoft.com/office/drawing/2014/main" id="{00000000-0008-0000-0300-00000E010000}"/>
            </a:ext>
          </a:extLst>
        </xdr:cNvPr>
        <xdr:cNvSpPr/>
      </xdr:nvSpPr>
      <xdr:spPr>
        <a:xfrm>
          <a:off x="13462000" y="14600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13289</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3131800" y="146865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94041</xdr:rowOff>
    </xdr:from>
    <xdr:to>
      <xdr:col>81</xdr:col>
      <xdr:colOff>95250</xdr:colOff>
      <xdr:row>84</xdr:row>
      <xdr:rowOff>24191</xdr:rowOff>
    </xdr:to>
    <xdr:sp macro="" textlink="">
      <xdr:nvSpPr>
        <xdr:cNvPr id="277" name="楕円 276">
          <a:extLst>
            <a:ext uri="{FF2B5EF4-FFF2-40B4-BE49-F238E27FC236}">
              <a16:creationId xmlns:a16="http://schemas.microsoft.com/office/drawing/2014/main" id="{00000000-0008-0000-0300-000015010000}"/>
            </a:ext>
          </a:extLst>
        </xdr:cNvPr>
        <xdr:cNvSpPr/>
      </xdr:nvSpPr>
      <xdr:spPr>
        <a:xfrm>
          <a:off x="16967200" y="14324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2</xdr:row>
      <xdr:rowOff>110568</xdr:rowOff>
    </xdr:from>
    <xdr:ext cx="762000" cy="259045"/>
    <xdr:sp macro="" textlink="">
      <xdr:nvSpPr>
        <xdr:cNvPr id="278" name="給与水準   （国との比較）該当値テキスト">
          <a:extLst>
            <a:ext uri="{FF2B5EF4-FFF2-40B4-BE49-F238E27FC236}">
              <a16:creationId xmlns:a16="http://schemas.microsoft.com/office/drawing/2014/main" id="{00000000-0008-0000-0300-000016010000}"/>
            </a:ext>
          </a:extLst>
        </xdr:cNvPr>
        <xdr:cNvSpPr txBox="1"/>
      </xdr:nvSpPr>
      <xdr:spPr>
        <a:xfrm>
          <a:off x="17106900" y="14169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3</xdr:row>
      <xdr:rowOff>140002</xdr:rowOff>
    </xdr:from>
    <xdr:to>
      <xdr:col>77</xdr:col>
      <xdr:colOff>95250</xdr:colOff>
      <xdr:row>84</xdr:row>
      <xdr:rowOff>70152</xdr:rowOff>
    </xdr:to>
    <xdr:sp macro="" textlink="">
      <xdr:nvSpPr>
        <xdr:cNvPr id="279" name="楕円 278">
          <a:extLst>
            <a:ext uri="{FF2B5EF4-FFF2-40B4-BE49-F238E27FC236}">
              <a16:creationId xmlns:a16="http://schemas.microsoft.com/office/drawing/2014/main" id="{00000000-0008-0000-0300-000017010000}"/>
            </a:ext>
          </a:extLst>
        </xdr:cNvPr>
        <xdr:cNvSpPr/>
      </xdr:nvSpPr>
      <xdr:spPr>
        <a:xfrm>
          <a:off x="16129000" y="14370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80329</xdr:rowOff>
    </xdr:from>
    <xdr:ext cx="736600" cy="259045"/>
    <xdr:sp macro="" textlink="">
      <xdr:nvSpPr>
        <xdr:cNvPr id="280" name="テキスト ボックス 279">
          <a:extLst>
            <a:ext uri="{FF2B5EF4-FFF2-40B4-BE49-F238E27FC236}">
              <a16:creationId xmlns:a16="http://schemas.microsoft.com/office/drawing/2014/main" id="{00000000-0008-0000-0300-000018010000}"/>
            </a:ext>
          </a:extLst>
        </xdr:cNvPr>
        <xdr:cNvSpPr txBox="1"/>
      </xdr:nvSpPr>
      <xdr:spPr>
        <a:xfrm>
          <a:off x="15798800" y="141392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3</xdr:row>
      <xdr:rowOff>25098</xdr:rowOff>
    </xdr:from>
    <xdr:to>
      <xdr:col>73</xdr:col>
      <xdr:colOff>44450</xdr:colOff>
      <xdr:row>83</xdr:row>
      <xdr:rowOff>126698</xdr:rowOff>
    </xdr:to>
    <xdr:sp macro="" textlink="">
      <xdr:nvSpPr>
        <xdr:cNvPr id="281" name="楕円 280">
          <a:extLst>
            <a:ext uri="{FF2B5EF4-FFF2-40B4-BE49-F238E27FC236}">
              <a16:creationId xmlns:a16="http://schemas.microsoft.com/office/drawing/2014/main" id="{00000000-0008-0000-0300-000019010000}"/>
            </a:ext>
          </a:extLst>
        </xdr:cNvPr>
        <xdr:cNvSpPr/>
      </xdr:nvSpPr>
      <xdr:spPr>
        <a:xfrm>
          <a:off x="15240000" y="14255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1</xdr:row>
      <xdr:rowOff>136875</xdr:rowOff>
    </xdr:from>
    <xdr:ext cx="762000" cy="259045"/>
    <xdr:sp macro="" textlink="">
      <xdr:nvSpPr>
        <xdr:cNvPr id="282" name="テキスト ボックス 281">
          <a:extLst>
            <a:ext uri="{FF2B5EF4-FFF2-40B4-BE49-F238E27FC236}">
              <a16:creationId xmlns:a16="http://schemas.microsoft.com/office/drawing/2014/main" id="{00000000-0008-0000-0300-00001A010000}"/>
            </a:ext>
          </a:extLst>
        </xdr:cNvPr>
        <xdr:cNvSpPr txBox="1"/>
      </xdr:nvSpPr>
      <xdr:spPr>
        <a:xfrm>
          <a:off x="14909800" y="140243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3</xdr:row>
      <xdr:rowOff>13607</xdr:rowOff>
    </xdr:from>
    <xdr:to>
      <xdr:col>68</xdr:col>
      <xdr:colOff>203200</xdr:colOff>
      <xdr:row>83</xdr:row>
      <xdr:rowOff>115207</xdr:rowOff>
    </xdr:to>
    <xdr:sp macro="" textlink="">
      <xdr:nvSpPr>
        <xdr:cNvPr id="283" name="楕円 282">
          <a:extLst>
            <a:ext uri="{FF2B5EF4-FFF2-40B4-BE49-F238E27FC236}">
              <a16:creationId xmlns:a16="http://schemas.microsoft.com/office/drawing/2014/main" id="{00000000-0008-0000-0300-00001B010000}"/>
            </a:ext>
          </a:extLst>
        </xdr:cNvPr>
        <xdr:cNvSpPr/>
      </xdr:nvSpPr>
      <xdr:spPr>
        <a:xfrm>
          <a:off x="14351000" y="1424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1</xdr:row>
      <xdr:rowOff>125384</xdr:rowOff>
    </xdr:from>
    <xdr:ext cx="762000" cy="259045"/>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4020800" y="14012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2</xdr:row>
      <xdr:rowOff>139095</xdr:rowOff>
    </xdr:from>
    <xdr:to>
      <xdr:col>64</xdr:col>
      <xdr:colOff>152400</xdr:colOff>
      <xdr:row>83</xdr:row>
      <xdr:rowOff>69245</xdr:rowOff>
    </xdr:to>
    <xdr:sp macro="" textlink="">
      <xdr:nvSpPr>
        <xdr:cNvPr id="285" name="楕円 284">
          <a:extLst>
            <a:ext uri="{FF2B5EF4-FFF2-40B4-BE49-F238E27FC236}">
              <a16:creationId xmlns:a16="http://schemas.microsoft.com/office/drawing/2014/main" id="{00000000-0008-0000-0300-00001D010000}"/>
            </a:ext>
          </a:extLst>
        </xdr:cNvPr>
        <xdr:cNvSpPr/>
      </xdr:nvSpPr>
      <xdr:spPr>
        <a:xfrm>
          <a:off x="13462000" y="14197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1</xdr:row>
      <xdr:rowOff>79422</xdr:rowOff>
    </xdr:from>
    <xdr:ext cx="762000" cy="259045"/>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3131800" y="139668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8" name="テキスト ボックス 287">
          <a:extLst>
            <a:ext uri="{FF2B5EF4-FFF2-40B4-BE49-F238E27FC236}">
              <a16:creationId xmlns:a16="http://schemas.microsoft.com/office/drawing/2014/main" id="{00000000-0008-0000-0300-000020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9" name="テキスト ボックス 288">
          <a:extLst>
            <a:ext uri="{FF2B5EF4-FFF2-40B4-BE49-F238E27FC236}">
              <a16:creationId xmlns:a16="http://schemas.microsoft.com/office/drawing/2014/main" id="{00000000-0008-0000-0300-000021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6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から令和３年度までは微増で推移しているが、令和４年度は微減している。類似団体平均を下回っているが、全国平均、県平均は上回ってい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町の人口は毎年減少していることが主な要因と考えられる。今後は、職員の能力、資質の向上に努め、適正な定員管理に努めていく。</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1</xdr:col>
      <xdr:colOff>6350</xdr:colOff>
      <xdr:row>54</xdr:row>
      <xdr:rowOff>139700</xdr:rowOff>
    </xdr:from>
    <xdr:ext cx="349839" cy="225703"/>
    <xdr:sp macro="" textlink="">
      <xdr:nvSpPr>
        <xdr:cNvPr id="300" name="テキスト ボックス 299">
          <a:extLst>
            <a:ext uri="{FF2B5EF4-FFF2-40B4-BE49-F238E27FC236}">
              <a16:creationId xmlns:a16="http://schemas.microsoft.com/office/drawing/2014/main" id="{00000000-0008-0000-0300-00002C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1" name="直線コネクタ 300">
          <a:extLst>
            <a:ext uri="{FF2B5EF4-FFF2-40B4-BE49-F238E27FC236}">
              <a16:creationId xmlns:a16="http://schemas.microsoft.com/office/drawing/2014/main" id="{00000000-0008-0000-0300-00002D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3" name="直線コネクタ 302">
          <a:extLst>
            <a:ext uri="{FF2B5EF4-FFF2-40B4-BE49-F238E27FC236}">
              <a16:creationId xmlns:a16="http://schemas.microsoft.com/office/drawing/2014/main" id="{00000000-0008-0000-0300-00002F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4" name="テキスト ボックス 303">
          <a:extLst>
            <a:ext uri="{FF2B5EF4-FFF2-40B4-BE49-F238E27FC236}">
              <a16:creationId xmlns:a16="http://schemas.microsoft.com/office/drawing/2014/main" id="{00000000-0008-0000-0300-000030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5" name="直線コネクタ 304">
          <a:extLst>
            <a:ext uri="{FF2B5EF4-FFF2-40B4-BE49-F238E27FC236}">
              <a16:creationId xmlns:a16="http://schemas.microsoft.com/office/drawing/2014/main" id="{00000000-0008-0000-0300-000031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6" name="テキスト ボックス 305">
          <a:extLst>
            <a:ext uri="{FF2B5EF4-FFF2-40B4-BE49-F238E27FC236}">
              <a16:creationId xmlns:a16="http://schemas.microsoft.com/office/drawing/2014/main" id="{00000000-0008-0000-0300-000032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7" name="直線コネクタ 306">
          <a:extLst>
            <a:ext uri="{FF2B5EF4-FFF2-40B4-BE49-F238E27FC236}">
              <a16:creationId xmlns:a16="http://schemas.microsoft.com/office/drawing/2014/main" id="{00000000-0008-0000-0300-000033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8" name="テキスト ボックス 307">
          <a:extLst>
            <a:ext uri="{FF2B5EF4-FFF2-40B4-BE49-F238E27FC236}">
              <a16:creationId xmlns:a16="http://schemas.microsoft.com/office/drawing/2014/main" id="{00000000-0008-0000-0300-000034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9" name="直線コネクタ 308">
          <a:extLst>
            <a:ext uri="{FF2B5EF4-FFF2-40B4-BE49-F238E27FC236}">
              <a16:creationId xmlns:a16="http://schemas.microsoft.com/office/drawing/2014/main" id="{00000000-0008-0000-0300-000035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0" name="テキスト ボックス 309">
          <a:extLst>
            <a:ext uri="{FF2B5EF4-FFF2-40B4-BE49-F238E27FC236}">
              <a16:creationId xmlns:a16="http://schemas.microsoft.com/office/drawing/2014/main" id="{00000000-0008-0000-0300-000036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1" name="直線コネクタ 310">
          <a:extLst>
            <a:ext uri="{FF2B5EF4-FFF2-40B4-BE49-F238E27FC236}">
              <a16:creationId xmlns:a16="http://schemas.microsoft.com/office/drawing/2014/main" id="{00000000-0008-0000-0300-000037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2" name="テキスト ボックス 311">
          <a:extLst>
            <a:ext uri="{FF2B5EF4-FFF2-40B4-BE49-F238E27FC236}">
              <a16:creationId xmlns:a16="http://schemas.microsoft.com/office/drawing/2014/main" id="{00000000-0008-0000-0300-000038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4" name="テキスト ボックス 313">
          <a:extLst>
            <a:ext uri="{FF2B5EF4-FFF2-40B4-BE49-F238E27FC236}">
              <a16:creationId xmlns:a16="http://schemas.microsoft.com/office/drawing/2014/main" id="{00000000-0008-0000-0300-00003A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5" name="定員管理の状況グラフ枠">
          <a:extLst>
            <a:ext uri="{FF2B5EF4-FFF2-40B4-BE49-F238E27FC236}">
              <a16:creationId xmlns:a16="http://schemas.microsoft.com/office/drawing/2014/main" id="{00000000-0008-0000-0300-00003B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43764</xdr:rowOff>
    </xdr:from>
    <xdr:to>
      <xdr:col>81</xdr:col>
      <xdr:colOff>44450</xdr:colOff>
      <xdr:row>67</xdr:row>
      <xdr:rowOff>63119</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flipV="1">
          <a:off x="17018000" y="10259314"/>
          <a:ext cx="0" cy="129095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35196</xdr:rowOff>
    </xdr:from>
    <xdr:ext cx="762000" cy="259045"/>
    <xdr:sp macro="" textlink="">
      <xdr:nvSpPr>
        <xdr:cNvPr id="317" name="定員管理の状況最小値テキスト">
          <a:extLst>
            <a:ext uri="{FF2B5EF4-FFF2-40B4-BE49-F238E27FC236}">
              <a16:creationId xmlns:a16="http://schemas.microsoft.com/office/drawing/2014/main" id="{00000000-0008-0000-0300-00003D010000}"/>
            </a:ext>
          </a:extLst>
        </xdr:cNvPr>
        <xdr:cNvSpPr txBox="1"/>
      </xdr:nvSpPr>
      <xdr:spPr>
        <a:xfrm>
          <a:off x="17106900" y="115223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63119</xdr:rowOff>
    </xdr:from>
    <xdr:to>
      <xdr:col>81</xdr:col>
      <xdr:colOff>133350</xdr:colOff>
      <xdr:row>67</xdr:row>
      <xdr:rowOff>63119</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6929100" y="115502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58691</xdr:rowOff>
    </xdr:from>
    <xdr:ext cx="762000" cy="259045"/>
    <xdr:sp macro="" textlink="">
      <xdr:nvSpPr>
        <xdr:cNvPr id="319" name="定員管理の状況最大値テキスト">
          <a:extLst>
            <a:ext uri="{FF2B5EF4-FFF2-40B4-BE49-F238E27FC236}">
              <a16:creationId xmlns:a16="http://schemas.microsoft.com/office/drawing/2014/main" id="{00000000-0008-0000-0300-00003F010000}"/>
            </a:ext>
          </a:extLst>
        </xdr:cNvPr>
        <xdr:cNvSpPr txBox="1"/>
      </xdr:nvSpPr>
      <xdr:spPr>
        <a:xfrm>
          <a:off x="17106900" y="10002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43764</xdr:rowOff>
    </xdr:from>
    <xdr:to>
      <xdr:col>81</xdr:col>
      <xdr:colOff>133350</xdr:colOff>
      <xdr:row>59</xdr:row>
      <xdr:rowOff>143764</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6929100" y="102593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65490</xdr:rowOff>
    </xdr:from>
    <xdr:to>
      <xdr:col>81</xdr:col>
      <xdr:colOff>44450</xdr:colOff>
      <xdr:row>61</xdr:row>
      <xdr:rowOff>97663</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flipV="1">
          <a:off x="16179800" y="10523940"/>
          <a:ext cx="8382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65329</xdr:rowOff>
    </xdr:from>
    <xdr:ext cx="762000" cy="259045"/>
    <xdr:sp macro="" textlink="">
      <xdr:nvSpPr>
        <xdr:cNvPr id="322" name="定員管理の状況平均値テキスト">
          <a:extLst>
            <a:ext uri="{FF2B5EF4-FFF2-40B4-BE49-F238E27FC236}">
              <a16:creationId xmlns:a16="http://schemas.microsoft.com/office/drawing/2014/main" id="{00000000-0008-0000-0300-000042010000}"/>
            </a:ext>
          </a:extLst>
        </xdr:cNvPr>
        <xdr:cNvSpPr txBox="1"/>
      </xdr:nvSpPr>
      <xdr:spPr>
        <a:xfrm>
          <a:off x="17106900" y="1062377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21802</xdr:rowOff>
    </xdr:from>
    <xdr:to>
      <xdr:col>81</xdr:col>
      <xdr:colOff>95250</xdr:colOff>
      <xdr:row>62</xdr:row>
      <xdr:rowOff>123402</xdr:rowOff>
    </xdr:to>
    <xdr:sp macro="" textlink="">
      <xdr:nvSpPr>
        <xdr:cNvPr id="323" name="フローチャート: 判断 322">
          <a:extLst>
            <a:ext uri="{FF2B5EF4-FFF2-40B4-BE49-F238E27FC236}">
              <a16:creationId xmlns:a16="http://schemas.microsoft.com/office/drawing/2014/main" id="{00000000-0008-0000-0300-000043010000}"/>
            </a:ext>
          </a:extLst>
        </xdr:cNvPr>
        <xdr:cNvSpPr/>
      </xdr:nvSpPr>
      <xdr:spPr>
        <a:xfrm>
          <a:off x="16967200" y="10651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79968</xdr:rowOff>
    </xdr:from>
    <xdr:to>
      <xdr:col>77</xdr:col>
      <xdr:colOff>44450</xdr:colOff>
      <xdr:row>61</xdr:row>
      <xdr:rowOff>97663</xdr:rowOff>
    </xdr:to>
    <xdr:cxnSp macro="">
      <xdr:nvCxnSpPr>
        <xdr:cNvPr id="324" name="直線コネクタ 323">
          <a:extLst>
            <a:ext uri="{FF2B5EF4-FFF2-40B4-BE49-F238E27FC236}">
              <a16:creationId xmlns:a16="http://schemas.microsoft.com/office/drawing/2014/main" id="{00000000-0008-0000-0300-000044010000}"/>
            </a:ext>
          </a:extLst>
        </xdr:cNvPr>
        <xdr:cNvCxnSpPr/>
      </xdr:nvCxnSpPr>
      <xdr:spPr>
        <a:xfrm>
          <a:off x="15290800" y="10538418"/>
          <a:ext cx="889000" cy="17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8584</xdr:rowOff>
    </xdr:from>
    <xdr:to>
      <xdr:col>77</xdr:col>
      <xdr:colOff>95250</xdr:colOff>
      <xdr:row>62</xdr:row>
      <xdr:rowOff>120184</xdr:rowOff>
    </xdr:to>
    <xdr:sp macro="" textlink="">
      <xdr:nvSpPr>
        <xdr:cNvPr id="325" name="フローチャート: 判断 324">
          <a:extLst>
            <a:ext uri="{FF2B5EF4-FFF2-40B4-BE49-F238E27FC236}">
              <a16:creationId xmlns:a16="http://schemas.microsoft.com/office/drawing/2014/main" id="{00000000-0008-0000-0300-000045010000}"/>
            </a:ext>
          </a:extLst>
        </xdr:cNvPr>
        <xdr:cNvSpPr/>
      </xdr:nvSpPr>
      <xdr:spPr>
        <a:xfrm>
          <a:off x="16129000" y="10648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104961</xdr:rowOff>
    </xdr:from>
    <xdr:ext cx="736600" cy="259045"/>
    <xdr:sp macro="" textlink="">
      <xdr:nvSpPr>
        <xdr:cNvPr id="326" name="テキスト ボックス 325">
          <a:extLst>
            <a:ext uri="{FF2B5EF4-FFF2-40B4-BE49-F238E27FC236}">
              <a16:creationId xmlns:a16="http://schemas.microsoft.com/office/drawing/2014/main" id="{00000000-0008-0000-0300-000046010000}"/>
            </a:ext>
          </a:extLst>
        </xdr:cNvPr>
        <xdr:cNvSpPr txBox="1"/>
      </xdr:nvSpPr>
      <xdr:spPr>
        <a:xfrm>
          <a:off x="15798800" y="107348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34120</xdr:rowOff>
    </xdr:from>
    <xdr:to>
      <xdr:col>72</xdr:col>
      <xdr:colOff>203200</xdr:colOff>
      <xdr:row>61</xdr:row>
      <xdr:rowOff>79968</xdr:rowOff>
    </xdr:to>
    <xdr:cxnSp macro="">
      <xdr:nvCxnSpPr>
        <xdr:cNvPr id="327" name="直線コネクタ 326">
          <a:extLst>
            <a:ext uri="{FF2B5EF4-FFF2-40B4-BE49-F238E27FC236}">
              <a16:creationId xmlns:a16="http://schemas.microsoft.com/office/drawing/2014/main" id="{00000000-0008-0000-0300-000047010000}"/>
            </a:ext>
          </a:extLst>
        </xdr:cNvPr>
        <xdr:cNvCxnSpPr/>
      </xdr:nvCxnSpPr>
      <xdr:spPr>
        <a:xfrm>
          <a:off x="14401800" y="10492570"/>
          <a:ext cx="889000" cy="45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4563</xdr:rowOff>
    </xdr:from>
    <xdr:to>
      <xdr:col>73</xdr:col>
      <xdr:colOff>44450</xdr:colOff>
      <xdr:row>62</xdr:row>
      <xdr:rowOff>116163</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5240000" y="10644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100940</xdr:rowOff>
    </xdr:from>
    <xdr:ext cx="7620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4909800" y="10730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8034</xdr:rowOff>
    </xdr:from>
    <xdr:to>
      <xdr:col>68</xdr:col>
      <xdr:colOff>152400</xdr:colOff>
      <xdr:row>61</xdr:row>
      <xdr:rowOff>34120</xdr:rowOff>
    </xdr:to>
    <xdr:cxnSp macro="">
      <xdr:nvCxnSpPr>
        <xdr:cNvPr id="330" name="直線コネクタ 329">
          <a:extLst>
            <a:ext uri="{FF2B5EF4-FFF2-40B4-BE49-F238E27FC236}">
              <a16:creationId xmlns:a16="http://schemas.microsoft.com/office/drawing/2014/main" id="{00000000-0008-0000-0300-00004A010000}"/>
            </a:ext>
          </a:extLst>
        </xdr:cNvPr>
        <xdr:cNvCxnSpPr/>
      </xdr:nvCxnSpPr>
      <xdr:spPr>
        <a:xfrm>
          <a:off x="13512800" y="10476484"/>
          <a:ext cx="8890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6976</xdr:rowOff>
    </xdr:from>
    <xdr:to>
      <xdr:col>68</xdr:col>
      <xdr:colOff>203200</xdr:colOff>
      <xdr:row>62</xdr:row>
      <xdr:rowOff>118576</xdr:rowOff>
    </xdr:to>
    <xdr:sp macro="" textlink="">
      <xdr:nvSpPr>
        <xdr:cNvPr id="331" name="フローチャート: 判断 330">
          <a:extLst>
            <a:ext uri="{FF2B5EF4-FFF2-40B4-BE49-F238E27FC236}">
              <a16:creationId xmlns:a16="http://schemas.microsoft.com/office/drawing/2014/main" id="{00000000-0008-0000-0300-00004B010000}"/>
            </a:ext>
          </a:extLst>
        </xdr:cNvPr>
        <xdr:cNvSpPr/>
      </xdr:nvSpPr>
      <xdr:spPr>
        <a:xfrm>
          <a:off x="14351000" y="10646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103353</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4020800" y="107332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4563</xdr:rowOff>
    </xdr:from>
    <xdr:to>
      <xdr:col>64</xdr:col>
      <xdr:colOff>152400</xdr:colOff>
      <xdr:row>62</xdr:row>
      <xdr:rowOff>116163</xdr:rowOff>
    </xdr:to>
    <xdr:sp macro="" textlink="">
      <xdr:nvSpPr>
        <xdr:cNvPr id="333" name="フローチャート: 判断 332">
          <a:extLst>
            <a:ext uri="{FF2B5EF4-FFF2-40B4-BE49-F238E27FC236}">
              <a16:creationId xmlns:a16="http://schemas.microsoft.com/office/drawing/2014/main" id="{00000000-0008-0000-0300-00004D010000}"/>
            </a:ext>
          </a:extLst>
        </xdr:cNvPr>
        <xdr:cNvSpPr/>
      </xdr:nvSpPr>
      <xdr:spPr>
        <a:xfrm>
          <a:off x="13462000" y="10644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100940</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3131800" y="10730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4690</xdr:rowOff>
    </xdr:from>
    <xdr:to>
      <xdr:col>81</xdr:col>
      <xdr:colOff>95250</xdr:colOff>
      <xdr:row>61</xdr:row>
      <xdr:rowOff>116290</xdr:rowOff>
    </xdr:to>
    <xdr:sp macro="" textlink="">
      <xdr:nvSpPr>
        <xdr:cNvPr id="340" name="楕円 339">
          <a:extLst>
            <a:ext uri="{FF2B5EF4-FFF2-40B4-BE49-F238E27FC236}">
              <a16:creationId xmlns:a16="http://schemas.microsoft.com/office/drawing/2014/main" id="{00000000-0008-0000-0300-000054010000}"/>
            </a:ext>
          </a:extLst>
        </xdr:cNvPr>
        <xdr:cNvSpPr/>
      </xdr:nvSpPr>
      <xdr:spPr>
        <a:xfrm>
          <a:off x="16967200" y="10473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31217</xdr:rowOff>
    </xdr:from>
    <xdr:ext cx="762000" cy="259045"/>
    <xdr:sp macro="" textlink="">
      <xdr:nvSpPr>
        <xdr:cNvPr id="341" name="定員管理の状況該当値テキスト">
          <a:extLst>
            <a:ext uri="{FF2B5EF4-FFF2-40B4-BE49-F238E27FC236}">
              <a16:creationId xmlns:a16="http://schemas.microsoft.com/office/drawing/2014/main" id="{00000000-0008-0000-0300-000055010000}"/>
            </a:ext>
          </a:extLst>
        </xdr:cNvPr>
        <xdr:cNvSpPr txBox="1"/>
      </xdr:nvSpPr>
      <xdr:spPr>
        <a:xfrm>
          <a:off x="17106900" y="10318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46863</xdr:rowOff>
    </xdr:from>
    <xdr:to>
      <xdr:col>77</xdr:col>
      <xdr:colOff>95250</xdr:colOff>
      <xdr:row>61</xdr:row>
      <xdr:rowOff>148463</xdr:rowOff>
    </xdr:to>
    <xdr:sp macro="" textlink="">
      <xdr:nvSpPr>
        <xdr:cNvPr id="342" name="楕円 341">
          <a:extLst>
            <a:ext uri="{FF2B5EF4-FFF2-40B4-BE49-F238E27FC236}">
              <a16:creationId xmlns:a16="http://schemas.microsoft.com/office/drawing/2014/main" id="{00000000-0008-0000-0300-000056010000}"/>
            </a:ext>
          </a:extLst>
        </xdr:cNvPr>
        <xdr:cNvSpPr/>
      </xdr:nvSpPr>
      <xdr:spPr>
        <a:xfrm>
          <a:off x="16129000" y="10505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58640</xdr:rowOff>
    </xdr:from>
    <xdr:ext cx="736600" cy="259045"/>
    <xdr:sp macro="" textlink="">
      <xdr:nvSpPr>
        <xdr:cNvPr id="343" name="テキスト ボックス 342">
          <a:extLst>
            <a:ext uri="{FF2B5EF4-FFF2-40B4-BE49-F238E27FC236}">
              <a16:creationId xmlns:a16="http://schemas.microsoft.com/office/drawing/2014/main" id="{00000000-0008-0000-0300-000057010000}"/>
            </a:ext>
          </a:extLst>
        </xdr:cNvPr>
        <xdr:cNvSpPr txBox="1"/>
      </xdr:nvSpPr>
      <xdr:spPr>
        <a:xfrm>
          <a:off x="15798800" y="102741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29168</xdr:rowOff>
    </xdr:from>
    <xdr:to>
      <xdr:col>73</xdr:col>
      <xdr:colOff>44450</xdr:colOff>
      <xdr:row>61</xdr:row>
      <xdr:rowOff>130768</xdr:rowOff>
    </xdr:to>
    <xdr:sp macro="" textlink="">
      <xdr:nvSpPr>
        <xdr:cNvPr id="344" name="楕円 343">
          <a:extLst>
            <a:ext uri="{FF2B5EF4-FFF2-40B4-BE49-F238E27FC236}">
              <a16:creationId xmlns:a16="http://schemas.microsoft.com/office/drawing/2014/main" id="{00000000-0008-0000-0300-000058010000}"/>
            </a:ext>
          </a:extLst>
        </xdr:cNvPr>
        <xdr:cNvSpPr/>
      </xdr:nvSpPr>
      <xdr:spPr>
        <a:xfrm>
          <a:off x="15240000" y="10487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40945</xdr:rowOff>
    </xdr:from>
    <xdr:ext cx="762000" cy="259045"/>
    <xdr:sp macro="" textlink="">
      <xdr:nvSpPr>
        <xdr:cNvPr id="345" name="テキスト ボックス 344">
          <a:extLst>
            <a:ext uri="{FF2B5EF4-FFF2-40B4-BE49-F238E27FC236}">
              <a16:creationId xmlns:a16="http://schemas.microsoft.com/office/drawing/2014/main" id="{00000000-0008-0000-0300-000059010000}"/>
            </a:ext>
          </a:extLst>
        </xdr:cNvPr>
        <xdr:cNvSpPr txBox="1"/>
      </xdr:nvSpPr>
      <xdr:spPr>
        <a:xfrm>
          <a:off x="14909800" y="102564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154770</xdr:rowOff>
    </xdr:from>
    <xdr:to>
      <xdr:col>68</xdr:col>
      <xdr:colOff>203200</xdr:colOff>
      <xdr:row>61</xdr:row>
      <xdr:rowOff>84920</xdr:rowOff>
    </xdr:to>
    <xdr:sp macro="" textlink="">
      <xdr:nvSpPr>
        <xdr:cNvPr id="346" name="楕円 345">
          <a:extLst>
            <a:ext uri="{FF2B5EF4-FFF2-40B4-BE49-F238E27FC236}">
              <a16:creationId xmlns:a16="http://schemas.microsoft.com/office/drawing/2014/main" id="{00000000-0008-0000-0300-00005A010000}"/>
            </a:ext>
          </a:extLst>
        </xdr:cNvPr>
        <xdr:cNvSpPr/>
      </xdr:nvSpPr>
      <xdr:spPr>
        <a:xfrm>
          <a:off x="14351000" y="10441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95097</xdr:rowOff>
    </xdr:from>
    <xdr:ext cx="762000" cy="259045"/>
    <xdr:sp macro="" textlink="">
      <xdr:nvSpPr>
        <xdr:cNvPr id="347" name="テキスト ボックス 346">
          <a:extLst>
            <a:ext uri="{FF2B5EF4-FFF2-40B4-BE49-F238E27FC236}">
              <a16:creationId xmlns:a16="http://schemas.microsoft.com/office/drawing/2014/main" id="{00000000-0008-0000-0300-00005B010000}"/>
            </a:ext>
          </a:extLst>
        </xdr:cNvPr>
        <xdr:cNvSpPr txBox="1"/>
      </xdr:nvSpPr>
      <xdr:spPr>
        <a:xfrm>
          <a:off x="14020800" y="10210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38684</xdr:rowOff>
    </xdr:from>
    <xdr:to>
      <xdr:col>64</xdr:col>
      <xdr:colOff>152400</xdr:colOff>
      <xdr:row>61</xdr:row>
      <xdr:rowOff>68834</xdr:rowOff>
    </xdr:to>
    <xdr:sp macro="" textlink="">
      <xdr:nvSpPr>
        <xdr:cNvPr id="348" name="楕円 347">
          <a:extLst>
            <a:ext uri="{FF2B5EF4-FFF2-40B4-BE49-F238E27FC236}">
              <a16:creationId xmlns:a16="http://schemas.microsoft.com/office/drawing/2014/main" id="{00000000-0008-0000-0300-00005C010000}"/>
            </a:ext>
          </a:extLst>
        </xdr:cNvPr>
        <xdr:cNvSpPr/>
      </xdr:nvSpPr>
      <xdr:spPr>
        <a:xfrm>
          <a:off x="13462000" y="10425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79011</xdr:rowOff>
    </xdr:from>
    <xdr:ext cx="762000" cy="259045"/>
    <xdr:sp macro="" textlink="">
      <xdr:nvSpPr>
        <xdr:cNvPr id="349" name="テキスト ボックス 348">
          <a:extLst>
            <a:ext uri="{FF2B5EF4-FFF2-40B4-BE49-F238E27FC236}">
              <a16:creationId xmlns:a16="http://schemas.microsoft.com/office/drawing/2014/main" id="{00000000-0008-0000-0300-00005D010000}"/>
            </a:ext>
          </a:extLst>
        </xdr:cNvPr>
        <xdr:cNvSpPr txBox="1"/>
      </xdr:nvSpPr>
      <xdr:spPr>
        <a:xfrm>
          <a:off x="13131800" y="10194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0" name="正方形/長方形 349">
          <a:extLst>
            <a:ext uri="{FF2B5EF4-FFF2-40B4-BE49-F238E27FC236}">
              <a16:creationId xmlns:a16="http://schemas.microsoft.com/office/drawing/2014/main" id="{00000000-0008-0000-0300-00005E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から令和４年度まで、実質公債費比率は上昇傾向にある。類似団体平均値に対しても</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3</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高い状況にある。主な要因は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に過疎指定されたことにより、利用が可能になった過疎債の活用に伴う償還額の増加によるものと思われ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今後は、町内施設の老朽化による改修等も多く見込まれることから、施設の統廃合を行い、新規の地方債の発行を抑制し、また普通建設事業については、国県補助金を有効に活用し、公債費負担の適正化を図っていく。</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1</xdr:col>
      <xdr:colOff>6350</xdr:colOff>
      <xdr:row>32</xdr:row>
      <xdr:rowOff>101600</xdr:rowOff>
    </xdr:from>
    <xdr:ext cx="298543" cy="225703"/>
    <xdr:sp macro="" textlink="">
      <xdr:nvSpPr>
        <xdr:cNvPr id="363" name="テキスト ボックス 362">
          <a:extLst>
            <a:ext uri="{FF2B5EF4-FFF2-40B4-BE49-F238E27FC236}">
              <a16:creationId xmlns:a16="http://schemas.microsoft.com/office/drawing/2014/main" id="{00000000-0008-0000-0300-00006B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4" name="直線コネクタ 363">
          <a:extLst>
            <a:ext uri="{FF2B5EF4-FFF2-40B4-BE49-F238E27FC236}">
              <a16:creationId xmlns:a16="http://schemas.microsoft.com/office/drawing/2014/main" id="{00000000-0008-0000-0300-00006C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5" name="テキスト ボックス 364">
          <a:extLst>
            <a:ext uri="{FF2B5EF4-FFF2-40B4-BE49-F238E27FC236}">
              <a16:creationId xmlns:a16="http://schemas.microsoft.com/office/drawing/2014/main" id="{00000000-0008-0000-0300-00006D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6" name="直線コネクタ 365">
          <a:extLst>
            <a:ext uri="{FF2B5EF4-FFF2-40B4-BE49-F238E27FC236}">
              <a16:creationId xmlns:a16="http://schemas.microsoft.com/office/drawing/2014/main" id="{00000000-0008-0000-0300-00006E010000}"/>
            </a:ext>
          </a:extLst>
        </xdr:cNvPr>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7" name="テキスト ボックス 366">
          <a:extLst>
            <a:ext uri="{FF2B5EF4-FFF2-40B4-BE49-F238E27FC236}">
              <a16:creationId xmlns:a16="http://schemas.microsoft.com/office/drawing/2014/main" id="{00000000-0008-0000-0300-00006F010000}"/>
            </a:ext>
          </a:extLst>
        </xdr:cNvPr>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8" name="直線コネクタ 367">
          <a:extLst>
            <a:ext uri="{FF2B5EF4-FFF2-40B4-BE49-F238E27FC236}">
              <a16:creationId xmlns:a16="http://schemas.microsoft.com/office/drawing/2014/main" id="{00000000-0008-0000-0300-000070010000}"/>
            </a:ext>
          </a:extLst>
        </xdr:cNvPr>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69" name="テキスト ボックス 368">
          <a:extLst>
            <a:ext uri="{FF2B5EF4-FFF2-40B4-BE49-F238E27FC236}">
              <a16:creationId xmlns:a16="http://schemas.microsoft.com/office/drawing/2014/main" id="{00000000-0008-0000-0300-000071010000}"/>
            </a:ext>
          </a:extLst>
        </xdr:cNvPr>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70" name="直線コネクタ 369">
          <a:extLst>
            <a:ext uri="{FF2B5EF4-FFF2-40B4-BE49-F238E27FC236}">
              <a16:creationId xmlns:a16="http://schemas.microsoft.com/office/drawing/2014/main" id="{00000000-0008-0000-0300-000072010000}"/>
            </a:ext>
          </a:extLst>
        </xdr:cNvPr>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1" name="テキスト ボックス 370">
          <a:extLst>
            <a:ext uri="{FF2B5EF4-FFF2-40B4-BE49-F238E27FC236}">
              <a16:creationId xmlns:a16="http://schemas.microsoft.com/office/drawing/2014/main" id="{00000000-0008-0000-0300-000073010000}"/>
            </a:ext>
          </a:extLst>
        </xdr:cNvPr>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2" name="直線コネクタ 371">
          <a:extLst>
            <a:ext uri="{FF2B5EF4-FFF2-40B4-BE49-F238E27FC236}">
              <a16:creationId xmlns:a16="http://schemas.microsoft.com/office/drawing/2014/main" id="{00000000-0008-0000-0300-000074010000}"/>
            </a:ext>
          </a:extLst>
        </xdr:cNvPr>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118127</xdr:rowOff>
    </xdr:from>
    <xdr:ext cx="762000" cy="259045"/>
    <xdr:sp macro="" textlink="">
      <xdr:nvSpPr>
        <xdr:cNvPr id="373" name="テキスト ボックス 372">
          <a:extLst>
            <a:ext uri="{FF2B5EF4-FFF2-40B4-BE49-F238E27FC236}">
              <a16:creationId xmlns:a16="http://schemas.microsoft.com/office/drawing/2014/main" id="{00000000-0008-0000-0300-000075010000}"/>
            </a:ext>
          </a:extLst>
        </xdr:cNvPr>
        <xdr:cNvSpPr txBox="1"/>
      </xdr:nvSpPr>
      <xdr:spPr>
        <a:xfrm>
          <a:off x="1206500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21336</xdr:rowOff>
    </xdr:from>
    <xdr:to>
      <xdr:col>81</xdr:col>
      <xdr:colOff>44450</xdr:colOff>
      <xdr:row>45</xdr:row>
      <xdr:rowOff>3302</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flipV="1">
          <a:off x="17018000" y="6193536"/>
          <a:ext cx="0" cy="1525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46829</xdr:rowOff>
    </xdr:from>
    <xdr:ext cx="762000" cy="259045"/>
    <xdr:sp macro="" textlink="">
      <xdr:nvSpPr>
        <xdr:cNvPr id="377" name="公債費負担の状況最小値テキスト">
          <a:extLst>
            <a:ext uri="{FF2B5EF4-FFF2-40B4-BE49-F238E27FC236}">
              <a16:creationId xmlns:a16="http://schemas.microsoft.com/office/drawing/2014/main" id="{00000000-0008-0000-0300-000079010000}"/>
            </a:ext>
          </a:extLst>
        </xdr:cNvPr>
        <xdr:cNvSpPr txBox="1"/>
      </xdr:nvSpPr>
      <xdr:spPr>
        <a:xfrm>
          <a:off x="17106900" y="7690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302</xdr:rowOff>
    </xdr:from>
    <xdr:to>
      <xdr:col>81</xdr:col>
      <xdr:colOff>133350</xdr:colOff>
      <xdr:row>45</xdr:row>
      <xdr:rowOff>3302</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6929100" y="7718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07713</xdr:rowOff>
    </xdr:from>
    <xdr:ext cx="762000" cy="259045"/>
    <xdr:sp macro="" textlink="">
      <xdr:nvSpPr>
        <xdr:cNvPr id="379" name="公債費負担の状況最大値テキスト">
          <a:extLst>
            <a:ext uri="{FF2B5EF4-FFF2-40B4-BE49-F238E27FC236}">
              <a16:creationId xmlns:a16="http://schemas.microsoft.com/office/drawing/2014/main" id="{00000000-0008-0000-0300-00007B010000}"/>
            </a:ext>
          </a:extLst>
        </xdr:cNvPr>
        <xdr:cNvSpPr txBox="1"/>
      </xdr:nvSpPr>
      <xdr:spPr>
        <a:xfrm>
          <a:off x="17106900" y="59370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21336</xdr:rowOff>
    </xdr:from>
    <xdr:to>
      <xdr:col>81</xdr:col>
      <xdr:colOff>133350</xdr:colOff>
      <xdr:row>36</xdr:row>
      <xdr:rowOff>21336</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61935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3</xdr:row>
      <xdr:rowOff>46990</xdr:rowOff>
    </xdr:from>
    <xdr:to>
      <xdr:col>81</xdr:col>
      <xdr:colOff>44450</xdr:colOff>
      <xdr:row>43</xdr:row>
      <xdr:rowOff>85598</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a:off x="16179800" y="7419340"/>
          <a:ext cx="838200" cy="38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0639</xdr:rowOff>
    </xdr:from>
    <xdr:ext cx="762000" cy="259045"/>
    <xdr:sp macro="" textlink="">
      <xdr:nvSpPr>
        <xdr:cNvPr id="382" name="公債費負担の状況平均値テキスト">
          <a:extLst>
            <a:ext uri="{FF2B5EF4-FFF2-40B4-BE49-F238E27FC236}">
              <a16:creationId xmlns:a16="http://schemas.microsoft.com/office/drawing/2014/main" id="{00000000-0008-0000-0300-00007E010000}"/>
            </a:ext>
          </a:extLst>
        </xdr:cNvPr>
        <xdr:cNvSpPr txBox="1"/>
      </xdr:nvSpPr>
      <xdr:spPr>
        <a:xfrm>
          <a:off x="17106900" y="683718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34112</xdr:rowOff>
    </xdr:from>
    <xdr:to>
      <xdr:col>81</xdr:col>
      <xdr:colOff>95250</xdr:colOff>
      <xdr:row>41</xdr:row>
      <xdr:rowOff>64262</xdr:rowOff>
    </xdr:to>
    <xdr:sp macro="" textlink="">
      <xdr:nvSpPr>
        <xdr:cNvPr id="383" name="フローチャート: 判断 382">
          <a:extLst>
            <a:ext uri="{FF2B5EF4-FFF2-40B4-BE49-F238E27FC236}">
              <a16:creationId xmlns:a16="http://schemas.microsoft.com/office/drawing/2014/main" id="{00000000-0008-0000-0300-00007F010000}"/>
            </a:ext>
          </a:extLst>
        </xdr:cNvPr>
        <xdr:cNvSpPr/>
      </xdr:nvSpPr>
      <xdr:spPr>
        <a:xfrm>
          <a:off x="16967200" y="6992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3</xdr:row>
      <xdr:rowOff>37338</xdr:rowOff>
    </xdr:from>
    <xdr:to>
      <xdr:col>77</xdr:col>
      <xdr:colOff>44450</xdr:colOff>
      <xdr:row>43</xdr:row>
      <xdr:rowOff>46990</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a:off x="15290800" y="7409688"/>
          <a:ext cx="8890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53416</xdr:rowOff>
    </xdr:from>
    <xdr:to>
      <xdr:col>77</xdr:col>
      <xdr:colOff>95250</xdr:colOff>
      <xdr:row>41</xdr:row>
      <xdr:rowOff>83566</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129000" y="7011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93743</xdr:rowOff>
    </xdr:from>
    <xdr:ext cx="736600" cy="259045"/>
    <xdr:sp macro="" textlink="">
      <xdr:nvSpPr>
        <xdr:cNvPr id="386" name="テキスト ボックス 385">
          <a:extLst>
            <a:ext uri="{FF2B5EF4-FFF2-40B4-BE49-F238E27FC236}">
              <a16:creationId xmlns:a16="http://schemas.microsoft.com/office/drawing/2014/main" id="{00000000-0008-0000-0300-000082010000}"/>
            </a:ext>
          </a:extLst>
        </xdr:cNvPr>
        <xdr:cNvSpPr txBox="1"/>
      </xdr:nvSpPr>
      <xdr:spPr>
        <a:xfrm>
          <a:off x="15798800" y="67802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2</xdr:row>
      <xdr:rowOff>131572</xdr:rowOff>
    </xdr:from>
    <xdr:to>
      <xdr:col>72</xdr:col>
      <xdr:colOff>203200</xdr:colOff>
      <xdr:row>43</xdr:row>
      <xdr:rowOff>37338</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a:off x="14401800" y="7332472"/>
          <a:ext cx="889000" cy="77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30226</xdr:rowOff>
    </xdr:from>
    <xdr:to>
      <xdr:col>73</xdr:col>
      <xdr:colOff>44450</xdr:colOff>
      <xdr:row>41</xdr:row>
      <xdr:rowOff>131826</xdr:rowOff>
    </xdr:to>
    <xdr:sp macro="" textlink="">
      <xdr:nvSpPr>
        <xdr:cNvPr id="388" name="フローチャート: 判断 387">
          <a:extLst>
            <a:ext uri="{FF2B5EF4-FFF2-40B4-BE49-F238E27FC236}">
              <a16:creationId xmlns:a16="http://schemas.microsoft.com/office/drawing/2014/main" id="{00000000-0008-0000-0300-000084010000}"/>
            </a:ext>
          </a:extLst>
        </xdr:cNvPr>
        <xdr:cNvSpPr/>
      </xdr:nvSpPr>
      <xdr:spPr>
        <a:xfrm>
          <a:off x="15240000" y="7059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142003</xdr:rowOff>
    </xdr:from>
    <xdr:ext cx="762000" cy="259045"/>
    <xdr:sp macro="" textlink="">
      <xdr:nvSpPr>
        <xdr:cNvPr id="389" name="テキスト ボックス 388">
          <a:extLst>
            <a:ext uri="{FF2B5EF4-FFF2-40B4-BE49-F238E27FC236}">
              <a16:creationId xmlns:a16="http://schemas.microsoft.com/office/drawing/2014/main" id="{00000000-0008-0000-0300-000085010000}"/>
            </a:ext>
          </a:extLst>
        </xdr:cNvPr>
        <xdr:cNvSpPr txBox="1"/>
      </xdr:nvSpPr>
      <xdr:spPr>
        <a:xfrm>
          <a:off x="14909800" y="68285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167894</xdr:rowOff>
    </xdr:from>
    <xdr:to>
      <xdr:col>68</xdr:col>
      <xdr:colOff>152400</xdr:colOff>
      <xdr:row>42</xdr:row>
      <xdr:rowOff>131572</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a:off x="13512800" y="7197344"/>
          <a:ext cx="889000" cy="135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30226</xdr:rowOff>
    </xdr:from>
    <xdr:to>
      <xdr:col>68</xdr:col>
      <xdr:colOff>203200</xdr:colOff>
      <xdr:row>41</xdr:row>
      <xdr:rowOff>131826</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4351000" y="7059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42003</xdr:rowOff>
    </xdr:from>
    <xdr:ext cx="7620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4020800" y="68285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0922</xdr:rowOff>
    </xdr:from>
    <xdr:to>
      <xdr:col>64</xdr:col>
      <xdr:colOff>152400</xdr:colOff>
      <xdr:row>41</xdr:row>
      <xdr:rowOff>112522</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3462000" y="704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22699</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3131800" y="6809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3</xdr:row>
      <xdr:rowOff>34798</xdr:rowOff>
    </xdr:from>
    <xdr:to>
      <xdr:col>81</xdr:col>
      <xdr:colOff>95250</xdr:colOff>
      <xdr:row>43</xdr:row>
      <xdr:rowOff>136398</xdr:rowOff>
    </xdr:to>
    <xdr:sp macro="" textlink="">
      <xdr:nvSpPr>
        <xdr:cNvPr id="400" name="楕円 399">
          <a:extLst>
            <a:ext uri="{FF2B5EF4-FFF2-40B4-BE49-F238E27FC236}">
              <a16:creationId xmlns:a16="http://schemas.microsoft.com/office/drawing/2014/main" id="{00000000-0008-0000-0300-000090010000}"/>
            </a:ext>
          </a:extLst>
        </xdr:cNvPr>
        <xdr:cNvSpPr/>
      </xdr:nvSpPr>
      <xdr:spPr>
        <a:xfrm>
          <a:off x="16967200" y="7407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3</xdr:row>
      <xdr:rowOff>6875</xdr:rowOff>
    </xdr:from>
    <xdr:ext cx="762000" cy="259045"/>
    <xdr:sp macro="" textlink="">
      <xdr:nvSpPr>
        <xdr:cNvPr id="401" name="公債費負担の状況該当値テキスト">
          <a:extLst>
            <a:ext uri="{FF2B5EF4-FFF2-40B4-BE49-F238E27FC236}">
              <a16:creationId xmlns:a16="http://schemas.microsoft.com/office/drawing/2014/main" id="{00000000-0008-0000-0300-000091010000}"/>
            </a:ext>
          </a:extLst>
        </xdr:cNvPr>
        <xdr:cNvSpPr txBox="1"/>
      </xdr:nvSpPr>
      <xdr:spPr>
        <a:xfrm>
          <a:off x="17106900" y="7379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2</xdr:row>
      <xdr:rowOff>167640</xdr:rowOff>
    </xdr:from>
    <xdr:to>
      <xdr:col>77</xdr:col>
      <xdr:colOff>95250</xdr:colOff>
      <xdr:row>43</xdr:row>
      <xdr:rowOff>97790</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129000" y="7368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3</xdr:row>
      <xdr:rowOff>82567</xdr:rowOff>
    </xdr:from>
    <xdr:ext cx="7366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5798800" y="74549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2</xdr:row>
      <xdr:rowOff>157988</xdr:rowOff>
    </xdr:from>
    <xdr:to>
      <xdr:col>73</xdr:col>
      <xdr:colOff>44450</xdr:colOff>
      <xdr:row>43</xdr:row>
      <xdr:rowOff>88138</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5240000" y="7358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3</xdr:row>
      <xdr:rowOff>72915</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4909800" y="7445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2</xdr:row>
      <xdr:rowOff>80772</xdr:rowOff>
    </xdr:from>
    <xdr:to>
      <xdr:col>68</xdr:col>
      <xdr:colOff>203200</xdr:colOff>
      <xdr:row>43</xdr:row>
      <xdr:rowOff>10922</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4351000" y="7281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167149</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020800" y="7368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17094</xdr:rowOff>
    </xdr:from>
    <xdr:to>
      <xdr:col>64</xdr:col>
      <xdr:colOff>152400</xdr:colOff>
      <xdr:row>42</xdr:row>
      <xdr:rowOff>47244</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3462000" y="7146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32021</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3131800" y="7232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3.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年度から令和</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年度まで類似団体平均値を大幅に上回っているが、平成</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年度に比較すれば半減しており将来負担の状況は、改善傾向になっている。</a:t>
          </a:r>
          <a:endParaRPr lang="ja-JP" altLang="ja-JP" sz="1200">
            <a:effectLst/>
            <a:latin typeface="ＭＳ ゴシック" panose="020B0609070205080204" pitchFamily="49" charset="-128"/>
            <a:ea typeface="ＭＳ ゴシック" panose="020B0609070205080204" pitchFamily="49" charset="-128"/>
          </a:endParaRPr>
        </a:p>
        <a:p>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下水道事業や湯河原町真鶴町衛生組合への負担等、継続して事業が行われているが、全体の事業費が減少してきていることから、新規の起債発行額が抑制され、また基金残高の増加により改善したものと思われる。</a:t>
          </a:r>
          <a:endParaRPr lang="ja-JP" altLang="ja-JP" sz="1200">
            <a:effectLst/>
            <a:latin typeface="ＭＳ ゴシック" panose="020B0609070205080204" pitchFamily="49" charset="-128"/>
            <a:ea typeface="ＭＳ ゴシック" panose="020B0609070205080204" pitchFamily="49" charset="-128"/>
          </a:endParaRPr>
        </a:p>
        <a:p>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今後は、教育施設の老朽化に伴う建替えも見込まれており、事業の必要性、補助金の活用などにより充当財源をより一層確保していく。</a:t>
          </a:r>
          <a:endParaRPr lang="ja-JP" altLang="ja-JP" sz="1200">
            <a:effectLst/>
            <a:latin typeface="ＭＳ ゴシック" panose="020B0609070205080204" pitchFamily="49" charset="-128"/>
            <a:ea typeface="ＭＳ ゴシック" panose="020B0609070205080204" pitchFamily="49" charset="-128"/>
          </a:endParaRP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2</xdr:row>
      <xdr:rowOff>127000</xdr:rowOff>
    </xdr:from>
    <xdr:to>
      <xdr:col>85</xdr:col>
      <xdr:colOff>95250</xdr:colOff>
      <xdr:row>22</xdr:row>
      <xdr:rowOff>127000</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389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1</xdr:row>
      <xdr:rowOff>156227</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375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158750</xdr:rowOff>
    </xdr:from>
    <xdr:to>
      <xdr:col>85</xdr:col>
      <xdr:colOff>95250</xdr:colOff>
      <xdr:row>19</xdr:row>
      <xdr:rowOff>158750</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41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9</xdr:row>
      <xdr:rowOff>16527</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27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19050</xdr:rowOff>
    </xdr:from>
    <xdr:to>
      <xdr:col>85</xdr:col>
      <xdr:colOff>95250</xdr:colOff>
      <xdr:row>17</xdr:row>
      <xdr:rowOff>19050</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293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48277</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279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4</xdr:row>
      <xdr:rowOff>50800</xdr:rowOff>
    </xdr:from>
    <xdr:to>
      <xdr:col>85</xdr:col>
      <xdr:colOff>95250</xdr:colOff>
      <xdr:row>14</xdr:row>
      <xdr:rowOff>50800</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245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3</xdr:row>
      <xdr:rowOff>80027</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230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5" name="将来負担の状況グラフ枠">
          <a:extLst>
            <a:ext uri="{FF2B5EF4-FFF2-40B4-BE49-F238E27FC236}">
              <a16:creationId xmlns:a16="http://schemas.microsoft.com/office/drawing/2014/main" id="{00000000-0008-0000-0300-0000B3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4</xdr:row>
      <xdr:rowOff>50800</xdr:rowOff>
    </xdr:from>
    <xdr:to>
      <xdr:col>81</xdr:col>
      <xdr:colOff>44450</xdr:colOff>
      <xdr:row>20</xdr:row>
      <xdr:rowOff>76098</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flipV="1">
          <a:off x="17018000" y="2451100"/>
          <a:ext cx="0" cy="105399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0</xdr:row>
      <xdr:rowOff>48175</xdr:rowOff>
    </xdr:from>
    <xdr:ext cx="762000" cy="259045"/>
    <xdr:sp macro="" textlink="">
      <xdr:nvSpPr>
        <xdr:cNvPr id="437" name="将来負担の状況最小値テキスト">
          <a:extLst>
            <a:ext uri="{FF2B5EF4-FFF2-40B4-BE49-F238E27FC236}">
              <a16:creationId xmlns:a16="http://schemas.microsoft.com/office/drawing/2014/main" id="{00000000-0008-0000-0300-0000B5010000}"/>
            </a:ext>
          </a:extLst>
        </xdr:cNvPr>
        <xdr:cNvSpPr txBox="1"/>
      </xdr:nvSpPr>
      <xdr:spPr>
        <a:xfrm>
          <a:off x="17106900" y="3477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0</xdr:row>
      <xdr:rowOff>76098</xdr:rowOff>
    </xdr:from>
    <xdr:to>
      <xdr:col>81</xdr:col>
      <xdr:colOff>133350</xdr:colOff>
      <xdr:row>20</xdr:row>
      <xdr:rowOff>76098</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6929100" y="35050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86377</xdr:rowOff>
    </xdr:from>
    <xdr:ext cx="762000" cy="259045"/>
    <xdr:sp macro="" textlink="">
      <xdr:nvSpPr>
        <xdr:cNvPr id="439" name="将来負担の状況最大値テキスト">
          <a:extLst>
            <a:ext uri="{FF2B5EF4-FFF2-40B4-BE49-F238E27FC236}">
              <a16:creationId xmlns:a16="http://schemas.microsoft.com/office/drawing/2014/main" id="{00000000-0008-0000-0300-0000B7010000}"/>
            </a:ext>
          </a:extLst>
        </xdr:cNvPr>
        <xdr:cNvSpPr txBox="1"/>
      </xdr:nvSpPr>
      <xdr:spPr>
        <a:xfrm>
          <a:off x="17106900" y="214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4</xdr:row>
      <xdr:rowOff>50800</xdr:rowOff>
    </xdr:from>
    <xdr:to>
      <xdr:col>81</xdr:col>
      <xdr:colOff>133350</xdr:colOff>
      <xdr:row>14</xdr:row>
      <xdr:rowOff>50800</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a:off x="16929100" y="245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8</xdr:row>
      <xdr:rowOff>169977</xdr:rowOff>
    </xdr:from>
    <xdr:to>
      <xdr:col>81</xdr:col>
      <xdr:colOff>44450</xdr:colOff>
      <xdr:row>20</xdr:row>
      <xdr:rowOff>45212</xdr:rowOff>
    </xdr:to>
    <xdr:cxnSp macro="">
      <xdr:nvCxnSpPr>
        <xdr:cNvPr id="441" name="直線コネクタ 440">
          <a:extLst>
            <a:ext uri="{FF2B5EF4-FFF2-40B4-BE49-F238E27FC236}">
              <a16:creationId xmlns:a16="http://schemas.microsoft.com/office/drawing/2014/main" id="{00000000-0008-0000-0300-0000B9010000}"/>
            </a:ext>
          </a:extLst>
        </xdr:cNvPr>
        <xdr:cNvCxnSpPr/>
      </xdr:nvCxnSpPr>
      <xdr:spPr>
        <a:xfrm flipV="1">
          <a:off x="16179800" y="3256077"/>
          <a:ext cx="838200" cy="2181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29227</xdr:rowOff>
    </xdr:from>
    <xdr:ext cx="762000" cy="259045"/>
    <xdr:sp macro="" textlink="">
      <xdr:nvSpPr>
        <xdr:cNvPr id="442" name="将来負担の状況平均値テキスト">
          <a:extLst>
            <a:ext uri="{FF2B5EF4-FFF2-40B4-BE49-F238E27FC236}">
              <a16:creationId xmlns:a16="http://schemas.microsoft.com/office/drawing/2014/main" id="{00000000-0008-0000-0300-0000BA010000}"/>
            </a:ext>
          </a:extLst>
        </xdr:cNvPr>
        <xdr:cNvSpPr txBox="1"/>
      </xdr:nvSpPr>
      <xdr:spPr>
        <a:xfrm>
          <a:off x="17106900" y="2258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0</xdr:rowOff>
    </xdr:from>
    <xdr:to>
      <xdr:col>81</xdr:col>
      <xdr:colOff>95250</xdr:colOff>
      <xdr:row>14</xdr:row>
      <xdr:rowOff>101600</xdr:rowOff>
    </xdr:to>
    <xdr:sp macro="" textlink="">
      <xdr:nvSpPr>
        <xdr:cNvPr id="443" name="フローチャート: 判断 442">
          <a:extLst>
            <a:ext uri="{FF2B5EF4-FFF2-40B4-BE49-F238E27FC236}">
              <a16:creationId xmlns:a16="http://schemas.microsoft.com/office/drawing/2014/main" id="{00000000-0008-0000-0300-0000BB010000}"/>
            </a:ext>
          </a:extLst>
        </xdr:cNvPr>
        <xdr:cNvSpPr/>
      </xdr:nvSpPr>
      <xdr:spPr>
        <a:xfrm>
          <a:off x="16967200" y="240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20</xdr:row>
      <xdr:rowOff>45212</xdr:rowOff>
    </xdr:from>
    <xdr:to>
      <xdr:col>77</xdr:col>
      <xdr:colOff>44450</xdr:colOff>
      <xdr:row>22</xdr:row>
      <xdr:rowOff>31445</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flipV="1">
          <a:off x="15290800" y="3474212"/>
          <a:ext cx="889000" cy="329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0</xdr:rowOff>
    </xdr:from>
    <xdr:to>
      <xdr:col>77</xdr:col>
      <xdr:colOff>95250</xdr:colOff>
      <xdr:row>14</xdr:row>
      <xdr:rowOff>101600</xdr:rowOff>
    </xdr:to>
    <xdr:sp macro="" textlink="">
      <xdr:nvSpPr>
        <xdr:cNvPr id="445" name="フローチャート: 判断 444">
          <a:extLst>
            <a:ext uri="{FF2B5EF4-FFF2-40B4-BE49-F238E27FC236}">
              <a16:creationId xmlns:a16="http://schemas.microsoft.com/office/drawing/2014/main" id="{00000000-0008-0000-0300-0000BD010000}"/>
            </a:ext>
          </a:extLst>
        </xdr:cNvPr>
        <xdr:cNvSpPr/>
      </xdr:nvSpPr>
      <xdr:spPr>
        <a:xfrm>
          <a:off x="16129000" y="240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11777</xdr:rowOff>
    </xdr:from>
    <xdr:ext cx="736600" cy="259045"/>
    <xdr:sp macro="" textlink="">
      <xdr:nvSpPr>
        <xdr:cNvPr id="446" name="テキスト ボックス 445">
          <a:extLst>
            <a:ext uri="{FF2B5EF4-FFF2-40B4-BE49-F238E27FC236}">
              <a16:creationId xmlns:a16="http://schemas.microsoft.com/office/drawing/2014/main" id="{00000000-0008-0000-0300-0000BE010000}"/>
            </a:ext>
          </a:extLst>
        </xdr:cNvPr>
        <xdr:cNvSpPr txBox="1"/>
      </xdr:nvSpPr>
      <xdr:spPr>
        <a:xfrm>
          <a:off x="15798800" y="2169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22</xdr:row>
      <xdr:rowOff>31445</xdr:rowOff>
    </xdr:from>
    <xdr:to>
      <xdr:col>72</xdr:col>
      <xdr:colOff>203200</xdr:colOff>
      <xdr:row>22</xdr:row>
      <xdr:rowOff>148234</xdr:rowOff>
    </xdr:to>
    <xdr:cxnSp macro="">
      <xdr:nvCxnSpPr>
        <xdr:cNvPr id="447" name="直線コネクタ 446">
          <a:extLst>
            <a:ext uri="{FF2B5EF4-FFF2-40B4-BE49-F238E27FC236}">
              <a16:creationId xmlns:a16="http://schemas.microsoft.com/office/drawing/2014/main" id="{00000000-0008-0000-0300-0000BF010000}"/>
            </a:ext>
          </a:extLst>
        </xdr:cNvPr>
        <xdr:cNvCxnSpPr/>
      </xdr:nvCxnSpPr>
      <xdr:spPr>
        <a:xfrm flipV="1">
          <a:off x="14401800" y="3803345"/>
          <a:ext cx="889000" cy="116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32817</xdr:rowOff>
    </xdr:from>
    <xdr:to>
      <xdr:col>73</xdr:col>
      <xdr:colOff>44450</xdr:colOff>
      <xdr:row>14</xdr:row>
      <xdr:rowOff>134417</xdr:rowOff>
    </xdr:to>
    <xdr:sp macro="" textlink="">
      <xdr:nvSpPr>
        <xdr:cNvPr id="448" name="フローチャート: 判断 447">
          <a:extLst>
            <a:ext uri="{FF2B5EF4-FFF2-40B4-BE49-F238E27FC236}">
              <a16:creationId xmlns:a16="http://schemas.microsoft.com/office/drawing/2014/main" id="{00000000-0008-0000-0300-0000C0010000}"/>
            </a:ext>
          </a:extLst>
        </xdr:cNvPr>
        <xdr:cNvSpPr/>
      </xdr:nvSpPr>
      <xdr:spPr>
        <a:xfrm>
          <a:off x="15240000" y="2433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44594</xdr:rowOff>
    </xdr:from>
    <xdr:ext cx="762000" cy="259045"/>
    <xdr:sp macro="" textlink="">
      <xdr:nvSpPr>
        <xdr:cNvPr id="449" name="テキスト ボックス 448">
          <a:extLst>
            <a:ext uri="{FF2B5EF4-FFF2-40B4-BE49-F238E27FC236}">
              <a16:creationId xmlns:a16="http://schemas.microsoft.com/office/drawing/2014/main" id="{00000000-0008-0000-0300-0000C1010000}"/>
            </a:ext>
          </a:extLst>
        </xdr:cNvPr>
        <xdr:cNvSpPr txBox="1"/>
      </xdr:nvSpPr>
      <xdr:spPr>
        <a:xfrm>
          <a:off x="14909800" y="2201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22</xdr:row>
      <xdr:rowOff>148234</xdr:rowOff>
    </xdr:from>
    <xdr:to>
      <xdr:col>68</xdr:col>
      <xdr:colOff>152400</xdr:colOff>
      <xdr:row>22</xdr:row>
      <xdr:rowOff>155956</xdr:rowOff>
    </xdr:to>
    <xdr:cxnSp macro="">
      <xdr:nvCxnSpPr>
        <xdr:cNvPr id="450" name="直線コネクタ 449">
          <a:extLst>
            <a:ext uri="{FF2B5EF4-FFF2-40B4-BE49-F238E27FC236}">
              <a16:creationId xmlns:a16="http://schemas.microsoft.com/office/drawing/2014/main" id="{00000000-0008-0000-0300-0000C2010000}"/>
            </a:ext>
          </a:extLst>
        </xdr:cNvPr>
        <xdr:cNvCxnSpPr/>
      </xdr:nvCxnSpPr>
      <xdr:spPr>
        <a:xfrm flipV="1">
          <a:off x="13512800" y="3920134"/>
          <a:ext cx="889000" cy="7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28956</xdr:rowOff>
    </xdr:from>
    <xdr:to>
      <xdr:col>68</xdr:col>
      <xdr:colOff>203200</xdr:colOff>
      <xdr:row>14</xdr:row>
      <xdr:rowOff>130556</xdr:rowOff>
    </xdr:to>
    <xdr:sp macro="" textlink="">
      <xdr:nvSpPr>
        <xdr:cNvPr id="451" name="フローチャート: 判断 450">
          <a:extLst>
            <a:ext uri="{FF2B5EF4-FFF2-40B4-BE49-F238E27FC236}">
              <a16:creationId xmlns:a16="http://schemas.microsoft.com/office/drawing/2014/main" id="{00000000-0008-0000-0300-0000C3010000}"/>
            </a:ext>
          </a:extLst>
        </xdr:cNvPr>
        <xdr:cNvSpPr/>
      </xdr:nvSpPr>
      <xdr:spPr>
        <a:xfrm>
          <a:off x="14351000" y="242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40733</xdr:rowOff>
    </xdr:from>
    <xdr:ext cx="762000" cy="259045"/>
    <xdr:sp macro="" textlink="">
      <xdr:nvSpPr>
        <xdr:cNvPr id="452" name="テキスト ボックス 451">
          <a:extLst>
            <a:ext uri="{FF2B5EF4-FFF2-40B4-BE49-F238E27FC236}">
              <a16:creationId xmlns:a16="http://schemas.microsoft.com/office/drawing/2014/main" id="{00000000-0008-0000-0300-0000C4010000}"/>
            </a:ext>
          </a:extLst>
        </xdr:cNvPr>
        <xdr:cNvSpPr txBox="1"/>
      </xdr:nvSpPr>
      <xdr:spPr>
        <a:xfrm>
          <a:off x="14020800" y="21981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73355</xdr:rowOff>
    </xdr:from>
    <xdr:to>
      <xdr:col>64</xdr:col>
      <xdr:colOff>152400</xdr:colOff>
      <xdr:row>15</xdr:row>
      <xdr:rowOff>3505</xdr:rowOff>
    </xdr:to>
    <xdr:sp macro="" textlink="">
      <xdr:nvSpPr>
        <xdr:cNvPr id="453" name="フローチャート: 判断 452">
          <a:extLst>
            <a:ext uri="{FF2B5EF4-FFF2-40B4-BE49-F238E27FC236}">
              <a16:creationId xmlns:a16="http://schemas.microsoft.com/office/drawing/2014/main" id="{00000000-0008-0000-0300-0000C5010000}"/>
            </a:ext>
          </a:extLst>
        </xdr:cNvPr>
        <xdr:cNvSpPr/>
      </xdr:nvSpPr>
      <xdr:spPr>
        <a:xfrm>
          <a:off x="13462000" y="2473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3682</xdr:rowOff>
    </xdr:from>
    <xdr:ext cx="762000" cy="259045"/>
    <xdr:sp macro="" textlink="">
      <xdr:nvSpPr>
        <xdr:cNvPr id="454" name="テキスト ボックス 453">
          <a:extLst>
            <a:ext uri="{FF2B5EF4-FFF2-40B4-BE49-F238E27FC236}">
              <a16:creationId xmlns:a16="http://schemas.microsoft.com/office/drawing/2014/main" id="{00000000-0008-0000-0300-0000C6010000}"/>
            </a:ext>
          </a:extLst>
        </xdr:cNvPr>
        <xdr:cNvSpPr txBox="1"/>
      </xdr:nvSpPr>
      <xdr:spPr>
        <a:xfrm>
          <a:off x="13131800" y="22425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a:extLst>
            <a:ext uri="{FF2B5EF4-FFF2-40B4-BE49-F238E27FC236}">
              <a16:creationId xmlns:a16="http://schemas.microsoft.com/office/drawing/2014/main" id="{00000000-0008-0000-0300-0000C7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119177</xdr:rowOff>
    </xdr:from>
    <xdr:to>
      <xdr:col>81</xdr:col>
      <xdr:colOff>95250</xdr:colOff>
      <xdr:row>19</xdr:row>
      <xdr:rowOff>49327</xdr:rowOff>
    </xdr:to>
    <xdr:sp macro="" textlink="">
      <xdr:nvSpPr>
        <xdr:cNvPr id="460" name="楕円 459">
          <a:extLst>
            <a:ext uri="{FF2B5EF4-FFF2-40B4-BE49-F238E27FC236}">
              <a16:creationId xmlns:a16="http://schemas.microsoft.com/office/drawing/2014/main" id="{00000000-0008-0000-0300-0000CC010000}"/>
            </a:ext>
          </a:extLst>
        </xdr:cNvPr>
        <xdr:cNvSpPr/>
      </xdr:nvSpPr>
      <xdr:spPr>
        <a:xfrm>
          <a:off x="16967200" y="3205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8</xdr:row>
      <xdr:rowOff>91254</xdr:rowOff>
    </xdr:from>
    <xdr:ext cx="762000" cy="259045"/>
    <xdr:sp macro="" textlink="">
      <xdr:nvSpPr>
        <xdr:cNvPr id="461" name="将来負担の状況該当値テキスト">
          <a:extLst>
            <a:ext uri="{FF2B5EF4-FFF2-40B4-BE49-F238E27FC236}">
              <a16:creationId xmlns:a16="http://schemas.microsoft.com/office/drawing/2014/main" id="{00000000-0008-0000-0300-0000CD010000}"/>
            </a:ext>
          </a:extLst>
        </xdr:cNvPr>
        <xdr:cNvSpPr txBox="1"/>
      </xdr:nvSpPr>
      <xdr:spPr>
        <a:xfrm>
          <a:off x="17106900" y="31773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9</xdr:row>
      <xdr:rowOff>165862</xdr:rowOff>
    </xdr:from>
    <xdr:to>
      <xdr:col>77</xdr:col>
      <xdr:colOff>95250</xdr:colOff>
      <xdr:row>20</xdr:row>
      <xdr:rowOff>96012</xdr:rowOff>
    </xdr:to>
    <xdr:sp macro="" textlink="">
      <xdr:nvSpPr>
        <xdr:cNvPr id="462" name="楕円 461">
          <a:extLst>
            <a:ext uri="{FF2B5EF4-FFF2-40B4-BE49-F238E27FC236}">
              <a16:creationId xmlns:a16="http://schemas.microsoft.com/office/drawing/2014/main" id="{00000000-0008-0000-0300-0000CE010000}"/>
            </a:ext>
          </a:extLst>
        </xdr:cNvPr>
        <xdr:cNvSpPr/>
      </xdr:nvSpPr>
      <xdr:spPr>
        <a:xfrm>
          <a:off x="16129000" y="3423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20</xdr:row>
      <xdr:rowOff>80789</xdr:rowOff>
    </xdr:from>
    <xdr:ext cx="7366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5798800" y="35097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21</xdr:row>
      <xdr:rowOff>152095</xdr:rowOff>
    </xdr:from>
    <xdr:to>
      <xdr:col>73</xdr:col>
      <xdr:colOff>44450</xdr:colOff>
      <xdr:row>22</xdr:row>
      <xdr:rowOff>82245</xdr:rowOff>
    </xdr:to>
    <xdr:sp macro="" textlink="">
      <xdr:nvSpPr>
        <xdr:cNvPr id="464" name="楕円 463">
          <a:extLst>
            <a:ext uri="{FF2B5EF4-FFF2-40B4-BE49-F238E27FC236}">
              <a16:creationId xmlns:a16="http://schemas.microsoft.com/office/drawing/2014/main" id="{00000000-0008-0000-0300-0000D0010000}"/>
            </a:ext>
          </a:extLst>
        </xdr:cNvPr>
        <xdr:cNvSpPr/>
      </xdr:nvSpPr>
      <xdr:spPr>
        <a:xfrm>
          <a:off x="15240000" y="3752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22</xdr:row>
      <xdr:rowOff>67022</xdr:rowOff>
    </xdr:from>
    <xdr:ext cx="762000" cy="259045"/>
    <xdr:sp macro="" textlink="">
      <xdr:nvSpPr>
        <xdr:cNvPr id="465" name="テキスト ボックス 464">
          <a:extLst>
            <a:ext uri="{FF2B5EF4-FFF2-40B4-BE49-F238E27FC236}">
              <a16:creationId xmlns:a16="http://schemas.microsoft.com/office/drawing/2014/main" id="{00000000-0008-0000-0300-0000D1010000}"/>
            </a:ext>
          </a:extLst>
        </xdr:cNvPr>
        <xdr:cNvSpPr txBox="1"/>
      </xdr:nvSpPr>
      <xdr:spPr>
        <a:xfrm>
          <a:off x="14909800" y="3838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22</xdr:row>
      <xdr:rowOff>97434</xdr:rowOff>
    </xdr:from>
    <xdr:to>
      <xdr:col>68</xdr:col>
      <xdr:colOff>203200</xdr:colOff>
      <xdr:row>23</xdr:row>
      <xdr:rowOff>27584</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4351000" y="3869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23</xdr:row>
      <xdr:rowOff>12361</xdr:rowOff>
    </xdr:from>
    <xdr:ext cx="7620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4020800" y="3955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22</xdr:row>
      <xdr:rowOff>105156</xdr:rowOff>
    </xdr:from>
    <xdr:to>
      <xdr:col>64</xdr:col>
      <xdr:colOff>152400</xdr:colOff>
      <xdr:row>23</xdr:row>
      <xdr:rowOff>35306</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3462000" y="3877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23</xdr:row>
      <xdr:rowOff>20083</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3131800" y="3963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880
6,805
7.05
4,303,093
4,120,947
181,921
2,467,769
3,262,6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4
8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人件費の経常収支比率は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より類似団体平均を上回っているが、神奈川県平均は下回っている状態が継続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lang="ja-JP" altLang="en-US" sz="1300">
              <a:effectLst/>
              <a:latin typeface="ＭＳ ゴシック" panose="020B0609070205080204" pitchFamily="49" charset="-128"/>
              <a:ea typeface="ＭＳ ゴシック" panose="020B0609070205080204" pitchFamily="49" charset="-128"/>
            </a:rPr>
            <a:t>これは、人口１人当たりの職員数が類似団体平均より少なく、またラスパイレス指数が低いことが主な要因と思われ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61290</xdr:rowOff>
    </xdr:from>
    <xdr:to>
      <xdr:col>24</xdr:col>
      <xdr:colOff>25400</xdr:colOff>
      <xdr:row>41</xdr:row>
      <xdr:rowOff>13081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819140"/>
          <a:ext cx="0" cy="134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0288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132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30810</xdr:rowOff>
    </xdr:from>
    <xdr:to>
      <xdr:col>24</xdr:col>
      <xdr:colOff>114300</xdr:colOff>
      <xdr:row>41</xdr:row>
      <xdr:rowOff>13081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160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7621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562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61290</xdr:rowOff>
    </xdr:from>
    <xdr:to>
      <xdr:col>24</xdr:col>
      <xdr:colOff>114300</xdr:colOff>
      <xdr:row>33</xdr:row>
      <xdr:rowOff>16129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819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2700</xdr:rowOff>
    </xdr:from>
    <xdr:to>
      <xdr:col>24</xdr:col>
      <xdr:colOff>25400</xdr:colOff>
      <xdr:row>38</xdr:row>
      <xdr:rowOff>3556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52780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271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1849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67640</xdr:rowOff>
    </xdr:from>
    <xdr:to>
      <xdr:col>24</xdr:col>
      <xdr:colOff>76200</xdr:colOff>
      <xdr:row>37</xdr:row>
      <xdr:rowOff>9779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339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2700</xdr:rowOff>
    </xdr:from>
    <xdr:to>
      <xdr:col>19</xdr:col>
      <xdr:colOff>187325</xdr:colOff>
      <xdr:row>40</xdr:row>
      <xdr:rowOff>3556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527800"/>
          <a:ext cx="889000" cy="365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44780</xdr:rowOff>
    </xdr:from>
    <xdr:to>
      <xdr:col>20</xdr:col>
      <xdr:colOff>38100</xdr:colOff>
      <xdr:row>37</xdr:row>
      <xdr:rowOff>7493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8510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085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8890</xdr:rowOff>
    </xdr:from>
    <xdr:to>
      <xdr:col>15</xdr:col>
      <xdr:colOff>98425</xdr:colOff>
      <xdr:row>40</xdr:row>
      <xdr:rowOff>3556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a:off x="2209800" y="6695440"/>
          <a:ext cx="889000" cy="198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156210</xdr:rowOff>
    </xdr:from>
    <xdr:to>
      <xdr:col>15</xdr:col>
      <xdr:colOff>149225</xdr:colOff>
      <xdr:row>38</xdr:row>
      <xdr:rowOff>8636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49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9653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268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8890</xdr:rowOff>
    </xdr:from>
    <xdr:to>
      <xdr:col>11</xdr:col>
      <xdr:colOff>9525</xdr:colOff>
      <xdr:row>39</xdr:row>
      <xdr:rowOff>2413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69544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64770</xdr:rowOff>
    </xdr:from>
    <xdr:to>
      <xdr:col>11</xdr:col>
      <xdr:colOff>60325</xdr:colOff>
      <xdr:row>37</xdr:row>
      <xdr:rowOff>16637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509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177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49530</xdr:rowOff>
    </xdr:from>
    <xdr:to>
      <xdr:col>6</xdr:col>
      <xdr:colOff>171450</xdr:colOff>
      <xdr:row>37</xdr:row>
      <xdr:rowOff>15113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393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6130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162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56210</xdr:rowOff>
    </xdr:from>
    <xdr:to>
      <xdr:col>24</xdr:col>
      <xdr:colOff>76200</xdr:colOff>
      <xdr:row>38</xdr:row>
      <xdr:rowOff>8636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499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2828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471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133350</xdr:rowOff>
    </xdr:from>
    <xdr:to>
      <xdr:col>20</xdr:col>
      <xdr:colOff>38100</xdr:colOff>
      <xdr:row>38</xdr:row>
      <xdr:rowOff>6350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4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4827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563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156210</xdr:rowOff>
    </xdr:from>
    <xdr:to>
      <xdr:col>15</xdr:col>
      <xdr:colOff>149225</xdr:colOff>
      <xdr:row>40</xdr:row>
      <xdr:rowOff>8636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842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7113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929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29540</xdr:rowOff>
    </xdr:from>
    <xdr:to>
      <xdr:col>11</xdr:col>
      <xdr:colOff>60325</xdr:colOff>
      <xdr:row>39</xdr:row>
      <xdr:rowOff>5969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64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4446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731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44780</xdr:rowOff>
    </xdr:from>
    <xdr:to>
      <xdr:col>6</xdr:col>
      <xdr:colOff>171450</xdr:colOff>
      <xdr:row>39</xdr:row>
      <xdr:rowOff>7493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659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5970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746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物件費に係る経常収支比率は類似団体平均と比較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1</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低い状況となっている。この傾向は過去より続いているが、需用費、委託料などが類似団体に比べ少ないことによるものと考えられ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要因としては、現在まで道路補修や草刈りなど直営で行っていることなどが上げられ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10</xdr:row>
      <xdr:rowOff>127000</xdr:rowOff>
    </xdr:from>
    <xdr:to>
      <xdr:col>85</xdr:col>
      <xdr:colOff>66675</xdr:colOff>
      <xdr:row>24</xdr:row>
      <xdr:rowOff>12700</xdr:rowOff>
    </xdr:to>
    <xdr:sp macro="" textlink="">
      <xdr:nvSpPr>
        <xdr:cNvPr id="118" name="物件費グラフ枠">
          <a:extLst>
            <a:ext uri="{FF2B5EF4-FFF2-40B4-BE49-F238E27FC236}">
              <a16:creationId xmlns:a16="http://schemas.microsoft.com/office/drawing/2014/main" id="{00000000-0008-0000-0400-000076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5</xdr:row>
      <xdr:rowOff>14986</xdr:rowOff>
    </xdr:from>
    <xdr:to>
      <xdr:col>82</xdr:col>
      <xdr:colOff>107950</xdr:colOff>
      <xdr:row>21</xdr:row>
      <xdr:rowOff>170434</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flipV="1">
          <a:off x="16510000" y="2586736"/>
          <a:ext cx="0" cy="11841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42511</xdr:rowOff>
    </xdr:from>
    <xdr:ext cx="762000" cy="259045"/>
    <xdr:sp macro="" textlink="">
      <xdr:nvSpPr>
        <xdr:cNvPr id="120" name="物件費最小値テキスト">
          <a:extLst>
            <a:ext uri="{FF2B5EF4-FFF2-40B4-BE49-F238E27FC236}">
              <a16:creationId xmlns:a16="http://schemas.microsoft.com/office/drawing/2014/main" id="{00000000-0008-0000-0400-000078000000}"/>
            </a:ext>
          </a:extLst>
        </xdr:cNvPr>
        <xdr:cNvSpPr txBox="1"/>
      </xdr:nvSpPr>
      <xdr:spPr>
        <a:xfrm>
          <a:off x="16598900" y="3742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70434</xdr:rowOff>
    </xdr:from>
    <xdr:to>
      <xdr:col>82</xdr:col>
      <xdr:colOff>196850</xdr:colOff>
      <xdr:row>21</xdr:row>
      <xdr:rowOff>170434</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6421100" y="37708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3</xdr:row>
      <xdr:rowOff>101363</xdr:rowOff>
    </xdr:from>
    <xdr:ext cx="762000" cy="259045"/>
    <xdr:sp macro="" textlink="">
      <xdr:nvSpPr>
        <xdr:cNvPr id="122" name="物件費最大値テキスト">
          <a:extLst>
            <a:ext uri="{FF2B5EF4-FFF2-40B4-BE49-F238E27FC236}">
              <a16:creationId xmlns:a16="http://schemas.microsoft.com/office/drawing/2014/main" id="{00000000-0008-0000-0400-00007A000000}"/>
            </a:ext>
          </a:extLst>
        </xdr:cNvPr>
        <xdr:cNvSpPr txBox="1"/>
      </xdr:nvSpPr>
      <xdr:spPr>
        <a:xfrm>
          <a:off x="16598900" y="2330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5</xdr:row>
      <xdr:rowOff>14986</xdr:rowOff>
    </xdr:from>
    <xdr:to>
      <xdr:col>82</xdr:col>
      <xdr:colOff>196850</xdr:colOff>
      <xdr:row>15</xdr:row>
      <xdr:rowOff>14986</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6421100" y="25867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53848</xdr:rowOff>
    </xdr:from>
    <xdr:to>
      <xdr:col>82</xdr:col>
      <xdr:colOff>107950</xdr:colOff>
      <xdr:row>16</xdr:row>
      <xdr:rowOff>94996</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5671800" y="2797048"/>
          <a:ext cx="8382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112285</xdr:rowOff>
    </xdr:from>
    <xdr:ext cx="762000" cy="259045"/>
    <xdr:sp macro="" textlink="">
      <xdr:nvSpPr>
        <xdr:cNvPr id="125" name="物件費平均値テキスト">
          <a:extLst>
            <a:ext uri="{FF2B5EF4-FFF2-40B4-BE49-F238E27FC236}">
              <a16:creationId xmlns:a16="http://schemas.microsoft.com/office/drawing/2014/main" id="{00000000-0008-0000-0400-00007D000000}"/>
            </a:ext>
          </a:extLst>
        </xdr:cNvPr>
        <xdr:cNvSpPr txBox="1"/>
      </xdr:nvSpPr>
      <xdr:spPr>
        <a:xfrm>
          <a:off x="16598900" y="28554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40208</xdr:rowOff>
    </xdr:from>
    <xdr:to>
      <xdr:col>82</xdr:col>
      <xdr:colOff>158750</xdr:colOff>
      <xdr:row>17</xdr:row>
      <xdr:rowOff>70358</xdr:rowOff>
    </xdr:to>
    <xdr:sp macro="" textlink="">
      <xdr:nvSpPr>
        <xdr:cNvPr id="126" name="フローチャート: 判断 125">
          <a:extLst>
            <a:ext uri="{FF2B5EF4-FFF2-40B4-BE49-F238E27FC236}">
              <a16:creationId xmlns:a16="http://schemas.microsoft.com/office/drawing/2014/main" id="{00000000-0008-0000-0400-00007E000000}"/>
            </a:ext>
          </a:extLst>
        </xdr:cNvPr>
        <xdr:cNvSpPr/>
      </xdr:nvSpPr>
      <xdr:spPr>
        <a:xfrm>
          <a:off x="16459200" y="2883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53848</xdr:rowOff>
    </xdr:from>
    <xdr:to>
      <xdr:col>78</xdr:col>
      <xdr:colOff>69850</xdr:colOff>
      <xdr:row>16</xdr:row>
      <xdr:rowOff>76708</xdr:rowOff>
    </xdr:to>
    <xdr:cxnSp macro="">
      <xdr:nvCxnSpPr>
        <xdr:cNvPr id="127" name="直線コネクタ 126">
          <a:extLst>
            <a:ext uri="{FF2B5EF4-FFF2-40B4-BE49-F238E27FC236}">
              <a16:creationId xmlns:a16="http://schemas.microsoft.com/office/drawing/2014/main" id="{00000000-0008-0000-0400-00007F000000}"/>
            </a:ext>
          </a:extLst>
        </xdr:cNvPr>
        <xdr:cNvCxnSpPr/>
      </xdr:nvCxnSpPr>
      <xdr:spPr>
        <a:xfrm flipV="1">
          <a:off x="14782800" y="2797048"/>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85344</xdr:rowOff>
    </xdr:from>
    <xdr:to>
      <xdr:col>78</xdr:col>
      <xdr:colOff>120650</xdr:colOff>
      <xdr:row>17</xdr:row>
      <xdr:rowOff>15494</xdr:rowOff>
    </xdr:to>
    <xdr:sp macro="" textlink="">
      <xdr:nvSpPr>
        <xdr:cNvPr id="128" name="フローチャート: 判断 127">
          <a:extLst>
            <a:ext uri="{FF2B5EF4-FFF2-40B4-BE49-F238E27FC236}">
              <a16:creationId xmlns:a16="http://schemas.microsoft.com/office/drawing/2014/main" id="{00000000-0008-0000-0400-000080000000}"/>
            </a:ext>
          </a:extLst>
        </xdr:cNvPr>
        <xdr:cNvSpPr/>
      </xdr:nvSpPr>
      <xdr:spPr>
        <a:xfrm>
          <a:off x="15621000" y="2828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271</xdr:rowOff>
    </xdr:from>
    <xdr:ext cx="736600" cy="259045"/>
    <xdr:sp macro="" textlink="">
      <xdr:nvSpPr>
        <xdr:cNvPr id="129" name="テキスト ボックス 128">
          <a:extLst>
            <a:ext uri="{FF2B5EF4-FFF2-40B4-BE49-F238E27FC236}">
              <a16:creationId xmlns:a16="http://schemas.microsoft.com/office/drawing/2014/main" id="{00000000-0008-0000-0400-000081000000}"/>
            </a:ext>
          </a:extLst>
        </xdr:cNvPr>
        <xdr:cNvSpPr txBox="1"/>
      </xdr:nvSpPr>
      <xdr:spPr>
        <a:xfrm>
          <a:off x="15290800" y="29149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76708</xdr:rowOff>
    </xdr:from>
    <xdr:to>
      <xdr:col>73</xdr:col>
      <xdr:colOff>180975</xdr:colOff>
      <xdr:row>16</xdr:row>
      <xdr:rowOff>113284</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flipV="1">
          <a:off x="13893800" y="2819908"/>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21920</xdr:rowOff>
    </xdr:from>
    <xdr:to>
      <xdr:col>74</xdr:col>
      <xdr:colOff>31750</xdr:colOff>
      <xdr:row>17</xdr:row>
      <xdr:rowOff>52070</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4732000" y="2865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36847</xdr:rowOff>
    </xdr:from>
    <xdr:ext cx="762000" cy="259045"/>
    <xdr:sp macro="" textlink="">
      <xdr:nvSpPr>
        <xdr:cNvPr id="132" name="テキスト ボックス 131">
          <a:extLst>
            <a:ext uri="{FF2B5EF4-FFF2-40B4-BE49-F238E27FC236}">
              <a16:creationId xmlns:a16="http://schemas.microsoft.com/office/drawing/2014/main" id="{00000000-0008-0000-0400-000084000000}"/>
            </a:ext>
          </a:extLst>
        </xdr:cNvPr>
        <xdr:cNvSpPr txBox="1"/>
      </xdr:nvSpPr>
      <xdr:spPr>
        <a:xfrm>
          <a:off x="14401800" y="2951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113284</xdr:rowOff>
    </xdr:from>
    <xdr:to>
      <xdr:col>69</xdr:col>
      <xdr:colOff>92075</xdr:colOff>
      <xdr:row>17</xdr:row>
      <xdr:rowOff>1270</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flipV="1">
          <a:off x="13004800" y="2856484"/>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5334</xdr:rowOff>
    </xdr:from>
    <xdr:to>
      <xdr:col>69</xdr:col>
      <xdr:colOff>142875</xdr:colOff>
      <xdr:row>17</xdr:row>
      <xdr:rowOff>106934</xdr:rowOff>
    </xdr:to>
    <xdr:sp macro="" textlink="">
      <xdr:nvSpPr>
        <xdr:cNvPr id="134" name="フローチャート: 判断 133">
          <a:extLst>
            <a:ext uri="{FF2B5EF4-FFF2-40B4-BE49-F238E27FC236}">
              <a16:creationId xmlns:a16="http://schemas.microsoft.com/office/drawing/2014/main" id="{00000000-0008-0000-0400-000086000000}"/>
            </a:ext>
          </a:extLst>
        </xdr:cNvPr>
        <xdr:cNvSpPr/>
      </xdr:nvSpPr>
      <xdr:spPr>
        <a:xfrm>
          <a:off x="13843000" y="2919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91711</xdr:rowOff>
    </xdr:from>
    <xdr:ext cx="762000" cy="259045"/>
    <xdr:sp macro="" textlink="">
      <xdr:nvSpPr>
        <xdr:cNvPr id="135" name="テキスト ボックス 134">
          <a:extLst>
            <a:ext uri="{FF2B5EF4-FFF2-40B4-BE49-F238E27FC236}">
              <a16:creationId xmlns:a16="http://schemas.microsoft.com/office/drawing/2014/main" id="{00000000-0008-0000-0400-000087000000}"/>
            </a:ext>
          </a:extLst>
        </xdr:cNvPr>
        <xdr:cNvSpPr txBox="1"/>
      </xdr:nvSpPr>
      <xdr:spPr>
        <a:xfrm>
          <a:off x="13512800" y="3006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67640</xdr:rowOff>
    </xdr:from>
    <xdr:to>
      <xdr:col>65</xdr:col>
      <xdr:colOff>53975</xdr:colOff>
      <xdr:row>17</xdr:row>
      <xdr:rowOff>97790</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2954000" y="2910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8256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2623800" y="2997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44196</xdr:rowOff>
    </xdr:from>
    <xdr:to>
      <xdr:col>82</xdr:col>
      <xdr:colOff>158750</xdr:colOff>
      <xdr:row>16</xdr:row>
      <xdr:rowOff>145796</xdr:rowOff>
    </xdr:to>
    <xdr:sp macro="" textlink="">
      <xdr:nvSpPr>
        <xdr:cNvPr id="143" name="楕円 142">
          <a:extLst>
            <a:ext uri="{FF2B5EF4-FFF2-40B4-BE49-F238E27FC236}">
              <a16:creationId xmlns:a16="http://schemas.microsoft.com/office/drawing/2014/main" id="{00000000-0008-0000-0400-00008F000000}"/>
            </a:ext>
          </a:extLst>
        </xdr:cNvPr>
        <xdr:cNvSpPr/>
      </xdr:nvSpPr>
      <xdr:spPr>
        <a:xfrm>
          <a:off x="16459200" y="2787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60723</xdr:rowOff>
    </xdr:from>
    <xdr:ext cx="762000" cy="259045"/>
    <xdr:sp macro="" textlink="">
      <xdr:nvSpPr>
        <xdr:cNvPr id="144" name="物件費該当値テキスト">
          <a:extLst>
            <a:ext uri="{FF2B5EF4-FFF2-40B4-BE49-F238E27FC236}">
              <a16:creationId xmlns:a16="http://schemas.microsoft.com/office/drawing/2014/main" id="{00000000-0008-0000-0400-000090000000}"/>
            </a:ext>
          </a:extLst>
        </xdr:cNvPr>
        <xdr:cNvSpPr txBox="1"/>
      </xdr:nvSpPr>
      <xdr:spPr>
        <a:xfrm>
          <a:off x="16598900" y="2632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3048</xdr:rowOff>
    </xdr:from>
    <xdr:to>
      <xdr:col>78</xdr:col>
      <xdr:colOff>120650</xdr:colOff>
      <xdr:row>16</xdr:row>
      <xdr:rowOff>104648</xdr:rowOff>
    </xdr:to>
    <xdr:sp macro="" textlink="">
      <xdr:nvSpPr>
        <xdr:cNvPr id="145" name="楕円 144">
          <a:extLst>
            <a:ext uri="{FF2B5EF4-FFF2-40B4-BE49-F238E27FC236}">
              <a16:creationId xmlns:a16="http://schemas.microsoft.com/office/drawing/2014/main" id="{00000000-0008-0000-0400-000091000000}"/>
            </a:ext>
          </a:extLst>
        </xdr:cNvPr>
        <xdr:cNvSpPr/>
      </xdr:nvSpPr>
      <xdr:spPr>
        <a:xfrm>
          <a:off x="15621000" y="2746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14825</xdr:rowOff>
    </xdr:from>
    <xdr:ext cx="7366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5290800" y="25151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25908</xdr:rowOff>
    </xdr:from>
    <xdr:to>
      <xdr:col>74</xdr:col>
      <xdr:colOff>31750</xdr:colOff>
      <xdr:row>16</xdr:row>
      <xdr:rowOff>127508</xdr:rowOff>
    </xdr:to>
    <xdr:sp macro="" textlink="">
      <xdr:nvSpPr>
        <xdr:cNvPr id="147" name="楕円 146">
          <a:extLst>
            <a:ext uri="{FF2B5EF4-FFF2-40B4-BE49-F238E27FC236}">
              <a16:creationId xmlns:a16="http://schemas.microsoft.com/office/drawing/2014/main" id="{00000000-0008-0000-0400-000093000000}"/>
            </a:ext>
          </a:extLst>
        </xdr:cNvPr>
        <xdr:cNvSpPr/>
      </xdr:nvSpPr>
      <xdr:spPr>
        <a:xfrm>
          <a:off x="14732000" y="2769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37685</xdr:rowOff>
    </xdr:from>
    <xdr:ext cx="7620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4401800" y="2537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62484</xdr:rowOff>
    </xdr:from>
    <xdr:to>
      <xdr:col>69</xdr:col>
      <xdr:colOff>142875</xdr:colOff>
      <xdr:row>16</xdr:row>
      <xdr:rowOff>164084</xdr:rowOff>
    </xdr:to>
    <xdr:sp macro="" textlink="">
      <xdr:nvSpPr>
        <xdr:cNvPr id="149" name="楕円 148">
          <a:extLst>
            <a:ext uri="{FF2B5EF4-FFF2-40B4-BE49-F238E27FC236}">
              <a16:creationId xmlns:a16="http://schemas.microsoft.com/office/drawing/2014/main" id="{00000000-0008-0000-0400-000095000000}"/>
            </a:ext>
          </a:extLst>
        </xdr:cNvPr>
        <xdr:cNvSpPr/>
      </xdr:nvSpPr>
      <xdr:spPr>
        <a:xfrm>
          <a:off x="13843000" y="2805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2811</xdr:rowOff>
    </xdr:from>
    <xdr:ext cx="762000" cy="259045"/>
    <xdr:sp macro="" textlink="">
      <xdr:nvSpPr>
        <xdr:cNvPr id="150" name="テキスト ボックス 149">
          <a:extLst>
            <a:ext uri="{FF2B5EF4-FFF2-40B4-BE49-F238E27FC236}">
              <a16:creationId xmlns:a16="http://schemas.microsoft.com/office/drawing/2014/main" id="{00000000-0008-0000-0400-000096000000}"/>
            </a:ext>
          </a:extLst>
        </xdr:cNvPr>
        <xdr:cNvSpPr txBox="1"/>
      </xdr:nvSpPr>
      <xdr:spPr>
        <a:xfrm>
          <a:off x="13512800" y="2574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21920</xdr:rowOff>
    </xdr:from>
    <xdr:to>
      <xdr:col>65</xdr:col>
      <xdr:colOff>53975</xdr:colOff>
      <xdr:row>17</xdr:row>
      <xdr:rowOff>52070</xdr:rowOff>
    </xdr:to>
    <xdr:sp macro="" textlink="">
      <xdr:nvSpPr>
        <xdr:cNvPr id="151" name="楕円 150">
          <a:extLst>
            <a:ext uri="{FF2B5EF4-FFF2-40B4-BE49-F238E27FC236}">
              <a16:creationId xmlns:a16="http://schemas.microsoft.com/office/drawing/2014/main" id="{00000000-0008-0000-0400-000097000000}"/>
            </a:ext>
          </a:extLst>
        </xdr:cNvPr>
        <xdr:cNvSpPr/>
      </xdr:nvSpPr>
      <xdr:spPr>
        <a:xfrm>
          <a:off x="12954000" y="2865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62247</xdr:rowOff>
    </xdr:from>
    <xdr:ext cx="762000" cy="259045"/>
    <xdr:sp macro="" textlink="">
      <xdr:nvSpPr>
        <xdr:cNvPr id="152" name="テキスト ボックス 151">
          <a:extLst>
            <a:ext uri="{FF2B5EF4-FFF2-40B4-BE49-F238E27FC236}">
              <a16:creationId xmlns:a16="http://schemas.microsoft.com/office/drawing/2014/main" id="{00000000-0008-0000-0400-000098000000}"/>
            </a:ext>
          </a:extLst>
        </xdr:cNvPr>
        <xdr:cNvSpPr txBox="1"/>
      </xdr:nvSpPr>
      <xdr:spPr>
        <a:xfrm>
          <a:off x="12623800" y="2633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扶助費の経常収支比率は令和２年、令和３年と類似団体平均と同一ではあったが、令和４年度に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差が開いた。県内でも高齢化率が一番高く、今後は増加していく傾向と思われ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123825</xdr:colOff>
      <xdr:row>49</xdr:row>
      <xdr:rowOff>107950</xdr:rowOff>
    </xdr:from>
    <xdr:ext cx="298543" cy="225703"/>
    <xdr:sp macro="" textlink="">
      <xdr:nvSpPr>
        <xdr:cNvPr id="164" name="テキスト ボックス 163">
          <a:extLst>
            <a:ext uri="{FF2B5EF4-FFF2-40B4-BE49-F238E27FC236}">
              <a16:creationId xmlns:a16="http://schemas.microsoft.com/office/drawing/2014/main" id="{00000000-0008-0000-0400-0000A4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5" name="直線コネクタ 164">
          <a:extLst>
            <a:ext uri="{FF2B5EF4-FFF2-40B4-BE49-F238E27FC236}">
              <a16:creationId xmlns:a16="http://schemas.microsoft.com/office/drawing/2014/main" id="{00000000-0008-0000-0400-0000A5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7" name="直線コネクタ 166">
          <a:extLst>
            <a:ext uri="{FF2B5EF4-FFF2-40B4-BE49-F238E27FC236}">
              <a16:creationId xmlns:a16="http://schemas.microsoft.com/office/drawing/2014/main" id="{00000000-0008-0000-0400-0000A7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9" name="直線コネクタ 168">
          <a:extLst>
            <a:ext uri="{FF2B5EF4-FFF2-40B4-BE49-F238E27FC236}">
              <a16:creationId xmlns:a16="http://schemas.microsoft.com/office/drawing/2014/main" id="{00000000-0008-0000-0400-0000A9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1" name="直線コネクタ 170">
          <a:extLst>
            <a:ext uri="{FF2B5EF4-FFF2-40B4-BE49-F238E27FC236}">
              <a16:creationId xmlns:a16="http://schemas.microsoft.com/office/drawing/2014/main" id="{00000000-0008-0000-0400-0000AB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2" name="テキスト ボックス 171">
          <a:extLst>
            <a:ext uri="{FF2B5EF4-FFF2-40B4-BE49-F238E27FC236}">
              <a16:creationId xmlns:a16="http://schemas.microsoft.com/office/drawing/2014/main" id="{00000000-0008-0000-0400-0000AC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3" name="直線コネクタ 172">
          <a:extLst>
            <a:ext uri="{FF2B5EF4-FFF2-40B4-BE49-F238E27FC236}">
              <a16:creationId xmlns:a16="http://schemas.microsoft.com/office/drawing/2014/main" id="{00000000-0008-0000-0400-0000AD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4" name="テキスト ボックス 173">
          <a:extLst>
            <a:ext uri="{FF2B5EF4-FFF2-40B4-BE49-F238E27FC236}">
              <a16:creationId xmlns:a16="http://schemas.microsoft.com/office/drawing/2014/main" id="{00000000-0008-0000-0400-0000AE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5" name="直線コネクタ 174">
          <a:extLst>
            <a:ext uri="{FF2B5EF4-FFF2-40B4-BE49-F238E27FC236}">
              <a16:creationId xmlns:a16="http://schemas.microsoft.com/office/drawing/2014/main" id="{00000000-0008-0000-0400-0000AF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6" name="テキスト ボックス 175">
          <a:extLst>
            <a:ext uri="{FF2B5EF4-FFF2-40B4-BE49-F238E27FC236}">
              <a16:creationId xmlns:a16="http://schemas.microsoft.com/office/drawing/2014/main" id="{00000000-0008-0000-0400-0000B0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7" name="直線コネクタ 176">
          <a:extLst>
            <a:ext uri="{FF2B5EF4-FFF2-40B4-BE49-F238E27FC236}">
              <a16:creationId xmlns:a16="http://schemas.microsoft.com/office/drawing/2014/main" id="{00000000-0008-0000-0400-0000B1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8" name="テキスト ボックス 177">
          <a:extLst>
            <a:ext uri="{FF2B5EF4-FFF2-40B4-BE49-F238E27FC236}">
              <a16:creationId xmlns:a16="http://schemas.microsoft.com/office/drawing/2014/main" id="{00000000-0008-0000-0400-0000B2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9" name="扶助費グラフ枠">
          <a:extLst>
            <a:ext uri="{FF2B5EF4-FFF2-40B4-BE49-F238E27FC236}">
              <a16:creationId xmlns:a16="http://schemas.microsoft.com/office/drawing/2014/main" id="{00000000-0008-0000-0400-0000B3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07950</xdr:rowOff>
    </xdr:from>
    <xdr:to>
      <xdr:col>24</xdr:col>
      <xdr:colOff>25400</xdr:colOff>
      <xdr:row>61</xdr:row>
      <xdr:rowOff>16510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flipV="1">
          <a:off x="4826000" y="902335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37177</xdr:rowOff>
    </xdr:from>
    <xdr:ext cx="762000" cy="259045"/>
    <xdr:sp macro="" textlink="">
      <xdr:nvSpPr>
        <xdr:cNvPr id="181" name="扶助費最小値テキスト">
          <a:extLst>
            <a:ext uri="{FF2B5EF4-FFF2-40B4-BE49-F238E27FC236}">
              <a16:creationId xmlns:a16="http://schemas.microsoft.com/office/drawing/2014/main" id="{00000000-0008-0000-0400-0000B5000000}"/>
            </a:ext>
          </a:extLst>
        </xdr:cNvPr>
        <xdr:cNvSpPr txBox="1"/>
      </xdr:nvSpPr>
      <xdr:spPr>
        <a:xfrm>
          <a:off x="4914900" y="10595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65100</xdr:rowOff>
    </xdr:from>
    <xdr:to>
      <xdr:col>24</xdr:col>
      <xdr:colOff>114300</xdr:colOff>
      <xdr:row>61</xdr:row>
      <xdr:rowOff>165100</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4737100" y="10623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22877</xdr:rowOff>
    </xdr:from>
    <xdr:ext cx="762000" cy="259045"/>
    <xdr:sp macro="" textlink="">
      <xdr:nvSpPr>
        <xdr:cNvPr id="183" name="扶助費最大値テキスト">
          <a:extLst>
            <a:ext uri="{FF2B5EF4-FFF2-40B4-BE49-F238E27FC236}">
              <a16:creationId xmlns:a16="http://schemas.microsoft.com/office/drawing/2014/main" id="{00000000-0008-0000-0400-0000B7000000}"/>
            </a:ext>
          </a:extLst>
        </xdr:cNvPr>
        <xdr:cNvSpPr txBox="1"/>
      </xdr:nvSpPr>
      <xdr:spPr>
        <a:xfrm>
          <a:off x="4914900" y="876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07950</xdr:rowOff>
    </xdr:from>
    <xdr:to>
      <xdr:col>24</xdr:col>
      <xdr:colOff>114300</xdr:colOff>
      <xdr:row>52</xdr:row>
      <xdr:rowOff>10795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4737100" y="9023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69850</xdr:rowOff>
    </xdr:from>
    <xdr:to>
      <xdr:col>24</xdr:col>
      <xdr:colOff>25400</xdr:colOff>
      <xdr:row>55</xdr:row>
      <xdr:rowOff>8890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flipV="1">
          <a:off x="3987800" y="9499600"/>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9227</xdr:rowOff>
    </xdr:from>
    <xdr:ext cx="762000" cy="259045"/>
    <xdr:sp macro="" textlink="">
      <xdr:nvSpPr>
        <xdr:cNvPr id="186" name="扶助費平均値テキスト">
          <a:extLst>
            <a:ext uri="{FF2B5EF4-FFF2-40B4-BE49-F238E27FC236}">
              <a16:creationId xmlns:a16="http://schemas.microsoft.com/office/drawing/2014/main" id="{00000000-0008-0000-0400-0000BA000000}"/>
            </a:ext>
          </a:extLst>
        </xdr:cNvPr>
        <xdr:cNvSpPr txBox="1"/>
      </xdr:nvSpPr>
      <xdr:spPr>
        <a:xfrm>
          <a:off x="4914900" y="9458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57150</xdr:rowOff>
    </xdr:from>
    <xdr:to>
      <xdr:col>24</xdr:col>
      <xdr:colOff>76200</xdr:colOff>
      <xdr:row>55</xdr:row>
      <xdr:rowOff>158750</xdr:rowOff>
    </xdr:to>
    <xdr:sp macro="" textlink="">
      <xdr:nvSpPr>
        <xdr:cNvPr id="187" name="フローチャート: 判断 186">
          <a:extLst>
            <a:ext uri="{FF2B5EF4-FFF2-40B4-BE49-F238E27FC236}">
              <a16:creationId xmlns:a16="http://schemas.microsoft.com/office/drawing/2014/main" id="{00000000-0008-0000-0400-0000BB000000}"/>
            </a:ext>
          </a:extLst>
        </xdr:cNvPr>
        <xdr:cNvSpPr/>
      </xdr:nvSpPr>
      <xdr:spPr>
        <a:xfrm>
          <a:off x="4775200" y="948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88900</xdr:rowOff>
    </xdr:from>
    <xdr:to>
      <xdr:col>19</xdr:col>
      <xdr:colOff>187325</xdr:colOff>
      <xdr:row>56</xdr:row>
      <xdr:rowOff>12700</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flipV="1">
          <a:off x="3098800" y="951865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38100</xdr:rowOff>
    </xdr:from>
    <xdr:to>
      <xdr:col>20</xdr:col>
      <xdr:colOff>38100</xdr:colOff>
      <xdr:row>55</xdr:row>
      <xdr:rowOff>139700</xdr:rowOff>
    </xdr:to>
    <xdr:sp macro="" textlink="">
      <xdr:nvSpPr>
        <xdr:cNvPr id="189" name="フローチャート: 判断 188">
          <a:extLst>
            <a:ext uri="{FF2B5EF4-FFF2-40B4-BE49-F238E27FC236}">
              <a16:creationId xmlns:a16="http://schemas.microsoft.com/office/drawing/2014/main" id="{00000000-0008-0000-0400-0000BD000000}"/>
            </a:ext>
          </a:extLst>
        </xdr:cNvPr>
        <xdr:cNvSpPr/>
      </xdr:nvSpPr>
      <xdr:spPr>
        <a:xfrm>
          <a:off x="3937000" y="9467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49877</xdr:rowOff>
    </xdr:from>
    <xdr:ext cx="736600" cy="259045"/>
    <xdr:sp macro="" textlink="">
      <xdr:nvSpPr>
        <xdr:cNvPr id="190" name="テキスト ボックス 189">
          <a:extLst>
            <a:ext uri="{FF2B5EF4-FFF2-40B4-BE49-F238E27FC236}">
              <a16:creationId xmlns:a16="http://schemas.microsoft.com/office/drawing/2014/main" id="{00000000-0008-0000-0400-0000BE000000}"/>
            </a:ext>
          </a:extLst>
        </xdr:cNvPr>
        <xdr:cNvSpPr txBox="1"/>
      </xdr:nvSpPr>
      <xdr:spPr>
        <a:xfrm>
          <a:off x="3606800" y="92367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127000</xdr:rowOff>
    </xdr:from>
    <xdr:to>
      <xdr:col>15</xdr:col>
      <xdr:colOff>98425</xdr:colOff>
      <xdr:row>56</xdr:row>
      <xdr:rowOff>12700</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a:off x="2209800" y="938530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33350</xdr:rowOff>
    </xdr:from>
    <xdr:to>
      <xdr:col>15</xdr:col>
      <xdr:colOff>149225</xdr:colOff>
      <xdr:row>56</xdr:row>
      <xdr:rowOff>63500</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30480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73677</xdr:rowOff>
    </xdr:from>
    <xdr:ext cx="762000" cy="259045"/>
    <xdr:sp macro="" textlink="">
      <xdr:nvSpPr>
        <xdr:cNvPr id="193" name="テキスト ボックス 192">
          <a:extLst>
            <a:ext uri="{FF2B5EF4-FFF2-40B4-BE49-F238E27FC236}">
              <a16:creationId xmlns:a16="http://schemas.microsoft.com/office/drawing/2014/main" id="{00000000-0008-0000-0400-0000C1000000}"/>
            </a:ext>
          </a:extLst>
        </xdr:cNvPr>
        <xdr:cNvSpPr txBox="1"/>
      </xdr:nvSpPr>
      <xdr:spPr>
        <a:xfrm>
          <a:off x="27178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88900</xdr:rowOff>
    </xdr:from>
    <xdr:to>
      <xdr:col>11</xdr:col>
      <xdr:colOff>9525</xdr:colOff>
      <xdr:row>54</xdr:row>
      <xdr:rowOff>127000</xdr:rowOff>
    </xdr:to>
    <xdr:cxnSp macro="">
      <xdr:nvCxnSpPr>
        <xdr:cNvPr id="194" name="直線コネクタ 193">
          <a:extLst>
            <a:ext uri="{FF2B5EF4-FFF2-40B4-BE49-F238E27FC236}">
              <a16:creationId xmlns:a16="http://schemas.microsoft.com/office/drawing/2014/main" id="{00000000-0008-0000-0400-0000C2000000}"/>
            </a:ext>
          </a:extLst>
        </xdr:cNvPr>
        <xdr:cNvCxnSpPr/>
      </xdr:nvCxnSpPr>
      <xdr:spPr>
        <a:xfrm>
          <a:off x="1320800" y="93472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76200</xdr:rowOff>
    </xdr:from>
    <xdr:to>
      <xdr:col>11</xdr:col>
      <xdr:colOff>60325</xdr:colOff>
      <xdr:row>57</xdr:row>
      <xdr:rowOff>6350</xdr:rowOff>
    </xdr:to>
    <xdr:sp macro="" textlink="">
      <xdr:nvSpPr>
        <xdr:cNvPr id="195" name="フローチャート: 判断 194">
          <a:extLst>
            <a:ext uri="{FF2B5EF4-FFF2-40B4-BE49-F238E27FC236}">
              <a16:creationId xmlns:a16="http://schemas.microsoft.com/office/drawing/2014/main" id="{00000000-0008-0000-0400-0000C3000000}"/>
            </a:ext>
          </a:extLst>
        </xdr:cNvPr>
        <xdr:cNvSpPr/>
      </xdr:nvSpPr>
      <xdr:spPr>
        <a:xfrm>
          <a:off x="2159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62577</xdr:rowOff>
    </xdr:from>
    <xdr:ext cx="762000" cy="259045"/>
    <xdr:sp macro="" textlink="">
      <xdr:nvSpPr>
        <xdr:cNvPr id="196" name="テキスト ボックス 195">
          <a:extLst>
            <a:ext uri="{FF2B5EF4-FFF2-40B4-BE49-F238E27FC236}">
              <a16:creationId xmlns:a16="http://schemas.microsoft.com/office/drawing/2014/main" id="{00000000-0008-0000-0400-0000C4000000}"/>
            </a:ext>
          </a:extLst>
        </xdr:cNvPr>
        <xdr:cNvSpPr txBox="1"/>
      </xdr:nvSpPr>
      <xdr:spPr>
        <a:xfrm>
          <a:off x="1828800" y="976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76200</xdr:rowOff>
    </xdr:from>
    <xdr:to>
      <xdr:col>6</xdr:col>
      <xdr:colOff>171450</xdr:colOff>
      <xdr:row>57</xdr:row>
      <xdr:rowOff>6350</xdr:rowOff>
    </xdr:to>
    <xdr:sp macro="" textlink="">
      <xdr:nvSpPr>
        <xdr:cNvPr id="197" name="フローチャート: 判断 196">
          <a:extLst>
            <a:ext uri="{FF2B5EF4-FFF2-40B4-BE49-F238E27FC236}">
              <a16:creationId xmlns:a16="http://schemas.microsoft.com/office/drawing/2014/main" id="{00000000-0008-0000-0400-0000C5000000}"/>
            </a:ext>
          </a:extLst>
        </xdr:cNvPr>
        <xdr:cNvSpPr/>
      </xdr:nvSpPr>
      <xdr:spPr>
        <a:xfrm>
          <a:off x="1270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625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939800" y="976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9050</xdr:rowOff>
    </xdr:from>
    <xdr:to>
      <xdr:col>24</xdr:col>
      <xdr:colOff>76200</xdr:colOff>
      <xdr:row>55</xdr:row>
      <xdr:rowOff>120650</xdr:rowOff>
    </xdr:to>
    <xdr:sp macro="" textlink="">
      <xdr:nvSpPr>
        <xdr:cNvPr id="204" name="楕円 203">
          <a:extLst>
            <a:ext uri="{FF2B5EF4-FFF2-40B4-BE49-F238E27FC236}">
              <a16:creationId xmlns:a16="http://schemas.microsoft.com/office/drawing/2014/main" id="{00000000-0008-0000-0400-0000CC000000}"/>
            </a:ext>
          </a:extLst>
        </xdr:cNvPr>
        <xdr:cNvSpPr/>
      </xdr:nvSpPr>
      <xdr:spPr>
        <a:xfrm>
          <a:off x="47752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35577</xdr:rowOff>
    </xdr:from>
    <xdr:ext cx="762000" cy="259045"/>
    <xdr:sp macro="" textlink="">
      <xdr:nvSpPr>
        <xdr:cNvPr id="205" name="扶助費該当値テキスト">
          <a:extLst>
            <a:ext uri="{FF2B5EF4-FFF2-40B4-BE49-F238E27FC236}">
              <a16:creationId xmlns:a16="http://schemas.microsoft.com/office/drawing/2014/main" id="{00000000-0008-0000-0400-0000CD000000}"/>
            </a:ext>
          </a:extLst>
        </xdr:cNvPr>
        <xdr:cNvSpPr txBox="1"/>
      </xdr:nvSpPr>
      <xdr:spPr>
        <a:xfrm>
          <a:off x="49149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38100</xdr:rowOff>
    </xdr:from>
    <xdr:to>
      <xdr:col>20</xdr:col>
      <xdr:colOff>38100</xdr:colOff>
      <xdr:row>55</xdr:row>
      <xdr:rowOff>139700</xdr:rowOff>
    </xdr:to>
    <xdr:sp macro="" textlink="">
      <xdr:nvSpPr>
        <xdr:cNvPr id="206" name="楕円 205">
          <a:extLst>
            <a:ext uri="{FF2B5EF4-FFF2-40B4-BE49-F238E27FC236}">
              <a16:creationId xmlns:a16="http://schemas.microsoft.com/office/drawing/2014/main" id="{00000000-0008-0000-0400-0000CE000000}"/>
            </a:ext>
          </a:extLst>
        </xdr:cNvPr>
        <xdr:cNvSpPr/>
      </xdr:nvSpPr>
      <xdr:spPr>
        <a:xfrm>
          <a:off x="3937000" y="9467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24477</xdr:rowOff>
    </xdr:from>
    <xdr:ext cx="7366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3606800" y="95542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133350</xdr:rowOff>
    </xdr:from>
    <xdr:to>
      <xdr:col>15</xdr:col>
      <xdr:colOff>149225</xdr:colOff>
      <xdr:row>56</xdr:row>
      <xdr:rowOff>63500</xdr:rowOff>
    </xdr:to>
    <xdr:sp macro="" textlink="">
      <xdr:nvSpPr>
        <xdr:cNvPr id="208" name="楕円 207">
          <a:extLst>
            <a:ext uri="{FF2B5EF4-FFF2-40B4-BE49-F238E27FC236}">
              <a16:creationId xmlns:a16="http://schemas.microsoft.com/office/drawing/2014/main" id="{00000000-0008-0000-0400-0000D0000000}"/>
            </a:ext>
          </a:extLst>
        </xdr:cNvPr>
        <xdr:cNvSpPr/>
      </xdr:nvSpPr>
      <xdr:spPr>
        <a:xfrm>
          <a:off x="3048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4827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2717800" y="964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76200</xdr:rowOff>
    </xdr:from>
    <xdr:to>
      <xdr:col>11</xdr:col>
      <xdr:colOff>60325</xdr:colOff>
      <xdr:row>55</xdr:row>
      <xdr:rowOff>6350</xdr:rowOff>
    </xdr:to>
    <xdr:sp macro="" textlink="">
      <xdr:nvSpPr>
        <xdr:cNvPr id="210" name="楕円 209">
          <a:extLst>
            <a:ext uri="{FF2B5EF4-FFF2-40B4-BE49-F238E27FC236}">
              <a16:creationId xmlns:a16="http://schemas.microsoft.com/office/drawing/2014/main" id="{00000000-0008-0000-0400-0000D2000000}"/>
            </a:ext>
          </a:extLst>
        </xdr:cNvPr>
        <xdr:cNvSpPr/>
      </xdr:nvSpPr>
      <xdr:spPr>
        <a:xfrm>
          <a:off x="2159000" y="933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16527</xdr:rowOff>
    </xdr:from>
    <xdr:ext cx="762000" cy="259045"/>
    <xdr:sp macro="" textlink="">
      <xdr:nvSpPr>
        <xdr:cNvPr id="211" name="テキスト ボックス 210">
          <a:extLst>
            <a:ext uri="{FF2B5EF4-FFF2-40B4-BE49-F238E27FC236}">
              <a16:creationId xmlns:a16="http://schemas.microsoft.com/office/drawing/2014/main" id="{00000000-0008-0000-0400-0000D3000000}"/>
            </a:ext>
          </a:extLst>
        </xdr:cNvPr>
        <xdr:cNvSpPr txBox="1"/>
      </xdr:nvSpPr>
      <xdr:spPr>
        <a:xfrm>
          <a:off x="1828800" y="910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38100</xdr:rowOff>
    </xdr:from>
    <xdr:to>
      <xdr:col>6</xdr:col>
      <xdr:colOff>171450</xdr:colOff>
      <xdr:row>54</xdr:row>
      <xdr:rowOff>139700</xdr:rowOff>
    </xdr:to>
    <xdr:sp macro="" textlink="">
      <xdr:nvSpPr>
        <xdr:cNvPr id="212" name="楕円 211">
          <a:extLst>
            <a:ext uri="{FF2B5EF4-FFF2-40B4-BE49-F238E27FC236}">
              <a16:creationId xmlns:a16="http://schemas.microsoft.com/office/drawing/2014/main" id="{00000000-0008-0000-0400-0000D4000000}"/>
            </a:ext>
          </a:extLst>
        </xdr:cNvPr>
        <xdr:cNvSpPr/>
      </xdr:nvSpPr>
      <xdr:spPr>
        <a:xfrm>
          <a:off x="1270000" y="929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2</xdr:row>
      <xdr:rowOff>149877</xdr:rowOff>
    </xdr:from>
    <xdr:ext cx="762000" cy="259045"/>
    <xdr:sp macro="" textlink="">
      <xdr:nvSpPr>
        <xdr:cNvPr id="213" name="テキスト ボックス 212">
          <a:extLst>
            <a:ext uri="{FF2B5EF4-FFF2-40B4-BE49-F238E27FC236}">
              <a16:creationId xmlns:a16="http://schemas.microsoft.com/office/drawing/2014/main" id="{00000000-0008-0000-0400-0000D5000000}"/>
            </a:ext>
          </a:extLst>
        </xdr:cNvPr>
        <xdr:cNvSpPr txBox="1"/>
      </xdr:nvSpPr>
      <xdr:spPr>
        <a:xfrm>
          <a:off x="939800" y="906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4" name="正方形/長方形 213">
          <a:extLst>
            <a:ext uri="{FF2B5EF4-FFF2-40B4-BE49-F238E27FC236}">
              <a16:creationId xmlns:a16="http://schemas.microsoft.com/office/drawing/2014/main" id="{00000000-0008-0000-0400-0000D6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4" name="テキスト ボックス 223">
          <a:extLst>
            <a:ext uri="{FF2B5EF4-FFF2-40B4-BE49-F238E27FC236}">
              <a16:creationId xmlns:a16="http://schemas.microsoft.com/office/drawing/2014/main" id="{00000000-0008-0000-0400-0000E0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その他の経常収支比率は類似団体平均を上回ってい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類似団体平均、全国平均、神奈川県平均が全て上回っており、また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は過去</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の中で最も高い数値となり、前年度から３．３ポイントの増加となってい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経常</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経費としての交付税等が増加し、維持補修費・繰出金等が増加したことが主な要因と考えられ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49</xdr:row>
      <xdr:rowOff>107950</xdr:rowOff>
    </xdr:from>
    <xdr:ext cx="298543" cy="225703"/>
    <xdr:sp macro="" textlink="">
      <xdr:nvSpPr>
        <xdr:cNvPr id="225" name="テキスト ボックス 224">
          <a:extLst>
            <a:ext uri="{FF2B5EF4-FFF2-40B4-BE49-F238E27FC236}">
              <a16:creationId xmlns:a16="http://schemas.microsoft.com/office/drawing/2014/main" id="{00000000-0008-0000-0400-0000E1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6" name="直線コネクタ 225">
          <a:extLst>
            <a:ext uri="{FF2B5EF4-FFF2-40B4-BE49-F238E27FC236}">
              <a16:creationId xmlns:a16="http://schemas.microsoft.com/office/drawing/2014/main" id="{00000000-0008-0000-0400-0000E2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7" name="テキスト ボックス 226">
          <a:extLst>
            <a:ext uri="{FF2B5EF4-FFF2-40B4-BE49-F238E27FC236}">
              <a16:creationId xmlns:a16="http://schemas.microsoft.com/office/drawing/2014/main" id="{00000000-0008-0000-0400-0000E3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8" name="直線コネクタ 227">
          <a:extLst>
            <a:ext uri="{FF2B5EF4-FFF2-40B4-BE49-F238E27FC236}">
              <a16:creationId xmlns:a16="http://schemas.microsoft.com/office/drawing/2014/main" id="{00000000-0008-0000-0400-0000E4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29" name="テキスト ボックス 228">
          <a:extLst>
            <a:ext uri="{FF2B5EF4-FFF2-40B4-BE49-F238E27FC236}">
              <a16:creationId xmlns:a16="http://schemas.microsoft.com/office/drawing/2014/main" id="{00000000-0008-0000-0400-0000E5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0" name="直線コネクタ 229">
          <a:extLst>
            <a:ext uri="{FF2B5EF4-FFF2-40B4-BE49-F238E27FC236}">
              <a16:creationId xmlns:a16="http://schemas.microsoft.com/office/drawing/2014/main" id="{00000000-0008-0000-0400-0000E6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1" name="テキスト ボックス 230">
          <a:extLst>
            <a:ext uri="{FF2B5EF4-FFF2-40B4-BE49-F238E27FC236}">
              <a16:creationId xmlns:a16="http://schemas.microsoft.com/office/drawing/2014/main" id="{00000000-0008-0000-0400-0000E7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2" name="直線コネクタ 231">
          <a:extLst>
            <a:ext uri="{FF2B5EF4-FFF2-40B4-BE49-F238E27FC236}">
              <a16:creationId xmlns:a16="http://schemas.microsoft.com/office/drawing/2014/main" id="{00000000-0008-0000-0400-0000E8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3" name="テキスト ボックス 232">
          <a:extLst>
            <a:ext uri="{FF2B5EF4-FFF2-40B4-BE49-F238E27FC236}">
              <a16:creationId xmlns:a16="http://schemas.microsoft.com/office/drawing/2014/main" id="{00000000-0008-0000-0400-0000E9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4" name="直線コネクタ 233">
          <a:extLst>
            <a:ext uri="{FF2B5EF4-FFF2-40B4-BE49-F238E27FC236}">
              <a16:creationId xmlns:a16="http://schemas.microsoft.com/office/drawing/2014/main" id="{00000000-0008-0000-0400-0000EA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5" name="テキスト ボックス 234">
          <a:extLst>
            <a:ext uri="{FF2B5EF4-FFF2-40B4-BE49-F238E27FC236}">
              <a16:creationId xmlns:a16="http://schemas.microsoft.com/office/drawing/2014/main" id="{00000000-0008-0000-0400-0000EB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6" name="直線コネクタ 235">
          <a:extLst>
            <a:ext uri="{FF2B5EF4-FFF2-40B4-BE49-F238E27FC236}">
              <a16:creationId xmlns:a16="http://schemas.microsoft.com/office/drawing/2014/main" id="{00000000-0008-0000-0400-0000EC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7" name="テキスト ボックス 236">
          <a:extLst>
            <a:ext uri="{FF2B5EF4-FFF2-40B4-BE49-F238E27FC236}">
              <a16:creationId xmlns:a16="http://schemas.microsoft.com/office/drawing/2014/main" id="{00000000-0008-0000-0400-0000ED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8" name="直線コネクタ 237">
          <a:extLst>
            <a:ext uri="{FF2B5EF4-FFF2-40B4-BE49-F238E27FC236}">
              <a16:creationId xmlns:a16="http://schemas.microsoft.com/office/drawing/2014/main" id="{00000000-0008-0000-0400-0000EE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39" name="テキスト ボックス 238">
          <a:extLst>
            <a:ext uri="{FF2B5EF4-FFF2-40B4-BE49-F238E27FC236}">
              <a16:creationId xmlns:a16="http://schemas.microsoft.com/office/drawing/2014/main" id="{00000000-0008-0000-0400-0000EF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0" name="その他グラフ枠">
          <a:extLst>
            <a:ext uri="{FF2B5EF4-FFF2-40B4-BE49-F238E27FC236}">
              <a16:creationId xmlns:a16="http://schemas.microsoft.com/office/drawing/2014/main" id="{00000000-0008-0000-0400-0000F0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34620</xdr:rowOff>
    </xdr:from>
    <xdr:to>
      <xdr:col>82</xdr:col>
      <xdr:colOff>107950</xdr:colOff>
      <xdr:row>60</xdr:row>
      <xdr:rowOff>8128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flipV="1">
          <a:off x="16510000" y="9050020"/>
          <a:ext cx="0" cy="1318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53357</xdr:rowOff>
    </xdr:from>
    <xdr:ext cx="762000" cy="259045"/>
    <xdr:sp macro="" textlink="">
      <xdr:nvSpPr>
        <xdr:cNvPr id="242" name="その他最小値テキスト">
          <a:extLst>
            <a:ext uri="{FF2B5EF4-FFF2-40B4-BE49-F238E27FC236}">
              <a16:creationId xmlns:a16="http://schemas.microsoft.com/office/drawing/2014/main" id="{00000000-0008-0000-0400-0000F2000000}"/>
            </a:ext>
          </a:extLst>
        </xdr:cNvPr>
        <xdr:cNvSpPr txBox="1"/>
      </xdr:nvSpPr>
      <xdr:spPr>
        <a:xfrm>
          <a:off x="16598900" y="10340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81280</xdr:rowOff>
    </xdr:from>
    <xdr:to>
      <xdr:col>82</xdr:col>
      <xdr:colOff>196850</xdr:colOff>
      <xdr:row>60</xdr:row>
      <xdr:rowOff>8128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6421100" y="10368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49547</xdr:rowOff>
    </xdr:from>
    <xdr:ext cx="762000" cy="259045"/>
    <xdr:sp macro="" textlink="">
      <xdr:nvSpPr>
        <xdr:cNvPr id="244" name="その他最大値テキスト">
          <a:extLst>
            <a:ext uri="{FF2B5EF4-FFF2-40B4-BE49-F238E27FC236}">
              <a16:creationId xmlns:a16="http://schemas.microsoft.com/office/drawing/2014/main" id="{00000000-0008-0000-0400-0000F4000000}"/>
            </a:ext>
          </a:extLst>
        </xdr:cNvPr>
        <xdr:cNvSpPr txBox="1"/>
      </xdr:nvSpPr>
      <xdr:spPr>
        <a:xfrm>
          <a:off x="16598900" y="8793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34620</xdr:rowOff>
    </xdr:from>
    <xdr:to>
      <xdr:col>82</xdr:col>
      <xdr:colOff>196850</xdr:colOff>
      <xdr:row>52</xdr:row>
      <xdr:rowOff>13462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6421100" y="9050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46990</xdr:rowOff>
    </xdr:from>
    <xdr:to>
      <xdr:col>82</xdr:col>
      <xdr:colOff>107950</xdr:colOff>
      <xdr:row>58</xdr:row>
      <xdr:rowOff>12700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5671800" y="9819640"/>
          <a:ext cx="838200" cy="251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24147</xdr:rowOff>
    </xdr:from>
    <xdr:ext cx="762000" cy="259045"/>
    <xdr:sp macro="" textlink="">
      <xdr:nvSpPr>
        <xdr:cNvPr id="247" name="その他平均値テキスト">
          <a:extLst>
            <a:ext uri="{FF2B5EF4-FFF2-40B4-BE49-F238E27FC236}">
              <a16:creationId xmlns:a16="http://schemas.microsoft.com/office/drawing/2014/main" id="{00000000-0008-0000-0400-0000F7000000}"/>
            </a:ext>
          </a:extLst>
        </xdr:cNvPr>
        <xdr:cNvSpPr txBox="1"/>
      </xdr:nvSpPr>
      <xdr:spPr>
        <a:xfrm>
          <a:off x="16598900" y="94538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7620</xdr:rowOff>
    </xdr:from>
    <xdr:to>
      <xdr:col>82</xdr:col>
      <xdr:colOff>158750</xdr:colOff>
      <xdr:row>56</xdr:row>
      <xdr:rowOff>109220</xdr:rowOff>
    </xdr:to>
    <xdr:sp macro="" textlink="">
      <xdr:nvSpPr>
        <xdr:cNvPr id="248" name="フローチャート: 判断 247">
          <a:extLst>
            <a:ext uri="{FF2B5EF4-FFF2-40B4-BE49-F238E27FC236}">
              <a16:creationId xmlns:a16="http://schemas.microsoft.com/office/drawing/2014/main" id="{00000000-0008-0000-0400-0000F8000000}"/>
            </a:ext>
          </a:extLst>
        </xdr:cNvPr>
        <xdr:cNvSpPr/>
      </xdr:nvSpPr>
      <xdr:spPr>
        <a:xfrm>
          <a:off x="16459200" y="9608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46990</xdr:rowOff>
    </xdr:from>
    <xdr:to>
      <xdr:col>78</xdr:col>
      <xdr:colOff>69850</xdr:colOff>
      <xdr:row>58</xdr:row>
      <xdr:rowOff>111760</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flipV="1">
          <a:off x="14782800" y="9819640"/>
          <a:ext cx="889000" cy="236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5</xdr:row>
      <xdr:rowOff>140970</xdr:rowOff>
    </xdr:from>
    <xdr:to>
      <xdr:col>78</xdr:col>
      <xdr:colOff>120650</xdr:colOff>
      <xdr:row>56</xdr:row>
      <xdr:rowOff>71120</xdr:rowOff>
    </xdr:to>
    <xdr:sp macro="" textlink="">
      <xdr:nvSpPr>
        <xdr:cNvPr id="250" name="フローチャート: 判断 249">
          <a:extLst>
            <a:ext uri="{FF2B5EF4-FFF2-40B4-BE49-F238E27FC236}">
              <a16:creationId xmlns:a16="http://schemas.microsoft.com/office/drawing/2014/main" id="{00000000-0008-0000-0400-0000FA000000}"/>
            </a:ext>
          </a:extLst>
        </xdr:cNvPr>
        <xdr:cNvSpPr/>
      </xdr:nvSpPr>
      <xdr:spPr>
        <a:xfrm>
          <a:off x="15621000" y="957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81297</xdr:rowOff>
    </xdr:from>
    <xdr:ext cx="736600" cy="259045"/>
    <xdr:sp macro="" textlink="">
      <xdr:nvSpPr>
        <xdr:cNvPr id="251" name="テキスト ボックス 250">
          <a:extLst>
            <a:ext uri="{FF2B5EF4-FFF2-40B4-BE49-F238E27FC236}">
              <a16:creationId xmlns:a16="http://schemas.microsoft.com/office/drawing/2014/main" id="{00000000-0008-0000-0400-0000FB000000}"/>
            </a:ext>
          </a:extLst>
        </xdr:cNvPr>
        <xdr:cNvSpPr txBox="1"/>
      </xdr:nvSpPr>
      <xdr:spPr>
        <a:xfrm>
          <a:off x="15290800" y="93395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88900</xdr:rowOff>
    </xdr:from>
    <xdr:to>
      <xdr:col>73</xdr:col>
      <xdr:colOff>180975</xdr:colOff>
      <xdr:row>58</xdr:row>
      <xdr:rowOff>11176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3893800" y="1003300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76200</xdr:rowOff>
    </xdr:from>
    <xdr:to>
      <xdr:col>74</xdr:col>
      <xdr:colOff>31750</xdr:colOff>
      <xdr:row>57</xdr:row>
      <xdr:rowOff>6350</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4732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6527</xdr:rowOff>
    </xdr:from>
    <xdr:ext cx="762000" cy="259045"/>
    <xdr:sp macro="" textlink="">
      <xdr:nvSpPr>
        <xdr:cNvPr id="254" name="テキスト ボックス 253">
          <a:extLst>
            <a:ext uri="{FF2B5EF4-FFF2-40B4-BE49-F238E27FC236}">
              <a16:creationId xmlns:a16="http://schemas.microsoft.com/office/drawing/2014/main" id="{00000000-0008-0000-0400-0000FE000000}"/>
            </a:ext>
          </a:extLst>
        </xdr:cNvPr>
        <xdr:cNvSpPr txBox="1"/>
      </xdr:nvSpPr>
      <xdr:spPr>
        <a:xfrm>
          <a:off x="144018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66040</xdr:rowOff>
    </xdr:from>
    <xdr:to>
      <xdr:col>69</xdr:col>
      <xdr:colOff>92075</xdr:colOff>
      <xdr:row>58</xdr:row>
      <xdr:rowOff>8890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a:off x="13004800" y="100101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06680</xdr:rowOff>
    </xdr:from>
    <xdr:to>
      <xdr:col>69</xdr:col>
      <xdr:colOff>142875</xdr:colOff>
      <xdr:row>57</xdr:row>
      <xdr:rowOff>36830</xdr:rowOff>
    </xdr:to>
    <xdr:sp macro="" textlink="">
      <xdr:nvSpPr>
        <xdr:cNvPr id="256" name="フローチャート: 判断 255">
          <a:extLst>
            <a:ext uri="{FF2B5EF4-FFF2-40B4-BE49-F238E27FC236}">
              <a16:creationId xmlns:a16="http://schemas.microsoft.com/office/drawing/2014/main" id="{00000000-0008-0000-0400-000000010000}"/>
            </a:ext>
          </a:extLst>
        </xdr:cNvPr>
        <xdr:cNvSpPr/>
      </xdr:nvSpPr>
      <xdr:spPr>
        <a:xfrm>
          <a:off x="13843000" y="9707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47007</xdr:rowOff>
    </xdr:from>
    <xdr:ext cx="762000" cy="25904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3512800" y="9476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06680</xdr:rowOff>
    </xdr:from>
    <xdr:to>
      <xdr:col>65</xdr:col>
      <xdr:colOff>53975</xdr:colOff>
      <xdr:row>57</xdr:row>
      <xdr:rowOff>36830</xdr:rowOff>
    </xdr:to>
    <xdr:sp macro="" textlink="">
      <xdr:nvSpPr>
        <xdr:cNvPr id="258" name="フローチャート: 判断 257">
          <a:extLst>
            <a:ext uri="{FF2B5EF4-FFF2-40B4-BE49-F238E27FC236}">
              <a16:creationId xmlns:a16="http://schemas.microsoft.com/office/drawing/2014/main" id="{00000000-0008-0000-0400-000002010000}"/>
            </a:ext>
          </a:extLst>
        </xdr:cNvPr>
        <xdr:cNvSpPr/>
      </xdr:nvSpPr>
      <xdr:spPr>
        <a:xfrm>
          <a:off x="12954000" y="9707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4700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2623800" y="9476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76200</xdr:rowOff>
    </xdr:from>
    <xdr:to>
      <xdr:col>82</xdr:col>
      <xdr:colOff>158750</xdr:colOff>
      <xdr:row>59</xdr:row>
      <xdr:rowOff>6350</xdr:rowOff>
    </xdr:to>
    <xdr:sp macro="" textlink="">
      <xdr:nvSpPr>
        <xdr:cNvPr id="265" name="楕円 264">
          <a:extLst>
            <a:ext uri="{FF2B5EF4-FFF2-40B4-BE49-F238E27FC236}">
              <a16:creationId xmlns:a16="http://schemas.microsoft.com/office/drawing/2014/main" id="{00000000-0008-0000-0400-000009010000}"/>
            </a:ext>
          </a:extLst>
        </xdr:cNvPr>
        <xdr:cNvSpPr/>
      </xdr:nvSpPr>
      <xdr:spPr>
        <a:xfrm>
          <a:off x="164592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48277</xdr:rowOff>
    </xdr:from>
    <xdr:ext cx="762000" cy="259045"/>
    <xdr:sp macro="" textlink="">
      <xdr:nvSpPr>
        <xdr:cNvPr id="266" name="その他該当値テキスト">
          <a:extLst>
            <a:ext uri="{FF2B5EF4-FFF2-40B4-BE49-F238E27FC236}">
              <a16:creationId xmlns:a16="http://schemas.microsoft.com/office/drawing/2014/main" id="{00000000-0008-0000-0400-00000A010000}"/>
            </a:ext>
          </a:extLst>
        </xdr:cNvPr>
        <xdr:cNvSpPr txBox="1"/>
      </xdr:nvSpPr>
      <xdr:spPr>
        <a:xfrm>
          <a:off x="165989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67640</xdr:rowOff>
    </xdr:from>
    <xdr:to>
      <xdr:col>78</xdr:col>
      <xdr:colOff>120650</xdr:colOff>
      <xdr:row>57</xdr:row>
      <xdr:rowOff>97790</xdr:rowOff>
    </xdr:to>
    <xdr:sp macro="" textlink="">
      <xdr:nvSpPr>
        <xdr:cNvPr id="267" name="楕円 266">
          <a:extLst>
            <a:ext uri="{FF2B5EF4-FFF2-40B4-BE49-F238E27FC236}">
              <a16:creationId xmlns:a16="http://schemas.microsoft.com/office/drawing/2014/main" id="{00000000-0008-0000-0400-00000B010000}"/>
            </a:ext>
          </a:extLst>
        </xdr:cNvPr>
        <xdr:cNvSpPr/>
      </xdr:nvSpPr>
      <xdr:spPr>
        <a:xfrm>
          <a:off x="15621000" y="9768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82567</xdr:rowOff>
    </xdr:from>
    <xdr:ext cx="7366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5290800" y="98552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60960</xdr:rowOff>
    </xdr:from>
    <xdr:to>
      <xdr:col>74</xdr:col>
      <xdr:colOff>31750</xdr:colOff>
      <xdr:row>58</xdr:row>
      <xdr:rowOff>162560</xdr:rowOff>
    </xdr:to>
    <xdr:sp macro="" textlink="">
      <xdr:nvSpPr>
        <xdr:cNvPr id="269" name="楕円 268">
          <a:extLst>
            <a:ext uri="{FF2B5EF4-FFF2-40B4-BE49-F238E27FC236}">
              <a16:creationId xmlns:a16="http://schemas.microsoft.com/office/drawing/2014/main" id="{00000000-0008-0000-0400-00000D010000}"/>
            </a:ext>
          </a:extLst>
        </xdr:cNvPr>
        <xdr:cNvSpPr/>
      </xdr:nvSpPr>
      <xdr:spPr>
        <a:xfrm>
          <a:off x="14732000" y="10005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4733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4401800" y="10091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38100</xdr:rowOff>
    </xdr:from>
    <xdr:to>
      <xdr:col>69</xdr:col>
      <xdr:colOff>142875</xdr:colOff>
      <xdr:row>58</xdr:row>
      <xdr:rowOff>139700</xdr:rowOff>
    </xdr:to>
    <xdr:sp macro="" textlink="">
      <xdr:nvSpPr>
        <xdr:cNvPr id="271" name="楕円 270">
          <a:extLst>
            <a:ext uri="{FF2B5EF4-FFF2-40B4-BE49-F238E27FC236}">
              <a16:creationId xmlns:a16="http://schemas.microsoft.com/office/drawing/2014/main" id="{00000000-0008-0000-0400-00000F010000}"/>
            </a:ext>
          </a:extLst>
        </xdr:cNvPr>
        <xdr:cNvSpPr/>
      </xdr:nvSpPr>
      <xdr:spPr>
        <a:xfrm>
          <a:off x="13843000" y="998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2447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5128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15240</xdr:rowOff>
    </xdr:from>
    <xdr:to>
      <xdr:col>65</xdr:col>
      <xdr:colOff>53975</xdr:colOff>
      <xdr:row>58</xdr:row>
      <xdr:rowOff>116840</xdr:rowOff>
    </xdr:to>
    <xdr:sp macro="" textlink="">
      <xdr:nvSpPr>
        <xdr:cNvPr id="273" name="楕円 272">
          <a:extLst>
            <a:ext uri="{FF2B5EF4-FFF2-40B4-BE49-F238E27FC236}">
              <a16:creationId xmlns:a16="http://schemas.microsoft.com/office/drawing/2014/main" id="{00000000-0008-0000-0400-000011010000}"/>
            </a:ext>
          </a:extLst>
        </xdr:cNvPr>
        <xdr:cNvSpPr/>
      </xdr:nvSpPr>
      <xdr:spPr>
        <a:xfrm>
          <a:off x="12954000" y="9959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01617</xdr:rowOff>
    </xdr:from>
    <xdr:ext cx="762000" cy="259045"/>
    <xdr:sp macro="" textlink="">
      <xdr:nvSpPr>
        <xdr:cNvPr id="274" name="テキスト ボックス 273">
          <a:extLst>
            <a:ext uri="{FF2B5EF4-FFF2-40B4-BE49-F238E27FC236}">
              <a16:creationId xmlns:a16="http://schemas.microsoft.com/office/drawing/2014/main" id="{00000000-0008-0000-0400-000012010000}"/>
            </a:ext>
          </a:extLst>
        </xdr:cNvPr>
        <xdr:cNvSpPr txBox="1"/>
      </xdr:nvSpPr>
      <xdr:spPr>
        <a:xfrm>
          <a:off x="12623800" y="10045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5" name="正方形/長方形 274">
          <a:extLst>
            <a:ext uri="{FF2B5EF4-FFF2-40B4-BE49-F238E27FC236}">
              <a16:creationId xmlns:a16="http://schemas.microsoft.com/office/drawing/2014/main" id="{00000000-0008-0000-0400-000013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5" name="テキスト ボックス 284">
          <a:extLst>
            <a:ext uri="{FF2B5EF4-FFF2-40B4-BE49-F238E27FC236}">
              <a16:creationId xmlns:a16="http://schemas.microsoft.com/office/drawing/2014/main" id="{00000000-0008-0000-0400-00001D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補助費等に係る経常収支比率は類似団体と比較し、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から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まで高い数値で推移してい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補助費等の全体としては、制度によるものが多くある中で、抑制することが可能なものを効率的に抑制して適正な水準になるように検討していく。</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29</xdr:row>
      <xdr:rowOff>107950</xdr:rowOff>
    </xdr:from>
    <xdr:ext cx="298543" cy="225703"/>
    <xdr:sp macro="" textlink="">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7" name="直線コネクタ 286">
          <a:extLst>
            <a:ext uri="{FF2B5EF4-FFF2-40B4-BE49-F238E27FC236}">
              <a16:creationId xmlns:a16="http://schemas.microsoft.com/office/drawing/2014/main" id="{00000000-0008-0000-0400-00001F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9" name="直線コネクタ 288">
          <a:extLst>
            <a:ext uri="{FF2B5EF4-FFF2-40B4-BE49-F238E27FC236}">
              <a16:creationId xmlns:a16="http://schemas.microsoft.com/office/drawing/2014/main" id="{00000000-0008-0000-0400-000021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1" name="直線コネクタ 290">
          <a:extLst>
            <a:ext uri="{FF2B5EF4-FFF2-40B4-BE49-F238E27FC236}">
              <a16:creationId xmlns:a16="http://schemas.microsoft.com/office/drawing/2014/main" id="{00000000-0008-0000-0400-000023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2" name="テキスト ボックス 291">
          <a:extLst>
            <a:ext uri="{FF2B5EF4-FFF2-40B4-BE49-F238E27FC236}">
              <a16:creationId xmlns:a16="http://schemas.microsoft.com/office/drawing/2014/main" id="{00000000-0008-0000-0400-000024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3" name="直線コネクタ 292">
          <a:extLst>
            <a:ext uri="{FF2B5EF4-FFF2-40B4-BE49-F238E27FC236}">
              <a16:creationId xmlns:a16="http://schemas.microsoft.com/office/drawing/2014/main" id="{00000000-0008-0000-0400-000025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5" name="直線コネクタ 294">
          <a:extLst>
            <a:ext uri="{FF2B5EF4-FFF2-40B4-BE49-F238E27FC236}">
              <a16:creationId xmlns:a16="http://schemas.microsoft.com/office/drawing/2014/main" id="{00000000-0008-0000-0400-000027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6" name="テキスト ボックス 295">
          <a:extLst>
            <a:ext uri="{FF2B5EF4-FFF2-40B4-BE49-F238E27FC236}">
              <a16:creationId xmlns:a16="http://schemas.microsoft.com/office/drawing/2014/main" id="{00000000-0008-0000-0400-000028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7" name="直線コネクタ 296">
          <a:extLst>
            <a:ext uri="{FF2B5EF4-FFF2-40B4-BE49-F238E27FC236}">
              <a16:creationId xmlns:a16="http://schemas.microsoft.com/office/drawing/2014/main" id="{00000000-0008-0000-0400-000029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8" name="補助費等グラフ枠">
          <a:extLst>
            <a:ext uri="{FF2B5EF4-FFF2-40B4-BE49-F238E27FC236}">
              <a16:creationId xmlns:a16="http://schemas.microsoft.com/office/drawing/2014/main" id="{00000000-0008-0000-0400-00002A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56718</xdr:rowOff>
    </xdr:from>
    <xdr:to>
      <xdr:col>82</xdr:col>
      <xdr:colOff>107950</xdr:colOff>
      <xdr:row>40</xdr:row>
      <xdr:rowOff>127000</xdr:rowOff>
    </xdr:to>
    <xdr:cxnSp macro="">
      <xdr:nvCxnSpPr>
        <xdr:cNvPr id="299" name="直線コネクタ 298">
          <a:extLst>
            <a:ext uri="{FF2B5EF4-FFF2-40B4-BE49-F238E27FC236}">
              <a16:creationId xmlns:a16="http://schemas.microsoft.com/office/drawing/2014/main" id="{00000000-0008-0000-0400-00002B010000}"/>
            </a:ext>
          </a:extLst>
        </xdr:cNvPr>
        <xdr:cNvCxnSpPr/>
      </xdr:nvCxnSpPr>
      <xdr:spPr>
        <a:xfrm flipV="1">
          <a:off x="16510000" y="5814568"/>
          <a:ext cx="0" cy="11704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99077</xdr:rowOff>
    </xdr:from>
    <xdr:ext cx="762000" cy="259045"/>
    <xdr:sp macro="" textlink="">
      <xdr:nvSpPr>
        <xdr:cNvPr id="300" name="補助費等最小値テキスト">
          <a:extLst>
            <a:ext uri="{FF2B5EF4-FFF2-40B4-BE49-F238E27FC236}">
              <a16:creationId xmlns:a16="http://schemas.microsoft.com/office/drawing/2014/main" id="{00000000-0008-0000-0400-00002C010000}"/>
            </a:ext>
          </a:extLst>
        </xdr:cNvPr>
        <xdr:cNvSpPr txBox="1"/>
      </xdr:nvSpPr>
      <xdr:spPr>
        <a:xfrm>
          <a:off x="16598900" y="695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27000</xdr:rowOff>
    </xdr:from>
    <xdr:to>
      <xdr:col>82</xdr:col>
      <xdr:colOff>196850</xdr:colOff>
      <xdr:row>40</xdr:row>
      <xdr:rowOff>127000</xdr:rowOff>
    </xdr:to>
    <xdr:cxnSp macro="">
      <xdr:nvCxnSpPr>
        <xdr:cNvPr id="301" name="直線コネクタ 300">
          <a:extLst>
            <a:ext uri="{FF2B5EF4-FFF2-40B4-BE49-F238E27FC236}">
              <a16:creationId xmlns:a16="http://schemas.microsoft.com/office/drawing/2014/main" id="{00000000-0008-0000-0400-00002D010000}"/>
            </a:ext>
          </a:extLst>
        </xdr:cNvPr>
        <xdr:cNvCxnSpPr/>
      </xdr:nvCxnSpPr>
      <xdr:spPr>
        <a:xfrm>
          <a:off x="16421100" y="698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71645</xdr:rowOff>
    </xdr:from>
    <xdr:ext cx="762000" cy="259045"/>
    <xdr:sp macro="" textlink="">
      <xdr:nvSpPr>
        <xdr:cNvPr id="302" name="補助費等最大値テキスト">
          <a:extLst>
            <a:ext uri="{FF2B5EF4-FFF2-40B4-BE49-F238E27FC236}">
              <a16:creationId xmlns:a16="http://schemas.microsoft.com/office/drawing/2014/main" id="{00000000-0008-0000-0400-00002E010000}"/>
            </a:ext>
          </a:extLst>
        </xdr:cNvPr>
        <xdr:cNvSpPr txBox="1"/>
      </xdr:nvSpPr>
      <xdr:spPr>
        <a:xfrm>
          <a:off x="16598900" y="5558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56718</xdr:rowOff>
    </xdr:from>
    <xdr:to>
      <xdr:col>82</xdr:col>
      <xdr:colOff>196850</xdr:colOff>
      <xdr:row>33</xdr:row>
      <xdr:rowOff>156718</xdr:rowOff>
    </xdr:to>
    <xdr:cxnSp macro="">
      <xdr:nvCxnSpPr>
        <xdr:cNvPr id="303" name="直線コネクタ 302">
          <a:extLst>
            <a:ext uri="{FF2B5EF4-FFF2-40B4-BE49-F238E27FC236}">
              <a16:creationId xmlns:a16="http://schemas.microsoft.com/office/drawing/2014/main" id="{00000000-0008-0000-0400-00002F010000}"/>
            </a:ext>
          </a:extLst>
        </xdr:cNvPr>
        <xdr:cNvCxnSpPr/>
      </xdr:nvCxnSpPr>
      <xdr:spPr>
        <a:xfrm>
          <a:off x="16421100" y="5814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165862</xdr:rowOff>
    </xdr:from>
    <xdr:to>
      <xdr:col>82</xdr:col>
      <xdr:colOff>107950</xdr:colOff>
      <xdr:row>38</xdr:row>
      <xdr:rowOff>17272</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5671800" y="6509512"/>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31005</xdr:rowOff>
    </xdr:from>
    <xdr:ext cx="762000" cy="259045"/>
    <xdr:sp macro="" textlink="">
      <xdr:nvSpPr>
        <xdr:cNvPr id="305" name="補助費等平均値テキスト">
          <a:extLst>
            <a:ext uri="{FF2B5EF4-FFF2-40B4-BE49-F238E27FC236}">
              <a16:creationId xmlns:a16="http://schemas.microsoft.com/office/drawing/2014/main" id="{00000000-0008-0000-0400-000031010000}"/>
            </a:ext>
          </a:extLst>
        </xdr:cNvPr>
        <xdr:cNvSpPr txBox="1"/>
      </xdr:nvSpPr>
      <xdr:spPr>
        <a:xfrm>
          <a:off x="16598900" y="62032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4478</xdr:rowOff>
    </xdr:from>
    <xdr:to>
      <xdr:col>82</xdr:col>
      <xdr:colOff>158750</xdr:colOff>
      <xdr:row>37</xdr:row>
      <xdr:rowOff>116078</xdr:rowOff>
    </xdr:to>
    <xdr:sp macro="" textlink="">
      <xdr:nvSpPr>
        <xdr:cNvPr id="306" name="フローチャート: 判断 305">
          <a:extLst>
            <a:ext uri="{FF2B5EF4-FFF2-40B4-BE49-F238E27FC236}">
              <a16:creationId xmlns:a16="http://schemas.microsoft.com/office/drawing/2014/main" id="{00000000-0008-0000-0400-000032010000}"/>
            </a:ext>
          </a:extLst>
        </xdr:cNvPr>
        <xdr:cNvSpPr/>
      </xdr:nvSpPr>
      <xdr:spPr>
        <a:xfrm>
          <a:off x="16459200" y="6358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165862</xdr:rowOff>
    </xdr:from>
    <xdr:to>
      <xdr:col>78</xdr:col>
      <xdr:colOff>69850</xdr:colOff>
      <xdr:row>38</xdr:row>
      <xdr:rowOff>72136</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flipV="1">
          <a:off x="14782800" y="6509512"/>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53924</xdr:rowOff>
    </xdr:from>
    <xdr:to>
      <xdr:col>78</xdr:col>
      <xdr:colOff>120650</xdr:colOff>
      <xdr:row>37</xdr:row>
      <xdr:rowOff>84074</xdr:rowOff>
    </xdr:to>
    <xdr:sp macro="" textlink="">
      <xdr:nvSpPr>
        <xdr:cNvPr id="308" name="フローチャート: 判断 307">
          <a:extLst>
            <a:ext uri="{FF2B5EF4-FFF2-40B4-BE49-F238E27FC236}">
              <a16:creationId xmlns:a16="http://schemas.microsoft.com/office/drawing/2014/main" id="{00000000-0008-0000-0400-000034010000}"/>
            </a:ext>
          </a:extLst>
        </xdr:cNvPr>
        <xdr:cNvSpPr/>
      </xdr:nvSpPr>
      <xdr:spPr>
        <a:xfrm>
          <a:off x="15621000" y="6326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94251</xdr:rowOff>
    </xdr:from>
    <xdr:ext cx="7366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5290800" y="60950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8</xdr:row>
      <xdr:rowOff>26416</xdr:rowOff>
    </xdr:from>
    <xdr:to>
      <xdr:col>73</xdr:col>
      <xdr:colOff>180975</xdr:colOff>
      <xdr:row>38</xdr:row>
      <xdr:rowOff>72136</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a:off x="13893800" y="6541516"/>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51054</xdr:rowOff>
    </xdr:from>
    <xdr:to>
      <xdr:col>74</xdr:col>
      <xdr:colOff>31750</xdr:colOff>
      <xdr:row>37</xdr:row>
      <xdr:rowOff>152654</xdr:rowOff>
    </xdr:to>
    <xdr:sp macro="" textlink="">
      <xdr:nvSpPr>
        <xdr:cNvPr id="311" name="フローチャート: 判断 310">
          <a:extLst>
            <a:ext uri="{FF2B5EF4-FFF2-40B4-BE49-F238E27FC236}">
              <a16:creationId xmlns:a16="http://schemas.microsoft.com/office/drawing/2014/main" id="{00000000-0008-0000-0400-000037010000}"/>
            </a:ext>
          </a:extLst>
        </xdr:cNvPr>
        <xdr:cNvSpPr/>
      </xdr:nvSpPr>
      <xdr:spPr>
        <a:xfrm>
          <a:off x="14732000" y="6394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162831</xdr:rowOff>
    </xdr:from>
    <xdr:ext cx="762000" cy="259045"/>
    <xdr:sp macro="" textlink="">
      <xdr:nvSpPr>
        <xdr:cNvPr id="312" name="テキスト ボックス 311">
          <a:extLst>
            <a:ext uri="{FF2B5EF4-FFF2-40B4-BE49-F238E27FC236}">
              <a16:creationId xmlns:a16="http://schemas.microsoft.com/office/drawing/2014/main" id="{00000000-0008-0000-0400-000038010000}"/>
            </a:ext>
          </a:extLst>
        </xdr:cNvPr>
        <xdr:cNvSpPr txBox="1"/>
      </xdr:nvSpPr>
      <xdr:spPr>
        <a:xfrm>
          <a:off x="14401800" y="61635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8</xdr:row>
      <xdr:rowOff>26416</xdr:rowOff>
    </xdr:from>
    <xdr:to>
      <xdr:col>69</xdr:col>
      <xdr:colOff>92075</xdr:colOff>
      <xdr:row>38</xdr:row>
      <xdr:rowOff>62992</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flipV="1">
          <a:off x="13004800" y="654151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37338</xdr:rowOff>
    </xdr:from>
    <xdr:to>
      <xdr:col>69</xdr:col>
      <xdr:colOff>142875</xdr:colOff>
      <xdr:row>37</xdr:row>
      <xdr:rowOff>138938</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3843000" y="6380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149115</xdr:rowOff>
    </xdr:from>
    <xdr:ext cx="762000" cy="259045"/>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3512800" y="61498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9906</xdr:rowOff>
    </xdr:from>
    <xdr:to>
      <xdr:col>65</xdr:col>
      <xdr:colOff>53975</xdr:colOff>
      <xdr:row>37</xdr:row>
      <xdr:rowOff>111506</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2954000" y="6353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121683</xdr:rowOff>
    </xdr:from>
    <xdr:ext cx="762000" cy="259045"/>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2623800" y="6122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37922</xdr:rowOff>
    </xdr:from>
    <xdr:to>
      <xdr:col>82</xdr:col>
      <xdr:colOff>158750</xdr:colOff>
      <xdr:row>38</xdr:row>
      <xdr:rowOff>68072</xdr:rowOff>
    </xdr:to>
    <xdr:sp macro="" textlink="">
      <xdr:nvSpPr>
        <xdr:cNvPr id="323" name="楕円 322">
          <a:extLst>
            <a:ext uri="{FF2B5EF4-FFF2-40B4-BE49-F238E27FC236}">
              <a16:creationId xmlns:a16="http://schemas.microsoft.com/office/drawing/2014/main" id="{00000000-0008-0000-0400-000043010000}"/>
            </a:ext>
          </a:extLst>
        </xdr:cNvPr>
        <xdr:cNvSpPr/>
      </xdr:nvSpPr>
      <xdr:spPr>
        <a:xfrm>
          <a:off x="16459200" y="6481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109999</xdr:rowOff>
    </xdr:from>
    <xdr:ext cx="762000" cy="259045"/>
    <xdr:sp macro="" textlink="">
      <xdr:nvSpPr>
        <xdr:cNvPr id="324" name="補助費等該当値テキスト">
          <a:extLst>
            <a:ext uri="{FF2B5EF4-FFF2-40B4-BE49-F238E27FC236}">
              <a16:creationId xmlns:a16="http://schemas.microsoft.com/office/drawing/2014/main" id="{00000000-0008-0000-0400-000044010000}"/>
            </a:ext>
          </a:extLst>
        </xdr:cNvPr>
        <xdr:cNvSpPr txBox="1"/>
      </xdr:nvSpPr>
      <xdr:spPr>
        <a:xfrm>
          <a:off x="16598900" y="645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115062</xdr:rowOff>
    </xdr:from>
    <xdr:to>
      <xdr:col>78</xdr:col>
      <xdr:colOff>120650</xdr:colOff>
      <xdr:row>38</xdr:row>
      <xdr:rowOff>45212</xdr:rowOff>
    </xdr:to>
    <xdr:sp macro="" textlink="">
      <xdr:nvSpPr>
        <xdr:cNvPr id="325" name="楕円 324">
          <a:extLst>
            <a:ext uri="{FF2B5EF4-FFF2-40B4-BE49-F238E27FC236}">
              <a16:creationId xmlns:a16="http://schemas.microsoft.com/office/drawing/2014/main" id="{00000000-0008-0000-0400-000045010000}"/>
            </a:ext>
          </a:extLst>
        </xdr:cNvPr>
        <xdr:cNvSpPr/>
      </xdr:nvSpPr>
      <xdr:spPr>
        <a:xfrm>
          <a:off x="15621000" y="6458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29989</xdr:rowOff>
    </xdr:from>
    <xdr:ext cx="7366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5290800" y="65450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8</xdr:row>
      <xdr:rowOff>21336</xdr:rowOff>
    </xdr:from>
    <xdr:to>
      <xdr:col>74</xdr:col>
      <xdr:colOff>31750</xdr:colOff>
      <xdr:row>38</xdr:row>
      <xdr:rowOff>122936</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4732000" y="6536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8</xdr:row>
      <xdr:rowOff>107713</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4401800" y="6622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147066</xdr:rowOff>
    </xdr:from>
    <xdr:to>
      <xdr:col>69</xdr:col>
      <xdr:colOff>142875</xdr:colOff>
      <xdr:row>38</xdr:row>
      <xdr:rowOff>77215</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3843000" y="649071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8</xdr:row>
      <xdr:rowOff>61993</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3512800" y="6577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8</xdr:row>
      <xdr:rowOff>12192</xdr:rowOff>
    </xdr:from>
    <xdr:to>
      <xdr:col>65</xdr:col>
      <xdr:colOff>53975</xdr:colOff>
      <xdr:row>38</xdr:row>
      <xdr:rowOff>113792</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2954000" y="6527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8</xdr:row>
      <xdr:rowOff>98569</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2623800" y="6613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3" name="正方形/長方形 332">
          <a:extLst>
            <a:ext uri="{FF2B5EF4-FFF2-40B4-BE49-F238E27FC236}">
              <a16:creationId xmlns:a16="http://schemas.microsoft.com/office/drawing/2014/main" id="{00000000-0008-0000-0400-00004D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4" name="正方形/長方形 333">
          <a:extLst>
            <a:ext uri="{FF2B5EF4-FFF2-40B4-BE49-F238E27FC236}">
              <a16:creationId xmlns:a16="http://schemas.microsoft.com/office/drawing/2014/main" id="{00000000-0008-0000-0400-00004E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5" name="正方形/長方形 334">
          <a:extLst>
            <a:ext uri="{FF2B5EF4-FFF2-40B4-BE49-F238E27FC236}">
              <a16:creationId xmlns:a16="http://schemas.microsoft.com/office/drawing/2014/main" id="{00000000-0008-0000-0400-00004F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3" name="テキスト ボックス 342">
          <a:extLst>
            <a:ext uri="{FF2B5EF4-FFF2-40B4-BE49-F238E27FC236}">
              <a16:creationId xmlns:a16="http://schemas.microsoft.com/office/drawing/2014/main" id="{00000000-0008-0000-0400-000057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公債費分の経常収支比率は類似団体平均との差が前年度に比較し</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0.7</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ポイント縮まっている。</a:t>
          </a:r>
          <a:endParaRPr lang="ja-JP" altLang="ja-JP" sz="1200">
            <a:effectLst/>
            <a:latin typeface="ＭＳ ゴシック" panose="020B0609070205080204" pitchFamily="49" charset="-128"/>
            <a:ea typeface="ＭＳ ゴシック" panose="020B0609070205080204" pitchFamily="49" charset="-128"/>
          </a:endParaRPr>
        </a:p>
        <a:p>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年度から令</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年度まで増加傾向にはなっているが、令和３年度には</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0.5</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ポイント減少したが、令和</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年度には</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1.2</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ポイント増加した。</a:t>
          </a:r>
          <a:endParaRPr lang="ja-JP" altLang="ja-JP" sz="1200">
            <a:effectLst/>
            <a:latin typeface="ＭＳ ゴシック" panose="020B0609070205080204" pitchFamily="49" charset="-128"/>
            <a:ea typeface="ＭＳ ゴシック" panose="020B0609070205080204" pitchFamily="49" charset="-128"/>
          </a:endParaRPr>
        </a:p>
        <a:p>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今後は過疎債や過年度分の臨時財政対策債の償還も見込まれる中、教育施設の改修計画も進んでいることから、今後の起債対象事業については取捨選択を的確に実施し、財政の健全化に努めていく。</a:t>
          </a:r>
          <a:endParaRPr lang="ja-JP" altLang="ja-JP" sz="12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123825</xdr:colOff>
      <xdr:row>69</xdr:row>
      <xdr:rowOff>107950</xdr:rowOff>
    </xdr:from>
    <xdr:ext cx="298543" cy="225703"/>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5" name="直線コネクタ 344">
          <a:extLst>
            <a:ext uri="{FF2B5EF4-FFF2-40B4-BE49-F238E27FC236}">
              <a16:creationId xmlns:a16="http://schemas.microsoft.com/office/drawing/2014/main" id="{00000000-0008-0000-0400-000059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6" name="テキスト ボックス 345">
          <a:extLst>
            <a:ext uri="{FF2B5EF4-FFF2-40B4-BE49-F238E27FC236}">
              <a16:creationId xmlns:a16="http://schemas.microsoft.com/office/drawing/2014/main" id="{00000000-0008-0000-0400-00005A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47" name="直線コネクタ 346">
          <a:extLst>
            <a:ext uri="{FF2B5EF4-FFF2-40B4-BE49-F238E27FC236}">
              <a16:creationId xmlns:a16="http://schemas.microsoft.com/office/drawing/2014/main" id="{00000000-0008-0000-0400-00005B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8" name="公債費グラフ枠">
          <a:extLst>
            <a:ext uri="{FF2B5EF4-FFF2-40B4-BE49-F238E27FC236}">
              <a16:creationId xmlns:a16="http://schemas.microsoft.com/office/drawing/2014/main" id="{00000000-0008-0000-0400-000066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5560</xdr:rowOff>
    </xdr:from>
    <xdr:to>
      <xdr:col>24</xdr:col>
      <xdr:colOff>25400</xdr:colOff>
      <xdr:row>81</xdr:row>
      <xdr:rowOff>73661</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flipV="1">
          <a:off x="4826000" y="12551410"/>
          <a:ext cx="0" cy="14097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45738</xdr:rowOff>
    </xdr:from>
    <xdr:ext cx="762000" cy="259045"/>
    <xdr:sp macro="" textlink="">
      <xdr:nvSpPr>
        <xdr:cNvPr id="360" name="公債費最小値テキスト">
          <a:extLst>
            <a:ext uri="{FF2B5EF4-FFF2-40B4-BE49-F238E27FC236}">
              <a16:creationId xmlns:a16="http://schemas.microsoft.com/office/drawing/2014/main" id="{00000000-0008-0000-0400-000068010000}"/>
            </a:ext>
          </a:extLst>
        </xdr:cNvPr>
        <xdr:cNvSpPr txBox="1"/>
      </xdr:nvSpPr>
      <xdr:spPr>
        <a:xfrm>
          <a:off x="4914900" y="13933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73661</xdr:rowOff>
    </xdr:from>
    <xdr:to>
      <xdr:col>24</xdr:col>
      <xdr:colOff>114300</xdr:colOff>
      <xdr:row>81</xdr:row>
      <xdr:rowOff>73661</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4737100" y="139611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21937</xdr:rowOff>
    </xdr:from>
    <xdr:ext cx="762000" cy="259045"/>
    <xdr:sp macro="" textlink="">
      <xdr:nvSpPr>
        <xdr:cNvPr id="362" name="公債費最大値テキスト">
          <a:extLst>
            <a:ext uri="{FF2B5EF4-FFF2-40B4-BE49-F238E27FC236}">
              <a16:creationId xmlns:a16="http://schemas.microsoft.com/office/drawing/2014/main" id="{00000000-0008-0000-0400-00006A010000}"/>
            </a:ext>
          </a:extLst>
        </xdr:cNvPr>
        <xdr:cNvSpPr txBox="1"/>
      </xdr:nvSpPr>
      <xdr:spPr>
        <a:xfrm>
          <a:off x="4914900" y="122948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5560</xdr:rowOff>
    </xdr:from>
    <xdr:to>
      <xdr:col>24</xdr:col>
      <xdr:colOff>114300</xdr:colOff>
      <xdr:row>73</xdr:row>
      <xdr:rowOff>3556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4737100" y="125514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46989</xdr:rowOff>
    </xdr:from>
    <xdr:to>
      <xdr:col>24</xdr:col>
      <xdr:colOff>25400</xdr:colOff>
      <xdr:row>76</xdr:row>
      <xdr:rowOff>92711</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a:off x="3987800" y="13077189"/>
          <a:ext cx="838200" cy="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25416</xdr:rowOff>
    </xdr:from>
    <xdr:ext cx="762000" cy="259045"/>
    <xdr:sp macro="" textlink="">
      <xdr:nvSpPr>
        <xdr:cNvPr id="365" name="公債費平均値テキスト">
          <a:extLst>
            <a:ext uri="{FF2B5EF4-FFF2-40B4-BE49-F238E27FC236}">
              <a16:creationId xmlns:a16="http://schemas.microsoft.com/office/drawing/2014/main" id="{00000000-0008-0000-0400-00006D010000}"/>
            </a:ext>
          </a:extLst>
        </xdr:cNvPr>
        <xdr:cNvSpPr txBox="1"/>
      </xdr:nvSpPr>
      <xdr:spPr>
        <a:xfrm>
          <a:off x="4914900" y="130556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53339</xdr:rowOff>
    </xdr:from>
    <xdr:to>
      <xdr:col>24</xdr:col>
      <xdr:colOff>76200</xdr:colOff>
      <xdr:row>76</xdr:row>
      <xdr:rowOff>154939</xdr:rowOff>
    </xdr:to>
    <xdr:sp macro="" textlink="">
      <xdr:nvSpPr>
        <xdr:cNvPr id="366" name="フローチャート: 判断 365">
          <a:extLst>
            <a:ext uri="{FF2B5EF4-FFF2-40B4-BE49-F238E27FC236}">
              <a16:creationId xmlns:a16="http://schemas.microsoft.com/office/drawing/2014/main" id="{00000000-0008-0000-0400-00006E010000}"/>
            </a:ext>
          </a:extLst>
        </xdr:cNvPr>
        <xdr:cNvSpPr/>
      </xdr:nvSpPr>
      <xdr:spPr>
        <a:xfrm>
          <a:off x="4775200" y="13083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46989</xdr:rowOff>
    </xdr:from>
    <xdr:to>
      <xdr:col>19</xdr:col>
      <xdr:colOff>187325</xdr:colOff>
      <xdr:row>76</xdr:row>
      <xdr:rowOff>66039</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flipV="1">
          <a:off x="3098800" y="13077189"/>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34289</xdr:rowOff>
    </xdr:from>
    <xdr:to>
      <xdr:col>20</xdr:col>
      <xdr:colOff>38100</xdr:colOff>
      <xdr:row>76</xdr:row>
      <xdr:rowOff>135889</xdr:rowOff>
    </xdr:to>
    <xdr:sp macro="" textlink="">
      <xdr:nvSpPr>
        <xdr:cNvPr id="368" name="フローチャート: 判断 367">
          <a:extLst>
            <a:ext uri="{FF2B5EF4-FFF2-40B4-BE49-F238E27FC236}">
              <a16:creationId xmlns:a16="http://schemas.microsoft.com/office/drawing/2014/main" id="{00000000-0008-0000-0400-000070010000}"/>
            </a:ext>
          </a:extLst>
        </xdr:cNvPr>
        <xdr:cNvSpPr/>
      </xdr:nvSpPr>
      <xdr:spPr>
        <a:xfrm>
          <a:off x="3937000" y="13064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20666</xdr:rowOff>
    </xdr:from>
    <xdr:ext cx="736600" cy="259045"/>
    <xdr:sp macro="" textlink="">
      <xdr:nvSpPr>
        <xdr:cNvPr id="369" name="テキスト ボックス 368">
          <a:extLst>
            <a:ext uri="{FF2B5EF4-FFF2-40B4-BE49-F238E27FC236}">
              <a16:creationId xmlns:a16="http://schemas.microsoft.com/office/drawing/2014/main" id="{00000000-0008-0000-0400-000071010000}"/>
            </a:ext>
          </a:extLst>
        </xdr:cNvPr>
        <xdr:cNvSpPr txBox="1"/>
      </xdr:nvSpPr>
      <xdr:spPr>
        <a:xfrm>
          <a:off x="3606800" y="131508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35561</xdr:rowOff>
    </xdr:from>
    <xdr:to>
      <xdr:col>15</xdr:col>
      <xdr:colOff>98425</xdr:colOff>
      <xdr:row>76</xdr:row>
      <xdr:rowOff>66039</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a:off x="2209800" y="13065761"/>
          <a:ext cx="889000" cy="30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34289</xdr:rowOff>
    </xdr:from>
    <xdr:to>
      <xdr:col>15</xdr:col>
      <xdr:colOff>149225</xdr:colOff>
      <xdr:row>76</xdr:row>
      <xdr:rowOff>135889</xdr:rowOff>
    </xdr:to>
    <xdr:sp macro="" textlink="">
      <xdr:nvSpPr>
        <xdr:cNvPr id="371" name="フローチャート: 判断 370">
          <a:extLst>
            <a:ext uri="{FF2B5EF4-FFF2-40B4-BE49-F238E27FC236}">
              <a16:creationId xmlns:a16="http://schemas.microsoft.com/office/drawing/2014/main" id="{00000000-0008-0000-0400-000073010000}"/>
            </a:ext>
          </a:extLst>
        </xdr:cNvPr>
        <xdr:cNvSpPr/>
      </xdr:nvSpPr>
      <xdr:spPr>
        <a:xfrm>
          <a:off x="3048000" y="13064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20666</xdr:rowOff>
    </xdr:from>
    <xdr:ext cx="762000" cy="259045"/>
    <xdr:sp macro="" textlink="">
      <xdr:nvSpPr>
        <xdr:cNvPr id="372" name="テキスト ボックス 371">
          <a:extLst>
            <a:ext uri="{FF2B5EF4-FFF2-40B4-BE49-F238E27FC236}">
              <a16:creationId xmlns:a16="http://schemas.microsoft.com/office/drawing/2014/main" id="{00000000-0008-0000-0400-000074010000}"/>
            </a:ext>
          </a:extLst>
        </xdr:cNvPr>
        <xdr:cNvSpPr txBox="1"/>
      </xdr:nvSpPr>
      <xdr:spPr>
        <a:xfrm>
          <a:off x="2717800" y="131508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1270</xdr:rowOff>
    </xdr:from>
    <xdr:to>
      <xdr:col>11</xdr:col>
      <xdr:colOff>9525</xdr:colOff>
      <xdr:row>76</xdr:row>
      <xdr:rowOff>35561</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1320800" y="13031470"/>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45720</xdr:rowOff>
    </xdr:from>
    <xdr:to>
      <xdr:col>11</xdr:col>
      <xdr:colOff>60325</xdr:colOff>
      <xdr:row>76</xdr:row>
      <xdr:rowOff>147320</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2159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32097</xdr:rowOff>
    </xdr:from>
    <xdr:ext cx="7620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1828800" y="13162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68580</xdr:rowOff>
    </xdr:from>
    <xdr:to>
      <xdr:col>6</xdr:col>
      <xdr:colOff>171450</xdr:colOff>
      <xdr:row>76</xdr:row>
      <xdr:rowOff>170180</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1270000" y="13098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154957</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939800" y="13185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41911</xdr:rowOff>
    </xdr:from>
    <xdr:to>
      <xdr:col>24</xdr:col>
      <xdr:colOff>76200</xdr:colOff>
      <xdr:row>76</xdr:row>
      <xdr:rowOff>143511</xdr:rowOff>
    </xdr:to>
    <xdr:sp macro="" textlink="">
      <xdr:nvSpPr>
        <xdr:cNvPr id="383" name="楕円 382">
          <a:extLst>
            <a:ext uri="{FF2B5EF4-FFF2-40B4-BE49-F238E27FC236}">
              <a16:creationId xmlns:a16="http://schemas.microsoft.com/office/drawing/2014/main" id="{00000000-0008-0000-0400-00007F010000}"/>
            </a:ext>
          </a:extLst>
        </xdr:cNvPr>
        <xdr:cNvSpPr/>
      </xdr:nvSpPr>
      <xdr:spPr>
        <a:xfrm>
          <a:off x="4775200" y="13072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58437</xdr:rowOff>
    </xdr:from>
    <xdr:ext cx="762000" cy="259045"/>
    <xdr:sp macro="" textlink="">
      <xdr:nvSpPr>
        <xdr:cNvPr id="384" name="公債費該当値テキスト">
          <a:extLst>
            <a:ext uri="{FF2B5EF4-FFF2-40B4-BE49-F238E27FC236}">
              <a16:creationId xmlns:a16="http://schemas.microsoft.com/office/drawing/2014/main" id="{00000000-0008-0000-0400-000080010000}"/>
            </a:ext>
          </a:extLst>
        </xdr:cNvPr>
        <xdr:cNvSpPr txBox="1"/>
      </xdr:nvSpPr>
      <xdr:spPr>
        <a:xfrm>
          <a:off x="4914900" y="12917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67639</xdr:rowOff>
    </xdr:from>
    <xdr:to>
      <xdr:col>20</xdr:col>
      <xdr:colOff>38100</xdr:colOff>
      <xdr:row>76</xdr:row>
      <xdr:rowOff>97789</xdr:rowOff>
    </xdr:to>
    <xdr:sp macro="" textlink="">
      <xdr:nvSpPr>
        <xdr:cNvPr id="385" name="楕円 384">
          <a:extLst>
            <a:ext uri="{FF2B5EF4-FFF2-40B4-BE49-F238E27FC236}">
              <a16:creationId xmlns:a16="http://schemas.microsoft.com/office/drawing/2014/main" id="{00000000-0008-0000-0400-000081010000}"/>
            </a:ext>
          </a:extLst>
        </xdr:cNvPr>
        <xdr:cNvSpPr/>
      </xdr:nvSpPr>
      <xdr:spPr>
        <a:xfrm>
          <a:off x="3937000" y="13026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07967</xdr:rowOff>
    </xdr:from>
    <xdr:ext cx="7366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3606800" y="127952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15239</xdr:rowOff>
    </xdr:from>
    <xdr:to>
      <xdr:col>15</xdr:col>
      <xdr:colOff>149225</xdr:colOff>
      <xdr:row>76</xdr:row>
      <xdr:rowOff>116839</xdr:rowOff>
    </xdr:to>
    <xdr:sp macro="" textlink="">
      <xdr:nvSpPr>
        <xdr:cNvPr id="387" name="楕円 386">
          <a:extLst>
            <a:ext uri="{FF2B5EF4-FFF2-40B4-BE49-F238E27FC236}">
              <a16:creationId xmlns:a16="http://schemas.microsoft.com/office/drawing/2014/main" id="{00000000-0008-0000-0400-000083010000}"/>
            </a:ext>
          </a:extLst>
        </xdr:cNvPr>
        <xdr:cNvSpPr/>
      </xdr:nvSpPr>
      <xdr:spPr>
        <a:xfrm>
          <a:off x="3048000" y="13045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2701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2717800" y="12814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56211</xdr:rowOff>
    </xdr:from>
    <xdr:to>
      <xdr:col>11</xdr:col>
      <xdr:colOff>60325</xdr:colOff>
      <xdr:row>76</xdr:row>
      <xdr:rowOff>86361</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2159000" y="13014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9653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1828800" y="12783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21920</xdr:rowOff>
    </xdr:from>
    <xdr:to>
      <xdr:col>6</xdr:col>
      <xdr:colOff>171450</xdr:colOff>
      <xdr:row>76</xdr:row>
      <xdr:rowOff>52070</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1270000" y="12980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6224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939800" y="12749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3" name="正方形/長方形 392">
          <a:extLst>
            <a:ext uri="{FF2B5EF4-FFF2-40B4-BE49-F238E27FC236}">
              <a16:creationId xmlns:a16="http://schemas.microsoft.com/office/drawing/2014/main" id="{00000000-0008-0000-0400-000089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公債費以外に係る経常収支比率は、類似団体平均を上回っているが、神奈川県平均からは３．２ポイント下回ってい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財政規模の小さい町であり、前年度から同様ではあるが、物件費は類似団体平均を下回っているが、補助費等が類似団体平均を上回っている状態が続いており、平均では上回ってしまう要因であると考えられ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今後は、抑制できる補助費等を効率的に抑制を図り、今後の増加を抑えていきたい。</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69</xdr:row>
      <xdr:rowOff>107950</xdr:rowOff>
    </xdr:from>
    <xdr:ext cx="298543" cy="225703"/>
    <xdr:sp macro="" textlink="">
      <xdr:nvSpPr>
        <xdr:cNvPr id="404" name="テキスト ボックス 403">
          <a:extLst>
            <a:ext uri="{FF2B5EF4-FFF2-40B4-BE49-F238E27FC236}">
              <a16:creationId xmlns:a16="http://schemas.microsoft.com/office/drawing/2014/main" id="{00000000-0008-0000-0400-000094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5" name="直線コネクタ 404">
          <a:extLst>
            <a:ext uri="{FF2B5EF4-FFF2-40B4-BE49-F238E27FC236}">
              <a16:creationId xmlns:a16="http://schemas.microsoft.com/office/drawing/2014/main" id="{00000000-0008-0000-0400-000095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6" name="テキスト ボックス 405">
          <a:extLst>
            <a:ext uri="{FF2B5EF4-FFF2-40B4-BE49-F238E27FC236}">
              <a16:creationId xmlns:a16="http://schemas.microsoft.com/office/drawing/2014/main" id="{00000000-0008-0000-0400-000096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7" name="直線コネクタ 406">
          <a:extLst>
            <a:ext uri="{FF2B5EF4-FFF2-40B4-BE49-F238E27FC236}">
              <a16:creationId xmlns:a16="http://schemas.microsoft.com/office/drawing/2014/main" id="{00000000-0008-0000-0400-000097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08" name="テキスト ボックス 407">
          <a:extLst>
            <a:ext uri="{FF2B5EF4-FFF2-40B4-BE49-F238E27FC236}">
              <a16:creationId xmlns:a16="http://schemas.microsoft.com/office/drawing/2014/main" id="{00000000-0008-0000-0400-000098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09" name="直線コネクタ 408">
          <a:extLst>
            <a:ext uri="{FF2B5EF4-FFF2-40B4-BE49-F238E27FC236}">
              <a16:creationId xmlns:a16="http://schemas.microsoft.com/office/drawing/2014/main" id="{00000000-0008-0000-0400-000099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9" name="公債費以外グラフ枠">
          <a:extLst>
            <a:ext uri="{FF2B5EF4-FFF2-40B4-BE49-F238E27FC236}">
              <a16:creationId xmlns:a16="http://schemas.microsoft.com/office/drawing/2014/main" id="{00000000-0008-0000-0400-0000A3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07950</xdr:rowOff>
    </xdr:from>
    <xdr:to>
      <xdr:col>82</xdr:col>
      <xdr:colOff>107950</xdr:colOff>
      <xdr:row>82</xdr:row>
      <xdr:rowOff>5080</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flipV="1">
          <a:off x="16510000" y="12452350"/>
          <a:ext cx="0" cy="16116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148607</xdr:rowOff>
    </xdr:from>
    <xdr:ext cx="762000" cy="259045"/>
    <xdr:sp macro="" textlink="">
      <xdr:nvSpPr>
        <xdr:cNvPr id="421" name="公債費以外最小値テキスト">
          <a:extLst>
            <a:ext uri="{FF2B5EF4-FFF2-40B4-BE49-F238E27FC236}">
              <a16:creationId xmlns:a16="http://schemas.microsoft.com/office/drawing/2014/main" id="{00000000-0008-0000-0400-0000A5010000}"/>
            </a:ext>
          </a:extLst>
        </xdr:cNvPr>
        <xdr:cNvSpPr txBox="1"/>
      </xdr:nvSpPr>
      <xdr:spPr>
        <a:xfrm>
          <a:off x="16598900" y="14036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2</xdr:row>
      <xdr:rowOff>5080</xdr:rowOff>
    </xdr:from>
    <xdr:to>
      <xdr:col>82</xdr:col>
      <xdr:colOff>196850</xdr:colOff>
      <xdr:row>82</xdr:row>
      <xdr:rowOff>5080</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a:off x="16421100" y="14063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22877</xdr:rowOff>
    </xdr:from>
    <xdr:ext cx="762000" cy="259045"/>
    <xdr:sp macro="" textlink="">
      <xdr:nvSpPr>
        <xdr:cNvPr id="423" name="公債費以外最大値テキスト">
          <a:extLst>
            <a:ext uri="{FF2B5EF4-FFF2-40B4-BE49-F238E27FC236}">
              <a16:creationId xmlns:a16="http://schemas.microsoft.com/office/drawing/2014/main" id="{00000000-0008-0000-0400-0000A7010000}"/>
            </a:ext>
          </a:extLst>
        </xdr:cNvPr>
        <xdr:cNvSpPr txBox="1"/>
      </xdr:nvSpPr>
      <xdr:spPr>
        <a:xfrm>
          <a:off x="16598900" y="1219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07950</xdr:rowOff>
    </xdr:from>
    <xdr:to>
      <xdr:col>82</xdr:col>
      <xdr:colOff>196850</xdr:colOff>
      <xdr:row>72</xdr:row>
      <xdr:rowOff>107950</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6421100" y="12452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31750</xdr:rowOff>
    </xdr:from>
    <xdr:to>
      <xdr:col>82</xdr:col>
      <xdr:colOff>107950</xdr:colOff>
      <xdr:row>79</xdr:row>
      <xdr:rowOff>46989</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5671800" y="13404850"/>
          <a:ext cx="838200" cy="186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54627</xdr:rowOff>
    </xdr:from>
    <xdr:ext cx="762000" cy="259045"/>
    <xdr:sp macro="" textlink="">
      <xdr:nvSpPr>
        <xdr:cNvPr id="426" name="公債費以外平均値テキスト">
          <a:extLst>
            <a:ext uri="{FF2B5EF4-FFF2-40B4-BE49-F238E27FC236}">
              <a16:creationId xmlns:a16="http://schemas.microsoft.com/office/drawing/2014/main" id="{00000000-0008-0000-0400-0000AA010000}"/>
            </a:ext>
          </a:extLst>
        </xdr:cNvPr>
        <xdr:cNvSpPr txBox="1"/>
      </xdr:nvSpPr>
      <xdr:spPr>
        <a:xfrm>
          <a:off x="16598900" y="130848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38100</xdr:rowOff>
    </xdr:from>
    <xdr:to>
      <xdr:col>82</xdr:col>
      <xdr:colOff>158750</xdr:colOff>
      <xdr:row>77</xdr:row>
      <xdr:rowOff>139700</xdr:rowOff>
    </xdr:to>
    <xdr:sp macro="" textlink="">
      <xdr:nvSpPr>
        <xdr:cNvPr id="427" name="フローチャート: 判断 426">
          <a:extLst>
            <a:ext uri="{FF2B5EF4-FFF2-40B4-BE49-F238E27FC236}">
              <a16:creationId xmlns:a16="http://schemas.microsoft.com/office/drawing/2014/main" id="{00000000-0008-0000-0400-0000AB010000}"/>
            </a:ext>
          </a:extLst>
        </xdr:cNvPr>
        <xdr:cNvSpPr/>
      </xdr:nvSpPr>
      <xdr:spPr>
        <a:xfrm>
          <a:off x="16459200" y="13239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31750</xdr:rowOff>
    </xdr:from>
    <xdr:to>
      <xdr:col>78</xdr:col>
      <xdr:colOff>69850</xdr:colOff>
      <xdr:row>80</xdr:row>
      <xdr:rowOff>92711</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flipV="1">
          <a:off x="14782800" y="13404850"/>
          <a:ext cx="889000" cy="403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02870</xdr:rowOff>
    </xdr:from>
    <xdr:to>
      <xdr:col>78</xdr:col>
      <xdr:colOff>120650</xdr:colOff>
      <xdr:row>77</xdr:row>
      <xdr:rowOff>33020</xdr:rowOff>
    </xdr:to>
    <xdr:sp macro="" textlink="">
      <xdr:nvSpPr>
        <xdr:cNvPr id="429" name="フローチャート: 判断 428">
          <a:extLst>
            <a:ext uri="{FF2B5EF4-FFF2-40B4-BE49-F238E27FC236}">
              <a16:creationId xmlns:a16="http://schemas.microsoft.com/office/drawing/2014/main" id="{00000000-0008-0000-0400-0000AD010000}"/>
            </a:ext>
          </a:extLst>
        </xdr:cNvPr>
        <xdr:cNvSpPr/>
      </xdr:nvSpPr>
      <xdr:spPr>
        <a:xfrm>
          <a:off x="15621000" y="13133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43197</xdr:rowOff>
    </xdr:from>
    <xdr:ext cx="736600" cy="259045"/>
    <xdr:sp macro="" textlink="">
      <xdr:nvSpPr>
        <xdr:cNvPr id="430" name="テキスト ボックス 429">
          <a:extLst>
            <a:ext uri="{FF2B5EF4-FFF2-40B4-BE49-F238E27FC236}">
              <a16:creationId xmlns:a16="http://schemas.microsoft.com/office/drawing/2014/main" id="{00000000-0008-0000-0400-0000AE010000}"/>
            </a:ext>
          </a:extLst>
        </xdr:cNvPr>
        <xdr:cNvSpPr txBox="1"/>
      </xdr:nvSpPr>
      <xdr:spPr>
        <a:xfrm>
          <a:off x="15290800" y="129019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00330</xdr:rowOff>
    </xdr:from>
    <xdr:to>
      <xdr:col>73</xdr:col>
      <xdr:colOff>180975</xdr:colOff>
      <xdr:row>80</xdr:row>
      <xdr:rowOff>92711</xdr:rowOff>
    </xdr:to>
    <xdr:cxnSp macro="">
      <xdr:nvCxnSpPr>
        <xdr:cNvPr id="431" name="直線コネクタ 430">
          <a:extLst>
            <a:ext uri="{FF2B5EF4-FFF2-40B4-BE49-F238E27FC236}">
              <a16:creationId xmlns:a16="http://schemas.microsoft.com/office/drawing/2014/main" id="{00000000-0008-0000-0400-0000AF010000}"/>
            </a:ext>
          </a:extLst>
        </xdr:cNvPr>
        <xdr:cNvCxnSpPr/>
      </xdr:nvCxnSpPr>
      <xdr:spPr>
        <a:xfrm>
          <a:off x="13893800" y="13644880"/>
          <a:ext cx="889000" cy="163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1430</xdr:rowOff>
    </xdr:from>
    <xdr:to>
      <xdr:col>74</xdr:col>
      <xdr:colOff>31750</xdr:colOff>
      <xdr:row>78</xdr:row>
      <xdr:rowOff>113030</xdr:rowOff>
    </xdr:to>
    <xdr:sp macro="" textlink="">
      <xdr:nvSpPr>
        <xdr:cNvPr id="432" name="フローチャート: 判断 431">
          <a:extLst>
            <a:ext uri="{FF2B5EF4-FFF2-40B4-BE49-F238E27FC236}">
              <a16:creationId xmlns:a16="http://schemas.microsoft.com/office/drawing/2014/main" id="{00000000-0008-0000-0400-0000B0010000}"/>
            </a:ext>
          </a:extLst>
        </xdr:cNvPr>
        <xdr:cNvSpPr/>
      </xdr:nvSpPr>
      <xdr:spPr>
        <a:xfrm>
          <a:off x="14732000" y="13384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23207</xdr:rowOff>
    </xdr:from>
    <xdr:ext cx="762000" cy="259045"/>
    <xdr:sp macro="" textlink="">
      <xdr:nvSpPr>
        <xdr:cNvPr id="433" name="テキスト ボックス 432">
          <a:extLst>
            <a:ext uri="{FF2B5EF4-FFF2-40B4-BE49-F238E27FC236}">
              <a16:creationId xmlns:a16="http://schemas.microsoft.com/office/drawing/2014/main" id="{00000000-0008-0000-0400-0000B1010000}"/>
            </a:ext>
          </a:extLst>
        </xdr:cNvPr>
        <xdr:cNvSpPr txBox="1"/>
      </xdr:nvSpPr>
      <xdr:spPr>
        <a:xfrm>
          <a:off x="14401800" y="13153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00330</xdr:rowOff>
    </xdr:from>
    <xdr:to>
      <xdr:col>69</xdr:col>
      <xdr:colOff>92075</xdr:colOff>
      <xdr:row>79</xdr:row>
      <xdr:rowOff>168911</xdr:rowOff>
    </xdr:to>
    <xdr:cxnSp macro="">
      <xdr:nvCxnSpPr>
        <xdr:cNvPr id="434" name="直線コネクタ 433">
          <a:extLst>
            <a:ext uri="{FF2B5EF4-FFF2-40B4-BE49-F238E27FC236}">
              <a16:creationId xmlns:a16="http://schemas.microsoft.com/office/drawing/2014/main" id="{00000000-0008-0000-0400-0000B2010000}"/>
            </a:ext>
          </a:extLst>
        </xdr:cNvPr>
        <xdr:cNvCxnSpPr/>
      </xdr:nvCxnSpPr>
      <xdr:spPr>
        <a:xfrm flipV="1">
          <a:off x="13004800" y="13644880"/>
          <a:ext cx="889000" cy="68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38100</xdr:rowOff>
    </xdr:from>
    <xdr:to>
      <xdr:col>69</xdr:col>
      <xdr:colOff>142875</xdr:colOff>
      <xdr:row>78</xdr:row>
      <xdr:rowOff>139700</xdr:rowOff>
    </xdr:to>
    <xdr:sp macro="" textlink="">
      <xdr:nvSpPr>
        <xdr:cNvPr id="435" name="フローチャート: 判断 434">
          <a:extLst>
            <a:ext uri="{FF2B5EF4-FFF2-40B4-BE49-F238E27FC236}">
              <a16:creationId xmlns:a16="http://schemas.microsoft.com/office/drawing/2014/main" id="{00000000-0008-0000-0400-0000B3010000}"/>
            </a:ext>
          </a:extLst>
        </xdr:cNvPr>
        <xdr:cNvSpPr/>
      </xdr:nvSpPr>
      <xdr:spPr>
        <a:xfrm>
          <a:off x="13843000" y="1341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49877</xdr:rowOff>
    </xdr:from>
    <xdr:ext cx="762000" cy="259045"/>
    <xdr:sp macro="" textlink="">
      <xdr:nvSpPr>
        <xdr:cNvPr id="436" name="テキスト ボックス 435">
          <a:extLst>
            <a:ext uri="{FF2B5EF4-FFF2-40B4-BE49-F238E27FC236}">
              <a16:creationId xmlns:a16="http://schemas.microsoft.com/office/drawing/2014/main" id="{00000000-0008-0000-0400-0000B4010000}"/>
            </a:ext>
          </a:extLst>
        </xdr:cNvPr>
        <xdr:cNvSpPr txBox="1"/>
      </xdr:nvSpPr>
      <xdr:spPr>
        <a:xfrm>
          <a:off x="13512800" y="1318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0</xdr:rowOff>
    </xdr:from>
    <xdr:to>
      <xdr:col>65</xdr:col>
      <xdr:colOff>53975</xdr:colOff>
      <xdr:row>78</xdr:row>
      <xdr:rowOff>101600</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2954000" y="1337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11777</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2623800" y="1314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67639</xdr:rowOff>
    </xdr:from>
    <xdr:to>
      <xdr:col>82</xdr:col>
      <xdr:colOff>158750</xdr:colOff>
      <xdr:row>79</xdr:row>
      <xdr:rowOff>97789</xdr:rowOff>
    </xdr:to>
    <xdr:sp macro="" textlink="">
      <xdr:nvSpPr>
        <xdr:cNvPr id="444" name="楕円 443">
          <a:extLst>
            <a:ext uri="{FF2B5EF4-FFF2-40B4-BE49-F238E27FC236}">
              <a16:creationId xmlns:a16="http://schemas.microsoft.com/office/drawing/2014/main" id="{00000000-0008-0000-0400-0000BC010000}"/>
            </a:ext>
          </a:extLst>
        </xdr:cNvPr>
        <xdr:cNvSpPr/>
      </xdr:nvSpPr>
      <xdr:spPr>
        <a:xfrm>
          <a:off x="16459200" y="13540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139716</xdr:rowOff>
    </xdr:from>
    <xdr:ext cx="762000" cy="259045"/>
    <xdr:sp macro="" textlink="">
      <xdr:nvSpPr>
        <xdr:cNvPr id="445" name="公債費以外該当値テキスト">
          <a:extLst>
            <a:ext uri="{FF2B5EF4-FFF2-40B4-BE49-F238E27FC236}">
              <a16:creationId xmlns:a16="http://schemas.microsoft.com/office/drawing/2014/main" id="{00000000-0008-0000-0400-0000BD010000}"/>
            </a:ext>
          </a:extLst>
        </xdr:cNvPr>
        <xdr:cNvSpPr txBox="1"/>
      </xdr:nvSpPr>
      <xdr:spPr>
        <a:xfrm>
          <a:off x="16598900" y="135128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152400</xdr:rowOff>
    </xdr:from>
    <xdr:to>
      <xdr:col>78</xdr:col>
      <xdr:colOff>120650</xdr:colOff>
      <xdr:row>78</xdr:row>
      <xdr:rowOff>82550</xdr:rowOff>
    </xdr:to>
    <xdr:sp macro="" textlink="">
      <xdr:nvSpPr>
        <xdr:cNvPr id="446" name="楕円 445">
          <a:extLst>
            <a:ext uri="{FF2B5EF4-FFF2-40B4-BE49-F238E27FC236}">
              <a16:creationId xmlns:a16="http://schemas.microsoft.com/office/drawing/2014/main" id="{00000000-0008-0000-0400-0000BE010000}"/>
            </a:ext>
          </a:extLst>
        </xdr:cNvPr>
        <xdr:cNvSpPr/>
      </xdr:nvSpPr>
      <xdr:spPr>
        <a:xfrm>
          <a:off x="15621000" y="13354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67327</xdr:rowOff>
    </xdr:from>
    <xdr:ext cx="7366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5290800" y="13440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41911</xdr:rowOff>
    </xdr:from>
    <xdr:to>
      <xdr:col>74</xdr:col>
      <xdr:colOff>31750</xdr:colOff>
      <xdr:row>80</xdr:row>
      <xdr:rowOff>143511</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4732000" y="13757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128288</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4401800" y="138442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49530</xdr:rowOff>
    </xdr:from>
    <xdr:to>
      <xdr:col>69</xdr:col>
      <xdr:colOff>142875</xdr:colOff>
      <xdr:row>79</xdr:row>
      <xdr:rowOff>151130</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3843000" y="13594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3590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3512800" y="13680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118111</xdr:rowOff>
    </xdr:from>
    <xdr:to>
      <xdr:col>65</xdr:col>
      <xdr:colOff>53975</xdr:colOff>
      <xdr:row>80</xdr:row>
      <xdr:rowOff>48261</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2954000" y="13662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33038</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2623800" y="137490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64432</xdr:rowOff>
    </xdr:from>
    <xdr:to>
      <xdr:col>29</xdr:col>
      <xdr:colOff>127000</xdr:colOff>
      <xdr:row>18</xdr:row>
      <xdr:rowOff>147734</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1998007"/>
          <a:ext cx="0" cy="128345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8</xdr:row>
      <xdr:rowOff>119811</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253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0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8</xdr:row>
      <xdr:rowOff>147734</xdr:rowOff>
    </xdr:from>
    <xdr:to>
      <xdr:col>30</xdr:col>
      <xdr:colOff>25400</xdr:colOff>
      <xdr:row>18</xdr:row>
      <xdr:rowOff>147734</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28145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50809</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7414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4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64432</xdr:rowOff>
    </xdr:from>
    <xdr:to>
      <xdr:col>30</xdr:col>
      <xdr:colOff>25400</xdr:colOff>
      <xdr:row>11</xdr:row>
      <xdr:rowOff>64432</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199800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27716</xdr:rowOff>
    </xdr:from>
    <xdr:to>
      <xdr:col>29</xdr:col>
      <xdr:colOff>127000</xdr:colOff>
      <xdr:row>17</xdr:row>
      <xdr:rowOff>144709</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5003800" y="3089991"/>
          <a:ext cx="647700" cy="1699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4</xdr:row>
      <xdr:rowOff>87652</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535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71125</xdr:rowOff>
    </xdr:from>
    <xdr:to>
      <xdr:col>29</xdr:col>
      <xdr:colOff>177800</xdr:colOff>
      <xdr:row>16</xdr:row>
      <xdr:rowOff>1275</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6905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17246</xdr:rowOff>
    </xdr:from>
    <xdr:to>
      <xdr:col>26</xdr:col>
      <xdr:colOff>50800</xdr:colOff>
      <xdr:row>17</xdr:row>
      <xdr:rowOff>144709</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a:off x="4305300" y="3079521"/>
          <a:ext cx="698500" cy="2746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5</xdr:row>
      <xdr:rowOff>88773</xdr:rowOff>
    </xdr:from>
    <xdr:to>
      <xdr:col>26</xdr:col>
      <xdr:colOff>101600</xdr:colOff>
      <xdr:row>16</xdr:row>
      <xdr:rowOff>18923</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708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29100</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4770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17246</xdr:rowOff>
    </xdr:from>
    <xdr:to>
      <xdr:col>22</xdr:col>
      <xdr:colOff>114300</xdr:colOff>
      <xdr:row>17</xdr:row>
      <xdr:rowOff>134430</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3079521"/>
          <a:ext cx="698500" cy="1718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5</xdr:row>
      <xdr:rowOff>127147</xdr:rowOff>
    </xdr:from>
    <xdr:to>
      <xdr:col>22</xdr:col>
      <xdr:colOff>165100</xdr:colOff>
      <xdr:row>16</xdr:row>
      <xdr:rowOff>57297</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274652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67474</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25153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134430</xdr:rowOff>
    </xdr:from>
    <xdr:to>
      <xdr:col>18</xdr:col>
      <xdr:colOff>177800</xdr:colOff>
      <xdr:row>18</xdr:row>
      <xdr:rowOff>11816</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flipV="1">
          <a:off x="2908300" y="3096705"/>
          <a:ext cx="698500" cy="4883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5</xdr:row>
      <xdr:rowOff>121539</xdr:rowOff>
    </xdr:from>
    <xdr:to>
      <xdr:col>19</xdr:col>
      <xdr:colOff>38100</xdr:colOff>
      <xdr:row>16</xdr:row>
      <xdr:rowOff>51689</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274091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61866</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2509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150541</xdr:rowOff>
    </xdr:from>
    <xdr:to>
      <xdr:col>15</xdr:col>
      <xdr:colOff>101600</xdr:colOff>
      <xdr:row>16</xdr:row>
      <xdr:rowOff>80691</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276991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90868</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2538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76916</xdr:rowOff>
    </xdr:from>
    <xdr:to>
      <xdr:col>29</xdr:col>
      <xdr:colOff>177800</xdr:colOff>
      <xdr:row>18</xdr:row>
      <xdr:rowOff>7066</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303919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48993</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30112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93909</xdr:rowOff>
    </xdr:from>
    <xdr:to>
      <xdr:col>26</xdr:col>
      <xdr:colOff>101600</xdr:colOff>
      <xdr:row>18</xdr:row>
      <xdr:rowOff>24059</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305618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8836</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31425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66446</xdr:rowOff>
    </xdr:from>
    <xdr:to>
      <xdr:col>22</xdr:col>
      <xdr:colOff>165100</xdr:colOff>
      <xdr:row>17</xdr:row>
      <xdr:rowOff>168046</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302872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52823</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31150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83630</xdr:rowOff>
    </xdr:from>
    <xdr:to>
      <xdr:col>19</xdr:col>
      <xdr:colOff>38100</xdr:colOff>
      <xdr:row>18</xdr:row>
      <xdr:rowOff>13780</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30459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70007</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31322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32466</xdr:rowOff>
    </xdr:from>
    <xdr:to>
      <xdr:col>15</xdr:col>
      <xdr:colOff>101600</xdr:colOff>
      <xdr:row>18</xdr:row>
      <xdr:rowOff>62616</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309474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47393</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3181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8</xdr:row>
      <xdr:rowOff>1105</xdr:rowOff>
    </xdr:from>
    <xdr:ext cx="762000" cy="259045"/>
    <xdr:sp macro="" textlink="">
      <xdr:nvSpPr>
        <xdr:cNvPr id="95" name="テキスト ボックス 94">
          <a:extLst>
            <a:ext uri="{FF2B5EF4-FFF2-40B4-BE49-F238E27FC236}">
              <a16:creationId xmlns:a16="http://schemas.microsoft.com/office/drawing/2014/main" id="{00000000-0008-0000-0500-00005F000000}"/>
            </a:ext>
          </a:extLst>
        </xdr:cNvPr>
        <xdr:cNvSpPr txBox="1"/>
      </xdr:nvSpPr>
      <xdr:spPr>
        <a:xfrm>
          <a:off x="1384300" y="7468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159657</xdr:rowOff>
    </xdr:from>
    <xdr:to>
      <xdr:col>33</xdr:col>
      <xdr:colOff>114300</xdr:colOff>
      <xdr:row>37</xdr:row>
      <xdr:rowOff>159657</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5" name="テキスト ボックス 104">
          <a:extLst>
            <a:ext uri="{FF2B5EF4-FFF2-40B4-BE49-F238E27FC236}">
              <a16:creationId xmlns:a16="http://schemas.microsoft.com/office/drawing/2014/main" id="{00000000-0008-0000-0500-000069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7" name="テキスト ボックス 106">
          <a:extLst>
            <a:ext uri="{FF2B5EF4-FFF2-40B4-BE49-F238E27FC236}">
              <a16:creationId xmlns:a16="http://schemas.microsoft.com/office/drawing/2014/main" id="{00000000-0008-0000-0500-00006B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8" name="人口1人当たり決算額の推移グラフ枠445">
          <a:extLst>
            <a:ext uri="{FF2B5EF4-FFF2-40B4-BE49-F238E27FC236}">
              <a16:creationId xmlns:a16="http://schemas.microsoft.com/office/drawing/2014/main" id="{00000000-0008-0000-0500-00006C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52371</xdr:rowOff>
    </xdr:from>
    <xdr:to>
      <xdr:col>29</xdr:col>
      <xdr:colOff>127000</xdr:colOff>
      <xdr:row>39</xdr:row>
      <xdr:rowOff>2772</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flipV="1">
          <a:off x="5651500" y="6176921"/>
          <a:ext cx="0" cy="146490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146299</xdr:rowOff>
    </xdr:from>
    <xdr:ext cx="762000" cy="259045"/>
    <xdr:sp macro="" textlink="">
      <xdr:nvSpPr>
        <xdr:cNvPr id="110" name="人口1人当たり決算額の推移最小値テキスト445">
          <a:extLst>
            <a:ext uri="{FF2B5EF4-FFF2-40B4-BE49-F238E27FC236}">
              <a16:creationId xmlns:a16="http://schemas.microsoft.com/office/drawing/2014/main" id="{00000000-0008-0000-0500-00006E000000}"/>
            </a:ext>
          </a:extLst>
        </xdr:cNvPr>
        <xdr:cNvSpPr txBox="1"/>
      </xdr:nvSpPr>
      <xdr:spPr>
        <a:xfrm>
          <a:off x="5740400" y="76138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9</xdr:row>
      <xdr:rowOff>2772</xdr:rowOff>
    </xdr:from>
    <xdr:to>
      <xdr:col>30</xdr:col>
      <xdr:colOff>25400</xdr:colOff>
      <xdr:row>39</xdr:row>
      <xdr:rowOff>2772</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562600" y="764182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67298</xdr:rowOff>
    </xdr:from>
    <xdr:ext cx="762000" cy="259045"/>
    <xdr:sp macro="" textlink="">
      <xdr:nvSpPr>
        <xdr:cNvPr id="112" name="人口1人当たり決算額の推移最大値テキスト445">
          <a:extLst>
            <a:ext uri="{FF2B5EF4-FFF2-40B4-BE49-F238E27FC236}">
              <a16:creationId xmlns:a16="http://schemas.microsoft.com/office/drawing/2014/main" id="{00000000-0008-0000-0500-000070000000}"/>
            </a:ext>
          </a:extLst>
        </xdr:cNvPr>
        <xdr:cNvSpPr txBox="1"/>
      </xdr:nvSpPr>
      <xdr:spPr>
        <a:xfrm>
          <a:off x="5740400" y="59203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52371</xdr:rowOff>
    </xdr:from>
    <xdr:to>
      <xdr:col>30</xdr:col>
      <xdr:colOff>25400</xdr:colOff>
      <xdr:row>33</xdr:row>
      <xdr:rowOff>252371</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a:off x="5562600" y="617692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2912</xdr:rowOff>
    </xdr:from>
    <xdr:to>
      <xdr:col>29</xdr:col>
      <xdr:colOff>127000</xdr:colOff>
      <xdr:row>36</xdr:row>
      <xdr:rowOff>42287</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flipV="1">
          <a:off x="5003800" y="6966162"/>
          <a:ext cx="647700" cy="2937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6</xdr:row>
      <xdr:rowOff>24078</xdr:rowOff>
    </xdr:from>
    <xdr:ext cx="762000" cy="259045"/>
    <xdr:sp macro="" textlink="">
      <xdr:nvSpPr>
        <xdr:cNvPr id="115" name="人口1人当たり決算額の推移平均値テキスト445">
          <a:extLst>
            <a:ext uri="{FF2B5EF4-FFF2-40B4-BE49-F238E27FC236}">
              <a16:creationId xmlns:a16="http://schemas.microsoft.com/office/drawing/2014/main" id="{00000000-0008-0000-0500-000073000000}"/>
            </a:ext>
          </a:extLst>
        </xdr:cNvPr>
        <xdr:cNvSpPr txBox="1"/>
      </xdr:nvSpPr>
      <xdr:spPr>
        <a:xfrm>
          <a:off x="5740400" y="697732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52001</xdr:rowOff>
    </xdr:from>
    <xdr:to>
      <xdr:col>29</xdr:col>
      <xdr:colOff>177800</xdr:colOff>
      <xdr:row>36</xdr:row>
      <xdr:rowOff>153601</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5600700" y="70052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42287</xdr:rowOff>
    </xdr:from>
    <xdr:to>
      <xdr:col>26</xdr:col>
      <xdr:colOff>50800</xdr:colOff>
      <xdr:row>36</xdr:row>
      <xdr:rowOff>84530</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flipV="1">
          <a:off x="4305300" y="6995537"/>
          <a:ext cx="698500" cy="422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78372</xdr:rowOff>
    </xdr:from>
    <xdr:to>
      <xdr:col>26</xdr:col>
      <xdr:colOff>101600</xdr:colOff>
      <xdr:row>37</xdr:row>
      <xdr:rowOff>8522</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4953000" y="703162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64749</xdr:rowOff>
    </xdr:from>
    <xdr:ext cx="7366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4622800" y="71179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84530</xdr:rowOff>
    </xdr:from>
    <xdr:to>
      <xdr:col>22</xdr:col>
      <xdr:colOff>114300</xdr:colOff>
      <xdr:row>36</xdr:row>
      <xdr:rowOff>166515</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flipV="1">
          <a:off x="3606800" y="7037780"/>
          <a:ext cx="698500" cy="8198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92692</xdr:rowOff>
    </xdr:from>
    <xdr:to>
      <xdr:col>22</xdr:col>
      <xdr:colOff>165100</xdr:colOff>
      <xdr:row>37</xdr:row>
      <xdr:rowOff>22842</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4254500" y="704594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7619</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3924300" y="71323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66515</xdr:rowOff>
    </xdr:from>
    <xdr:to>
      <xdr:col>18</xdr:col>
      <xdr:colOff>177800</xdr:colOff>
      <xdr:row>37</xdr:row>
      <xdr:rowOff>2756</xdr:rowOff>
    </xdr:to>
    <xdr:cxnSp macro="">
      <xdr:nvCxnSpPr>
        <xdr:cNvPr id="123" name="直線コネクタ 122">
          <a:extLst>
            <a:ext uri="{FF2B5EF4-FFF2-40B4-BE49-F238E27FC236}">
              <a16:creationId xmlns:a16="http://schemas.microsoft.com/office/drawing/2014/main" id="{00000000-0008-0000-0500-00007B000000}"/>
            </a:ext>
          </a:extLst>
        </xdr:cNvPr>
        <xdr:cNvCxnSpPr/>
      </xdr:nvCxnSpPr>
      <xdr:spPr bwMode="auto">
        <a:xfrm flipV="1">
          <a:off x="2908300" y="7119765"/>
          <a:ext cx="698500" cy="769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94994</xdr:rowOff>
    </xdr:from>
    <xdr:to>
      <xdr:col>19</xdr:col>
      <xdr:colOff>38100</xdr:colOff>
      <xdr:row>37</xdr:row>
      <xdr:rowOff>25144</xdr:rowOff>
    </xdr:to>
    <xdr:sp macro="" textlink="">
      <xdr:nvSpPr>
        <xdr:cNvPr id="124" name="フローチャート: 判断 123">
          <a:extLst>
            <a:ext uri="{FF2B5EF4-FFF2-40B4-BE49-F238E27FC236}">
              <a16:creationId xmlns:a16="http://schemas.microsoft.com/office/drawing/2014/main" id="{00000000-0008-0000-0500-00007C000000}"/>
            </a:ext>
          </a:extLst>
        </xdr:cNvPr>
        <xdr:cNvSpPr/>
      </xdr:nvSpPr>
      <xdr:spPr bwMode="auto">
        <a:xfrm>
          <a:off x="3556000" y="704824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06771</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3225800" y="6817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08122</xdr:rowOff>
    </xdr:from>
    <xdr:to>
      <xdr:col>15</xdr:col>
      <xdr:colOff>101600</xdr:colOff>
      <xdr:row>37</xdr:row>
      <xdr:rowOff>38272</xdr:rowOff>
    </xdr:to>
    <xdr:sp macro="" textlink="">
      <xdr:nvSpPr>
        <xdr:cNvPr id="126" name="フローチャート: 判断 125">
          <a:extLst>
            <a:ext uri="{FF2B5EF4-FFF2-40B4-BE49-F238E27FC236}">
              <a16:creationId xmlns:a16="http://schemas.microsoft.com/office/drawing/2014/main" id="{00000000-0008-0000-0500-00007E000000}"/>
            </a:ext>
          </a:extLst>
        </xdr:cNvPr>
        <xdr:cNvSpPr/>
      </xdr:nvSpPr>
      <xdr:spPr bwMode="auto">
        <a:xfrm>
          <a:off x="2857500" y="70613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19899</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2527300" y="6830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05012</xdr:rowOff>
    </xdr:from>
    <xdr:to>
      <xdr:col>29</xdr:col>
      <xdr:colOff>177800</xdr:colOff>
      <xdr:row>36</xdr:row>
      <xdr:rowOff>63712</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5600700" y="691536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150089</xdr:rowOff>
    </xdr:from>
    <xdr:ext cx="762000" cy="259045"/>
    <xdr:sp macro="" textlink="">
      <xdr:nvSpPr>
        <xdr:cNvPr id="134" name="人口1人当たり決算額の推移該当値テキスト445">
          <a:extLst>
            <a:ext uri="{FF2B5EF4-FFF2-40B4-BE49-F238E27FC236}">
              <a16:creationId xmlns:a16="http://schemas.microsoft.com/office/drawing/2014/main" id="{00000000-0008-0000-0500-000086000000}"/>
            </a:ext>
          </a:extLst>
        </xdr:cNvPr>
        <xdr:cNvSpPr txBox="1"/>
      </xdr:nvSpPr>
      <xdr:spPr>
        <a:xfrm>
          <a:off x="5740400" y="67604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334387</xdr:rowOff>
    </xdr:from>
    <xdr:to>
      <xdr:col>26</xdr:col>
      <xdr:colOff>101600</xdr:colOff>
      <xdr:row>36</xdr:row>
      <xdr:rowOff>93087</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4953000" y="694473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03264</xdr:rowOff>
    </xdr:from>
    <xdr:ext cx="7366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4622800" y="67136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33730</xdr:rowOff>
    </xdr:from>
    <xdr:to>
      <xdr:col>22</xdr:col>
      <xdr:colOff>165100</xdr:colOff>
      <xdr:row>36</xdr:row>
      <xdr:rowOff>135330</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4254500" y="698698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45507</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3924300" y="6755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15715</xdr:rowOff>
    </xdr:from>
    <xdr:to>
      <xdr:col>19</xdr:col>
      <xdr:colOff>38100</xdr:colOff>
      <xdr:row>37</xdr:row>
      <xdr:rowOff>45865</xdr:rowOff>
    </xdr:to>
    <xdr:sp macro="" textlink="">
      <xdr:nvSpPr>
        <xdr:cNvPr id="139" name="楕円 138">
          <a:extLst>
            <a:ext uri="{FF2B5EF4-FFF2-40B4-BE49-F238E27FC236}">
              <a16:creationId xmlns:a16="http://schemas.microsoft.com/office/drawing/2014/main" id="{00000000-0008-0000-0500-00008B000000}"/>
            </a:ext>
          </a:extLst>
        </xdr:cNvPr>
        <xdr:cNvSpPr/>
      </xdr:nvSpPr>
      <xdr:spPr bwMode="auto">
        <a:xfrm>
          <a:off x="3556000" y="706896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30642</xdr:rowOff>
    </xdr:from>
    <xdr:ext cx="762000" cy="259045"/>
    <xdr:sp macro="" textlink="">
      <xdr:nvSpPr>
        <xdr:cNvPr id="140" name="テキスト ボックス 139">
          <a:extLst>
            <a:ext uri="{FF2B5EF4-FFF2-40B4-BE49-F238E27FC236}">
              <a16:creationId xmlns:a16="http://schemas.microsoft.com/office/drawing/2014/main" id="{00000000-0008-0000-0500-00008C000000}"/>
            </a:ext>
          </a:extLst>
        </xdr:cNvPr>
        <xdr:cNvSpPr txBox="1"/>
      </xdr:nvSpPr>
      <xdr:spPr>
        <a:xfrm>
          <a:off x="3225800" y="71553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23406</xdr:rowOff>
    </xdr:from>
    <xdr:to>
      <xdr:col>15</xdr:col>
      <xdr:colOff>101600</xdr:colOff>
      <xdr:row>37</xdr:row>
      <xdr:rowOff>53556</xdr:rowOff>
    </xdr:to>
    <xdr:sp macro="" textlink="">
      <xdr:nvSpPr>
        <xdr:cNvPr id="141" name="楕円 140">
          <a:extLst>
            <a:ext uri="{FF2B5EF4-FFF2-40B4-BE49-F238E27FC236}">
              <a16:creationId xmlns:a16="http://schemas.microsoft.com/office/drawing/2014/main" id="{00000000-0008-0000-0500-00008D000000}"/>
            </a:ext>
          </a:extLst>
        </xdr:cNvPr>
        <xdr:cNvSpPr/>
      </xdr:nvSpPr>
      <xdr:spPr bwMode="auto">
        <a:xfrm>
          <a:off x="2857500" y="707665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38333</xdr:rowOff>
    </xdr:from>
    <xdr:ext cx="762000" cy="259045"/>
    <xdr:sp macro="" textlink="">
      <xdr:nvSpPr>
        <xdr:cNvPr id="142" name="テキスト ボックス 141">
          <a:extLst>
            <a:ext uri="{FF2B5EF4-FFF2-40B4-BE49-F238E27FC236}">
              <a16:creationId xmlns:a16="http://schemas.microsoft.com/office/drawing/2014/main" id="{00000000-0008-0000-0500-00008E000000}"/>
            </a:ext>
          </a:extLst>
        </xdr:cNvPr>
        <xdr:cNvSpPr txBox="1"/>
      </xdr:nvSpPr>
      <xdr:spPr>
        <a:xfrm>
          <a:off x="2527300" y="7163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880
6,805
7.05
4,303,093
4,120,947
181,921
2,467,769
3,262,6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4
8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35577</xdr:rowOff>
    </xdr:from>
    <xdr:ext cx="59541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166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49263</xdr:rowOff>
    </xdr:from>
    <xdr:to>
      <xdr:col>24</xdr:col>
      <xdr:colOff>62865</xdr:colOff>
      <xdr:row>38</xdr:row>
      <xdr:rowOff>54600</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292763"/>
          <a:ext cx="1270" cy="12769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58427</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573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54600</xdr:rowOff>
    </xdr:from>
    <xdr:to>
      <xdr:col>24</xdr:col>
      <xdr:colOff>152400</xdr:colOff>
      <xdr:row>38</xdr:row>
      <xdr:rowOff>54600</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569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5940</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50679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7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49263</xdr:rowOff>
    </xdr:from>
    <xdr:to>
      <xdr:col>24</xdr:col>
      <xdr:colOff>152400</xdr:colOff>
      <xdr:row>30</xdr:row>
      <xdr:rowOff>149263</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292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122684</xdr:rowOff>
    </xdr:from>
    <xdr:to>
      <xdr:col>24</xdr:col>
      <xdr:colOff>63500</xdr:colOff>
      <xdr:row>36</xdr:row>
      <xdr:rowOff>124338</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6294884"/>
          <a:ext cx="838200" cy="16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23004</xdr:rowOff>
    </xdr:from>
    <xdr:ext cx="599010"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585230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7</xdr:rowOff>
    </xdr:from>
    <xdr:to>
      <xdr:col>24</xdr:col>
      <xdr:colOff>114300</xdr:colOff>
      <xdr:row>35</xdr:row>
      <xdr:rowOff>101727</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000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01128</xdr:rowOff>
    </xdr:from>
    <xdr:to>
      <xdr:col>19</xdr:col>
      <xdr:colOff>177800</xdr:colOff>
      <xdr:row>36</xdr:row>
      <xdr:rowOff>124338</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a:off x="2908300" y="6273328"/>
          <a:ext cx="889000" cy="23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8852</xdr:rowOff>
    </xdr:from>
    <xdr:to>
      <xdr:col>20</xdr:col>
      <xdr:colOff>38100</xdr:colOff>
      <xdr:row>35</xdr:row>
      <xdr:rowOff>110452</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009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3</xdr:row>
      <xdr:rowOff>126979</xdr:rowOff>
    </xdr:from>
    <xdr:ext cx="599010"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497795" y="57848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01128</xdr:rowOff>
    </xdr:from>
    <xdr:to>
      <xdr:col>15</xdr:col>
      <xdr:colOff>50800</xdr:colOff>
      <xdr:row>37</xdr:row>
      <xdr:rowOff>54066</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6273328"/>
          <a:ext cx="889000" cy="1243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44902</xdr:rowOff>
    </xdr:from>
    <xdr:to>
      <xdr:col>15</xdr:col>
      <xdr:colOff>101600</xdr:colOff>
      <xdr:row>35</xdr:row>
      <xdr:rowOff>146502</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6045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3</xdr:row>
      <xdr:rowOff>163029</xdr:rowOff>
    </xdr:from>
    <xdr:ext cx="599010"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08795" y="58208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54066</xdr:rowOff>
    </xdr:from>
    <xdr:to>
      <xdr:col>10</xdr:col>
      <xdr:colOff>114300</xdr:colOff>
      <xdr:row>37</xdr:row>
      <xdr:rowOff>91282</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flipV="1">
          <a:off x="1130300" y="6397716"/>
          <a:ext cx="889000" cy="37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43307</xdr:rowOff>
    </xdr:from>
    <xdr:to>
      <xdr:col>10</xdr:col>
      <xdr:colOff>165100</xdr:colOff>
      <xdr:row>36</xdr:row>
      <xdr:rowOff>73457</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144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4</xdr:row>
      <xdr:rowOff>89984</xdr:rowOff>
    </xdr:from>
    <xdr:ext cx="599010"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19795" y="59192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70175</xdr:rowOff>
    </xdr:from>
    <xdr:to>
      <xdr:col>6</xdr:col>
      <xdr:colOff>38100</xdr:colOff>
      <xdr:row>36</xdr:row>
      <xdr:rowOff>100325</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170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4</xdr:row>
      <xdr:rowOff>116852</xdr:rowOff>
    </xdr:from>
    <xdr:ext cx="59901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30795" y="59461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8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71884</xdr:rowOff>
    </xdr:from>
    <xdr:to>
      <xdr:col>24</xdr:col>
      <xdr:colOff>114300</xdr:colOff>
      <xdr:row>37</xdr:row>
      <xdr:rowOff>2034</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6244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50311</xdr:rowOff>
    </xdr:from>
    <xdr:ext cx="599010"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62225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73538</xdr:rowOff>
    </xdr:from>
    <xdr:to>
      <xdr:col>20</xdr:col>
      <xdr:colOff>38100</xdr:colOff>
      <xdr:row>37</xdr:row>
      <xdr:rowOff>3688</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6245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6</xdr:row>
      <xdr:rowOff>166265</xdr:rowOff>
    </xdr:from>
    <xdr:ext cx="599010"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497795" y="63384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50328</xdr:rowOff>
    </xdr:from>
    <xdr:to>
      <xdr:col>15</xdr:col>
      <xdr:colOff>101600</xdr:colOff>
      <xdr:row>36</xdr:row>
      <xdr:rowOff>151928</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6222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6</xdr:row>
      <xdr:rowOff>143055</xdr:rowOff>
    </xdr:from>
    <xdr:ext cx="599010"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08795" y="63152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3266</xdr:rowOff>
    </xdr:from>
    <xdr:to>
      <xdr:col>10</xdr:col>
      <xdr:colOff>165100</xdr:colOff>
      <xdr:row>37</xdr:row>
      <xdr:rowOff>104866</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6346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95993</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6439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40482</xdr:rowOff>
    </xdr:from>
    <xdr:to>
      <xdr:col>6</xdr:col>
      <xdr:colOff>38100</xdr:colOff>
      <xdr:row>37</xdr:row>
      <xdr:rowOff>142082</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6384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33210</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6476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id="{00000000-0008-0000-06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id="{00000000-0008-0000-06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id="{00000000-0008-0000-06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id="{00000000-0008-0000-06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id="{00000000-0008-0000-06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6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id="{00000000-0008-0000-06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id="{00000000-0008-0000-06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id="{00000000-0008-0000-06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a16="http://schemas.microsoft.com/office/drawing/2014/main" id="{00000000-0008-0000-06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6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a:extLst>
            <a:ext uri="{FF2B5EF4-FFF2-40B4-BE49-F238E27FC236}">
              <a16:creationId xmlns:a16="http://schemas.microsoft.com/office/drawing/2014/main" id="{00000000-0008-0000-0600-00006F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物件費グラフ枠">
          <a:extLst>
            <a:ext uri="{FF2B5EF4-FFF2-40B4-BE49-F238E27FC236}">
              <a16:creationId xmlns:a16="http://schemas.microsoft.com/office/drawing/2014/main" id="{00000000-0008-0000-06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28253</xdr:rowOff>
    </xdr:from>
    <xdr:to>
      <xdr:col>24</xdr:col>
      <xdr:colOff>62865</xdr:colOff>
      <xdr:row>58</xdr:row>
      <xdr:rowOff>103747</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flipV="1">
          <a:off x="4633595" y="8772203"/>
          <a:ext cx="1270" cy="1275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07574</xdr:rowOff>
    </xdr:from>
    <xdr:ext cx="534377" cy="259045"/>
    <xdr:sp macro="" textlink="">
      <xdr:nvSpPr>
        <xdr:cNvPr id="114" name="物件費最小値テキスト">
          <a:extLst>
            <a:ext uri="{FF2B5EF4-FFF2-40B4-BE49-F238E27FC236}">
              <a16:creationId xmlns:a16="http://schemas.microsoft.com/office/drawing/2014/main" id="{00000000-0008-0000-0600-000072000000}"/>
            </a:ext>
          </a:extLst>
        </xdr:cNvPr>
        <xdr:cNvSpPr txBox="1"/>
      </xdr:nvSpPr>
      <xdr:spPr>
        <a:xfrm>
          <a:off x="4686300" y="10051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03747</xdr:rowOff>
    </xdr:from>
    <xdr:to>
      <xdr:col>24</xdr:col>
      <xdr:colOff>152400</xdr:colOff>
      <xdr:row>58</xdr:row>
      <xdr:rowOff>103747</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a:off x="4546600" y="100478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46380</xdr:rowOff>
    </xdr:from>
    <xdr:ext cx="599010" cy="259045"/>
    <xdr:sp macro="" textlink="">
      <xdr:nvSpPr>
        <xdr:cNvPr id="116" name="物件費最大値テキスト">
          <a:extLst>
            <a:ext uri="{FF2B5EF4-FFF2-40B4-BE49-F238E27FC236}">
              <a16:creationId xmlns:a16="http://schemas.microsoft.com/office/drawing/2014/main" id="{00000000-0008-0000-0600-000074000000}"/>
            </a:ext>
          </a:extLst>
        </xdr:cNvPr>
        <xdr:cNvSpPr txBox="1"/>
      </xdr:nvSpPr>
      <xdr:spPr>
        <a:xfrm>
          <a:off x="4686300" y="85474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8,5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28253</xdr:rowOff>
    </xdr:from>
    <xdr:to>
      <xdr:col>24</xdr:col>
      <xdr:colOff>152400</xdr:colOff>
      <xdr:row>51</xdr:row>
      <xdr:rowOff>28253</xdr:rowOff>
    </xdr:to>
    <xdr:cxnSp macro="">
      <xdr:nvCxnSpPr>
        <xdr:cNvPr id="117" name="直線コネクタ 116">
          <a:extLst>
            <a:ext uri="{FF2B5EF4-FFF2-40B4-BE49-F238E27FC236}">
              <a16:creationId xmlns:a16="http://schemas.microsoft.com/office/drawing/2014/main" id="{00000000-0008-0000-0600-000075000000}"/>
            </a:ext>
          </a:extLst>
        </xdr:cNvPr>
        <xdr:cNvCxnSpPr/>
      </xdr:nvCxnSpPr>
      <xdr:spPr>
        <a:xfrm>
          <a:off x="4546600" y="87722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59829</xdr:rowOff>
    </xdr:from>
    <xdr:to>
      <xdr:col>24</xdr:col>
      <xdr:colOff>63500</xdr:colOff>
      <xdr:row>58</xdr:row>
      <xdr:rowOff>64786</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flipV="1">
          <a:off x="3797300" y="10003929"/>
          <a:ext cx="838200" cy="4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5558</xdr:rowOff>
    </xdr:from>
    <xdr:ext cx="599010" cy="259045"/>
    <xdr:sp macro="" textlink="">
      <xdr:nvSpPr>
        <xdr:cNvPr id="119" name="物件費平均値テキスト">
          <a:extLst>
            <a:ext uri="{FF2B5EF4-FFF2-40B4-BE49-F238E27FC236}">
              <a16:creationId xmlns:a16="http://schemas.microsoft.com/office/drawing/2014/main" id="{00000000-0008-0000-0600-000077000000}"/>
            </a:ext>
          </a:extLst>
        </xdr:cNvPr>
        <xdr:cNvSpPr txBox="1"/>
      </xdr:nvSpPr>
      <xdr:spPr>
        <a:xfrm>
          <a:off x="4686300" y="967675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0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52681</xdr:rowOff>
    </xdr:from>
    <xdr:to>
      <xdr:col>24</xdr:col>
      <xdr:colOff>114300</xdr:colOff>
      <xdr:row>57</xdr:row>
      <xdr:rowOff>154281</xdr:rowOff>
    </xdr:to>
    <xdr:sp macro="" textlink="">
      <xdr:nvSpPr>
        <xdr:cNvPr id="120" name="フローチャート: 判断 119">
          <a:extLst>
            <a:ext uri="{FF2B5EF4-FFF2-40B4-BE49-F238E27FC236}">
              <a16:creationId xmlns:a16="http://schemas.microsoft.com/office/drawing/2014/main" id="{00000000-0008-0000-0600-000078000000}"/>
            </a:ext>
          </a:extLst>
        </xdr:cNvPr>
        <xdr:cNvSpPr/>
      </xdr:nvSpPr>
      <xdr:spPr>
        <a:xfrm>
          <a:off x="4584700" y="9825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64786</xdr:rowOff>
    </xdr:from>
    <xdr:to>
      <xdr:col>19</xdr:col>
      <xdr:colOff>177800</xdr:colOff>
      <xdr:row>58</xdr:row>
      <xdr:rowOff>79306</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2908300" y="10008886"/>
          <a:ext cx="889000" cy="14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81042</xdr:rowOff>
    </xdr:from>
    <xdr:to>
      <xdr:col>20</xdr:col>
      <xdr:colOff>38100</xdr:colOff>
      <xdr:row>58</xdr:row>
      <xdr:rowOff>11192</xdr:rowOff>
    </xdr:to>
    <xdr:sp macro="" textlink="">
      <xdr:nvSpPr>
        <xdr:cNvPr id="122" name="フローチャート: 判断 121">
          <a:extLst>
            <a:ext uri="{FF2B5EF4-FFF2-40B4-BE49-F238E27FC236}">
              <a16:creationId xmlns:a16="http://schemas.microsoft.com/office/drawing/2014/main" id="{00000000-0008-0000-0600-00007A000000}"/>
            </a:ext>
          </a:extLst>
        </xdr:cNvPr>
        <xdr:cNvSpPr/>
      </xdr:nvSpPr>
      <xdr:spPr>
        <a:xfrm>
          <a:off x="3746500" y="9853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27719</xdr:rowOff>
    </xdr:from>
    <xdr:ext cx="599010" cy="259045"/>
    <xdr:sp macro="" textlink="">
      <xdr:nvSpPr>
        <xdr:cNvPr id="123" name="テキスト ボックス 122">
          <a:extLst>
            <a:ext uri="{FF2B5EF4-FFF2-40B4-BE49-F238E27FC236}">
              <a16:creationId xmlns:a16="http://schemas.microsoft.com/office/drawing/2014/main" id="{00000000-0008-0000-0600-00007B000000}"/>
            </a:ext>
          </a:extLst>
        </xdr:cNvPr>
        <xdr:cNvSpPr txBox="1"/>
      </xdr:nvSpPr>
      <xdr:spPr>
        <a:xfrm>
          <a:off x="3497795" y="96289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61027</xdr:rowOff>
    </xdr:from>
    <xdr:to>
      <xdr:col>15</xdr:col>
      <xdr:colOff>50800</xdr:colOff>
      <xdr:row>58</xdr:row>
      <xdr:rowOff>79306</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a:off x="2019300" y="10005127"/>
          <a:ext cx="889000" cy="182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89236</xdr:rowOff>
    </xdr:from>
    <xdr:to>
      <xdr:col>15</xdr:col>
      <xdr:colOff>101600</xdr:colOff>
      <xdr:row>58</xdr:row>
      <xdr:rowOff>19386</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2857500" y="9861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35913</xdr:rowOff>
    </xdr:from>
    <xdr:ext cx="599010"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2608795" y="96371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61027</xdr:rowOff>
    </xdr:from>
    <xdr:to>
      <xdr:col>10</xdr:col>
      <xdr:colOff>114300</xdr:colOff>
      <xdr:row>58</xdr:row>
      <xdr:rowOff>67784</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1130300" y="10005127"/>
          <a:ext cx="889000" cy="6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94665</xdr:rowOff>
    </xdr:from>
    <xdr:to>
      <xdr:col>10</xdr:col>
      <xdr:colOff>165100</xdr:colOff>
      <xdr:row>58</xdr:row>
      <xdr:rowOff>24815</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1968500" y="9867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41342</xdr:rowOff>
    </xdr:from>
    <xdr:ext cx="599010"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1719795" y="96425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04894</xdr:rowOff>
    </xdr:from>
    <xdr:to>
      <xdr:col>6</xdr:col>
      <xdr:colOff>38100</xdr:colOff>
      <xdr:row>58</xdr:row>
      <xdr:rowOff>35044</xdr:rowOff>
    </xdr:to>
    <xdr:sp macro="" textlink="">
      <xdr:nvSpPr>
        <xdr:cNvPr id="130" name="フローチャート: 判断 129">
          <a:extLst>
            <a:ext uri="{FF2B5EF4-FFF2-40B4-BE49-F238E27FC236}">
              <a16:creationId xmlns:a16="http://schemas.microsoft.com/office/drawing/2014/main" id="{00000000-0008-0000-0600-000082000000}"/>
            </a:ext>
          </a:extLst>
        </xdr:cNvPr>
        <xdr:cNvSpPr/>
      </xdr:nvSpPr>
      <xdr:spPr>
        <a:xfrm>
          <a:off x="1079500" y="987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51571</xdr:rowOff>
    </xdr:from>
    <xdr:ext cx="599010"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830795" y="96527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9029</xdr:rowOff>
    </xdr:from>
    <xdr:to>
      <xdr:col>24</xdr:col>
      <xdr:colOff>114300</xdr:colOff>
      <xdr:row>58</xdr:row>
      <xdr:rowOff>110629</xdr:rowOff>
    </xdr:to>
    <xdr:sp macro="" textlink="">
      <xdr:nvSpPr>
        <xdr:cNvPr id="137" name="楕円 136">
          <a:extLst>
            <a:ext uri="{FF2B5EF4-FFF2-40B4-BE49-F238E27FC236}">
              <a16:creationId xmlns:a16="http://schemas.microsoft.com/office/drawing/2014/main" id="{00000000-0008-0000-0600-000089000000}"/>
            </a:ext>
          </a:extLst>
        </xdr:cNvPr>
        <xdr:cNvSpPr/>
      </xdr:nvSpPr>
      <xdr:spPr>
        <a:xfrm>
          <a:off x="4584700" y="9953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95406</xdr:rowOff>
    </xdr:from>
    <xdr:ext cx="534377" cy="259045"/>
    <xdr:sp macro="" textlink="">
      <xdr:nvSpPr>
        <xdr:cNvPr id="138" name="物件費該当値テキスト">
          <a:extLst>
            <a:ext uri="{FF2B5EF4-FFF2-40B4-BE49-F238E27FC236}">
              <a16:creationId xmlns:a16="http://schemas.microsoft.com/office/drawing/2014/main" id="{00000000-0008-0000-0600-00008A000000}"/>
            </a:ext>
          </a:extLst>
        </xdr:cNvPr>
        <xdr:cNvSpPr txBox="1"/>
      </xdr:nvSpPr>
      <xdr:spPr>
        <a:xfrm>
          <a:off x="4686300" y="9868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3986</xdr:rowOff>
    </xdr:from>
    <xdr:to>
      <xdr:col>20</xdr:col>
      <xdr:colOff>38100</xdr:colOff>
      <xdr:row>58</xdr:row>
      <xdr:rowOff>115586</xdr:rowOff>
    </xdr:to>
    <xdr:sp macro="" textlink="">
      <xdr:nvSpPr>
        <xdr:cNvPr id="139" name="楕円 138">
          <a:extLst>
            <a:ext uri="{FF2B5EF4-FFF2-40B4-BE49-F238E27FC236}">
              <a16:creationId xmlns:a16="http://schemas.microsoft.com/office/drawing/2014/main" id="{00000000-0008-0000-0600-00008B000000}"/>
            </a:ext>
          </a:extLst>
        </xdr:cNvPr>
        <xdr:cNvSpPr/>
      </xdr:nvSpPr>
      <xdr:spPr>
        <a:xfrm>
          <a:off x="3746500" y="9958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06713</xdr:rowOff>
    </xdr:from>
    <xdr:ext cx="534377" cy="259045"/>
    <xdr:sp macro="" textlink="">
      <xdr:nvSpPr>
        <xdr:cNvPr id="140" name="テキスト ボックス 139">
          <a:extLst>
            <a:ext uri="{FF2B5EF4-FFF2-40B4-BE49-F238E27FC236}">
              <a16:creationId xmlns:a16="http://schemas.microsoft.com/office/drawing/2014/main" id="{00000000-0008-0000-0600-00008C000000}"/>
            </a:ext>
          </a:extLst>
        </xdr:cNvPr>
        <xdr:cNvSpPr txBox="1"/>
      </xdr:nvSpPr>
      <xdr:spPr>
        <a:xfrm>
          <a:off x="3530111" y="10050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28506</xdr:rowOff>
    </xdr:from>
    <xdr:to>
      <xdr:col>15</xdr:col>
      <xdr:colOff>101600</xdr:colOff>
      <xdr:row>58</xdr:row>
      <xdr:rowOff>130106</xdr:rowOff>
    </xdr:to>
    <xdr:sp macro="" textlink="">
      <xdr:nvSpPr>
        <xdr:cNvPr id="141" name="楕円 140">
          <a:extLst>
            <a:ext uri="{FF2B5EF4-FFF2-40B4-BE49-F238E27FC236}">
              <a16:creationId xmlns:a16="http://schemas.microsoft.com/office/drawing/2014/main" id="{00000000-0008-0000-0600-00008D000000}"/>
            </a:ext>
          </a:extLst>
        </xdr:cNvPr>
        <xdr:cNvSpPr/>
      </xdr:nvSpPr>
      <xdr:spPr>
        <a:xfrm>
          <a:off x="2857500" y="9972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21233</xdr:rowOff>
    </xdr:from>
    <xdr:ext cx="534377" cy="259045"/>
    <xdr:sp macro="" textlink="">
      <xdr:nvSpPr>
        <xdr:cNvPr id="142" name="テキスト ボックス 141">
          <a:extLst>
            <a:ext uri="{FF2B5EF4-FFF2-40B4-BE49-F238E27FC236}">
              <a16:creationId xmlns:a16="http://schemas.microsoft.com/office/drawing/2014/main" id="{00000000-0008-0000-0600-00008E000000}"/>
            </a:ext>
          </a:extLst>
        </xdr:cNvPr>
        <xdr:cNvSpPr txBox="1"/>
      </xdr:nvSpPr>
      <xdr:spPr>
        <a:xfrm>
          <a:off x="2641111" y="10065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0227</xdr:rowOff>
    </xdr:from>
    <xdr:to>
      <xdr:col>10</xdr:col>
      <xdr:colOff>165100</xdr:colOff>
      <xdr:row>58</xdr:row>
      <xdr:rowOff>111827</xdr:rowOff>
    </xdr:to>
    <xdr:sp macro="" textlink="">
      <xdr:nvSpPr>
        <xdr:cNvPr id="143" name="楕円 142">
          <a:extLst>
            <a:ext uri="{FF2B5EF4-FFF2-40B4-BE49-F238E27FC236}">
              <a16:creationId xmlns:a16="http://schemas.microsoft.com/office/drawing/2014/main" id="{00000000-0008-0000-0600-00008F000000}"/>
            </a:ext>
          </a:extLst>
        </xdr:cNvPr>
        <xdr:cNvSpPr/>
      </xdr:nvSpPr>
      <xdr:spPr>
        <a:xfrm>
          <a:off x="1968500" y="9954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02954</xdr:rowOff>
    </xdr:from>
    <xdr:ext cx="534377" cy="259045"/>
    <xdr:sp macro="" textlink="">
      <xdr:nvSpPr>
        <xdr:cNvPr id="144" name="テキスト ボックス 143">
          <a:extLst>
            <a:ext uri="{FF2B5EF4-FFF2-40B4-BE49-F238E27FC236}">
              <a16:creationId xmlns:a16="http://schemas.microsoft.com/office/drawing/2014/main" id="{00000000-0008-0000-0600-000090000000}"/>
            </a:ext>
          </a:extLst>
        </xdr:cNvPr>
        <xdr:cNvSpPr txBox="1"/>
      </xdr:nvSpPr>
      <xdr:spPr>
        <a:xfrm>
          <a:off x="1752111" y="100470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6984</xdr:rowOff>
    </xdr:from>
    <xdr:to>
      <xdr:col>6</xdr:col>
      <xdr:colOff>38100</xdr:colOff>
      <xdr:row>58</xdr:row>
      <xdr:rowOff>118584</xdr:rowOff>
    </xdr:to>
    <xdr:sp macro="" textlink="">
      <xdr:nvSpPr>
        <xdr:cNvPr id="145" name="楕円 144">
          <a:extLst>
            <a:ext uri="{FF2B5EF4-FFF2-40B4-BE49-F238E27FC236}">
              <a16:creationId xmlns:a16="http://schemas.microsoft.com/office/drawing/2014/main" id="{00000000-0008-0000-0600-000091000000}"/>
            </a:ext>
          </a:extLst>
        </xdr:cNvPr>
        <xdr:cNvSpPr/>
      </xdr:nvSpPr>
      <xdr:spPr>
        <a:xfrm>
          <a:off x="1079500" y="9961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09711</xdr:rowOff>
    </xdr:from>
    <xdr:ext cx="534377" cy="259045"/>
    <xdr:sp macro="" textlink="">
      <xdr:nvSpPr>
        <xdr:cNvPr id="146" name="テキスト ボックス 145">
          <a:extLst>
            <a:ext uri="{FF2B5EF4-FFF2-40B4-BE49-F238E27FC236}">
              <a16:creationId xmlns:a16="http://schemas.microsoft.com/office/drawing/2014/main" id="{00000000-0008-0000-0600-000092000000}"/>
            </a:ext>
          </a:extLst>
        </xdr:cNvPr>
        <xdr:cNvSpPr txBox="1"/>
      </xdr:nvSpPr>
      <xdr:spPr>
        <a:xfrm>
          <a:off x="863111" y="10053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6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6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6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0" name="テキスト ボックス 159">
          <a:extLst>
            <a:ext uri="{FF2B5EF4-FFF2-40B4-BE49-F238E27FC236}">
              <a16:creationId xmlns:a16="http://schemas.microsoft.com/office/drawing/2014/main" id="{00000000-0008-0000-0600-0000A0000000}"/>
            </a:ext>
          </a:extLst>
        </xdr:cNvPr>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1" name="直線コネクタ 160">
          <a:extLst>
            <a:ext uri="{FF2B5EF4-FFF2-40B4-BE49-F238E27FC236}">
              <a16:creationId xmlns:a16="http://schemas.microsoft.com/office/drawing/2014/main" id="{00000000-0008-0000-0600-0000A1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2" name="テキスト ボックス 161">
          <a:extLst>
            <a:ext uri="{FF2B5EF4-FFF2-40B4-BE49-F238E27FC236}">
              <a16:creationId xmlns:a16="http://schemas.microsoft.com/office/drawing/2014/main" id="{00000000-0008-0000-0600-0000A2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3" name="直線コネクタ 162">
          <a:extLst>
            <a:ext uri="{FF2B5EF4-FFF2-40B4-BE49-F238E27FC236}">
              <a16:creationId xmlns:a16="http://schemas.microsoft.com/office/drawing/2014/main" id="{00000000-0008-0000-0600-0000A3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4" name="テキスト ボックス 163">
          <a:extLst>
            <a:ext uri="{FF2B5EF4-FFF2-40B4-BE49-F238E27FC236}">
              <a16:creationId xmlns:a16="http://schemas.microsoft.com/office/drawing/2014/main" id="{00000000-0008-0000-0600-0000A4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5" name="直線コネクタ 164">
          <a:extLst>
            <a:ext uri="{FF2B5EF4-FFF2-40B4-BE49-F238E27FC236}">
              <a16:creationId xmlns:a16="http://schemas.microsoft.com/office/drawing/2014/main" id="{00000000-0008-0000-0600-0000A5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6" name="テキスト ボックス 165">
          <a:extLst>
            <a:ext uri="{FF2B5EF4-FFF2-40B4-BE49-F238E27FC236}">
              <a16:creationId xmlns:a16="http://schemas.microsoft.com/office/drawing/2014/main" id="{00000000-0008-0000-0600-0000A6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8" name="テキスト ボックス 167">
          <a:extLst>
            <a:ext uri="{FF2B5EF4-FFF2-40B4-BE49-F238E27FC236}">
              <a16:creationId xmlns:a16="http://schemas.microsoft.com/office/drawing/2014/main" id="{00000000-0008-0000-0600-0000A8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9" name="維持補修費グラフ枠">
          <a:extLst>
            <a:ext uri="{FF2B5EF4-FFF2-40B4-BE49-F238E27FC236}">
              <a16:creationId xmlns:a16="http://schemas.microsoft.com/office/drawing/2014/main" id="{00000000-0008-0000-0600-0000A9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01600</xdr:rowOff>
    </xdr:from>
    <xdr:to>
      <xdr:col>24</xdr:col>
      <xdr:colOff>62865</xdr:colOff>
      <xdr:row>79</xdr:row>
      <xdr:rowOff>20295</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flipV="1">
          <a:off x="4633595" y="12274550"/>
          <a:ext cx="1270" cy="12902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4122</xdr:rowOff>
    </xdr:from>
    <xdr:ext cx="469744" cy="259045"/>
    <xdr:sp macro="" textlink="">
      <xdr:nvSpPr>
        <xdr:cNvPr id="171" name="維持補修費最小値テキスト">
          <a:extLst>
            <a:ext uri="{FF2B5EF4-FFF2-40B4-BE49-F238E27FC236}">
              <a16:creationId xmlns:a16="http://schemas.microsoft.com/office/drawing/2014/main" id="{00000000-0008-0000-0600-0000AB000000}"/>
            </a:ext>
          </a:extLst>
        </xdr:cNvPr>
        <xdr:cNvSpPr txBox="1"/>
      </xdr:nvSpPr>
      <xdr:spPr>
        <a:xfrm>
          <a:off x="4686300" y="135686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0295</xdr:rowOff>
    </xdr:from>
    <xdr:to>
      <xdr:col>24</xdr:col>
      <xdr:colOff>152400</xdr:colOff>
      <xdr:row>79</xdr:row>
      <xdr:rowOff>20295</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a:off x="4546600" y="13564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48277</xdr:rowOff>
    </xdr:from>
    <xdr:ext cx="534377" cy="259045"/>
    <xdr:sp macro="" textlink="">
      <xdr:nvSpPr>
        <xdr:cNvPr id="173" name="維持補修費最大値テキスト">
          <a:extLst>
            <a:ext uri="{FF2B5EF4-FFF2-40B4-BE49-F238E27FC236}">
              <a16:creationId xmlns:a16="http://schemas.microsoft.com/office/drawing/2014/main" id="{00000000-0008-0000-0600-0000AD000000}"/>
            </a:ext>
          </a:extLst>
        </xdr:cNvPr>
        <xdr:cNvSpPr txBox="1"/>
      </xdr:nvSpPr>
      <xdr:spPr>
        <a:xfrm>
          <a:off x="4686300" y="120497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01600</xdr:rowOff>
    </xdr:from>
    <xdr:to>
      <xdr:col>24</xdr:col>
      <xdr:colOff>152400</xdr:colOff>
      <xdr:row>71</xdr:row>
      <xdr:rowOff>101600</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a:off x="4546600" y="12274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04820</xdr:rowOff>
    </xdr:from>
    <xdr:to>
      <xdr:col>24</xdr:col>
      <xdr:colOff>63500</xdr:colOff>
      <xdr:row>78</xdr:row>
      <xdr:rowOff>112858</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flipV="1">
          <a:off x="3797300" y="13477920"/>
          <a:ext cx="838200" cy="80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3227</xdr:rowOff>
    </xdr:from>
    <xdr:ext cx="534377" cy="259045"/>
    <xdr:sp macro="" textlink="">
      <xdr:nvSpPr>
        <xdr:cNvPr id="176" name="維持補修費平均値テキスト">
          <a:extLst>
            <a:ext uri="{FF2B5EF4-FFF2-40B4-BE49-F238E27FC236}">
              <a16:creationId xmlns:a16="http://schemas.microsoft.com/office/drawing/2014/main" id="{00000000-0008-0000-0600-0000B0000000}"/>
            </a:ext>
          </a:extLst>
        </xdr:cNvPr>
        <xdr:cNvSpPr txBox="1"/>
      </xdr:nvSpPr>
      <xdr:spPr>
        <a:xfrm>
          <a:off x="4686300" y="131634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10350</xdr:rowOff>
    </xdr:from>
    <xdr:to>
      <xdr:col>24</xdr:col>
      <xdr:colOff>114300</xdr:colOff>
      <xdr:row>78</xdr:row>
      <xdr:rowOff>40500</xdr:rowOff>
    </xdr:to>
    <xdr:sp macro="" textlink="">
      <xdr:nvSpPr>
        <xdr:cNvPr id="177" name="フローチャート: 判断 176">
          <a:extLst>
            <a:ext uri="{FF2B5EF4-FFF2-40B4-BE49-F238E27FC236}">
              <a16:creationId xmlns:a16="http://schemas.microsoft.com/office/drawing/2014/main" id="{00000000-0008-0000-0600-0000B1000000}"/>
            </a:ext>
          </a:extLst>
        </xdr:cNvPr>
        <xdr:cNvSpPr/>
      </xdr:nvSpPr>
      <xdr:spPr>
        <a:xfrm>
          <a:off x="4584700" y="1331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12858</xdr:rowOff>
    </xdr:from>
    <xdr:to>
      <xdr:col>19</xdr:col>
      <xdr:colOff>177800</xdr:colOff>
      <xdr:row>78</xdr:row>
      <xdr:rowOff>120611</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flipV="1">
          <a:off x="2908300" y="13485958"/>
          <a:ext cx="889000" cy="77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16027</xdr:rowOff>
    </xdr:from>
    <xdr:to>
      <xdr:col>20</xdr:col>
      <xdr:colOff>38100</xdr:colOff>
      <xdr:row>78</xdr:row>
      <xdr:rowOff>46177</xdr:rowOff>
    </xdr:to>
    <xdr:sp macro="" textlink="">
      <xdr:nvSpPr>
        <xdr:cNvPr id="179" name="フローチャート: 判断 178">
          <a:extLst>
            <a:ext uri="{FF2B5EF4-FFF2-40B4-BE49-F238E27FC236}">
              <a16:creationId xmlns:a16="http://schemas.microsoft.com/office/drawing/2014/main" id="{00000000-0008-0000-0600-0000B3000000}"/>
            </a:ext>
          </a:extLst>
        </xdr:cNvPr>
        <xdr:cNvSpPr/>
      </xdr:nvSpPr>
      <xdr:spPr>
        <a:xfrm>
          <a:off x="3746500" y="13317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6</xdr:row>
      <xdr:rowOff>62704</xdr:rowOff>
    </xdr:from>
    <xdr:ext cx="534377" cy="259045"/>
    <xdr:sp macro="" textlink="">
      <xdr:nvSpPr>
        <xdr:cNvPr id="180" name="テキスト ボックス 179">
          <a:extLst>
            <a:ext uri="{FF2B5EF4-FFF2-40B4-BE49-F238E27FC236}">
              <a16:creationId xmlns:a16="http://schemas.microsoft.com/office/drawing/2014/main" id="{00000000-0008-0000-0600-0000B4000000}"/>
            </a:ext>
          </a:extLst>
        </xdr:cNvPr>
        <xdr:cNvSpPr txBox="1"/>
      </xdr:nvSpPr>
      <xdr:spPr>
        <a:xfrm>
          <a:off x="3530111" y="13092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10840</xdr:rowOff>
    </xdr:from>
    <xdr:to>
      <xdr:col>15</xdr:col>
      <xdr:colOff>50800</xdr:colOff>
      <xdr:row>78</xdr:row>
      <xdr:rowOff>120611</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a:off x="2019300" y="13483940"/>
          <a:ext cx="889000" cy="9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40773</xdr:rowOff>
    </xdr:from>
    <xdr:to>
      <xdr:col>15</xdr:col>
      <xdr:colOff>101600</xdr:colOff>
      <xdr:row>78</xdr:row>
      <xdr:rowOff>70923</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2857500" y="13342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6</xdr:row>
      <xdr:rowOff>87450</xdr:rowOff>
    </xdr:from>
    <xdr:ext cx="534377"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2641111" y="13117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10840</xdr:rowOff>
    </xdr:from>
    <xdr:to>
      <xdr:col>10</xdr:col>
      <xdr:colOff>114300</xdr:colOff>
      <xdr:row>78</xdr:row>
      <xdr:rowOff>137147</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flipV="1">
          <a:off x="1130300" y="13483940"/>
          <a:ext cx="889000" cy="26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67824</xdr:rowOff>
    </xdr:from>
    <xdr:to>
      <xdr:col>10</xdr:col>
      <xdr:colOff>165100</xdr:colOff>
      <xdr:row>78</xdr:row>
      <xdr:rowOff>97974</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1968500" y="13369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14501</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1784428" y="131447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9994</xdr:rowOff>
    </xdr:from>
    <xdr:to>
      <xdr:col>6</xdr:col>
      <xdr:colOff>38100</xdr:colOff>
      <xdr:row>78</xdr:row>
      <xdr:rowOff>80144</xdr:rowOff>
    </xdr:to>
    <xdr:sp macro="" textlink="">
      <xdr:nvSpPr>
        <xdr:cNvPr id="187" name="フローチャート: 判断 186">
          <a:extLst>
            <a:ext uri="{FF2B5EF4-FFF2-40B4-BE49-F238E27FC236}">
              <a16:creationId xmlns:a16="http://schemas.microsoft.com/office/drawing/2014/main" id="{00000000-0008-0000-0600-0000BB000000}"/>
            </a:ext>
          </a:extLst>
        </xdr:cNvPr>
        <xdr:cNvSpPr/>
      </xdr:nvSpPr>
      <xdr:spPr>
        <a:xfrm>
          <a:off x="1079500" y="13351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96671</xdr:rowOff>
    </xdr:from>
    <xdr:ext cx="469744"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895428" y="131268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54020</xdr:rowOff>
    </xdr:from>
    <xdr:to>
      <xdr:col>24</xdr:col>
      <xdr:colOff>114300</xdr:colOff>
      <xdr:row>78</xdr:row>
      <xdr:rowOff>155620</xdr:rowOff>
    </xdr:to>
    <xdr:sp macro="" textlink="">
      <xdr:nvSpPr>
        <xdr:cNvPr id="194" name="楕円 193">
          <a:extLst>
            <a:ext uri="{FF2B5EF4-FFF2-40B4-BE49-F238E27FC236}">
              <a16:creationId xmlns:a16="http://schemas.microsoft.com/office/drawing/2014/main" id="{00000000-0008-0000-0600-0000C2000000}"/>
            </a:ext>
          </a:extLst>
        </xdr:cNvPr>
        <xdr:cNvSpPr/>
      </xdr:nvSpPr>
      <xdr:spPr>
        <a:xfrm>
          <a:off x="4584700" y="13427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40397</xdr:rowOff>
    </xdr:from>
    <xdr:ext cx="469744" cy="259045"/>
    <xdr:sp macro="" textlink="">
      <xdr:nvSpPr>
        <xdr:cNvPr id="195" name="維持補修費該当値テキスト">
          <a:extLst>
            <a:ext uri="{FF2B5EF4-FFF2-40B4-BE49-F238E27FC236}">
              <a16:creationId xmlns:a16="http://schemas.microsoft.com/office/drawing/2014/main" id="{00000000-0008-0000-0600-0000C3000000}"/>
            </a:ext>
          </a:extLst>
        </xdr:cNvPr>
        <xdr:cNvSpPr txBox="1"/>
      </xdr:nvSpPr>
      <xdr:spPr>
        <a:xfrm>
          <a:off x="4686300" y="13342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62058</xdr:rowOff>
    </xdr:from>
    <xdr:to>
      <xdr:col>20</xdr:col>
      <xdr:colOff>38100</xdr:colOff>
      <xdr:row>78</xdr:row>
      <xdr:rowOff>163658</xdr:rowOff>
    </xdr:to>
    <xdr:sp macro="" textlink="">
      <xdr:nvSpPr>
        <xdr:cNvPr id="196" name="楕円 195">
          <a:extLst>
            <a:ext uri="{FF2B5EF4-FFF2-40B4-BE49-F238E27FC236}">
              <a16:creationId xmlns:a16="http://schemas.microsoft.com/office/drawing/2014/main" id="{00000000-0008-0000-0600-0000C4000000}"/>
            </a:ext>
          </a:extLst>
        </xdr:cNvPr>
        <xdr:cNvSpPr/>
      </xdr:nvSpPr>
      <xdr:spPr>
        <a:xfrm>
          <a:off x="3746500" y="13435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54785</xdr:rowOff>
    </xdr:from>
    <xdr:ext cx="469744" cy="259045"/>
    <xdr:sp macro="" textlink="">
      <xdr:nvSpPr>
        <xdr:cNvPr id="197" name="テキスト ボックス 196">
          <a:extLst>
            <a:ext uri="{FF2B5EF4-FFF2-40B4-BE49-F238E27FC236}">
              <a16:creationId xmlns:a16="http://schemas.microsoft.com/office/drawing/2014/main" id="{00000000-0008-0000-0600-0000C5000000}"/>
            </a:ext>
          </a:extLst>
        </xdr:cNvPr>
        <xdr:cNvSpPr txBox="1"/>
      </xdr:nvSpPr>
      <xdr:spPr>
        <a:xfrm>
          <a:off x="3562428" y="135278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69811</xdr:rowOff>
    </xdr:from>
    <xdr:to>
      <xdr:col>15</xdr:col>
      <xdr:colOff>101600</xdr:colOff>
      <xdr:row>78</xdr:row>
      <xdr:rowOff>171411</xdr:rowOff>
    </xdr:to>
    <xdr:sp macro="" textlink="">
      <xdr:nvSpPr>
        <xdr:cNvPr id="198" name="楕円 197">
          <a:extLst>
            <a:ext uri="{FF2B5EF4-FFF2-40B4-BE49-F238E27FC236}">
              <a16:creationId xmlns:a16="http://schemas.microsoft.com/office/drawing/2014/main" id="{00000000-0008-0000-0600-0000C6000000}"/>
            </a:ext>
          </a:extLst>
        </xdr:cNvPr>
        <xdr:cNvSpPr/>
      </xdr:nvSpPr>
      <xdr:spPr>
        <a:xfrm>
          <a:off x="2857500" y="13442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62538</xdr:rowOff>
    </xdr:from>
    <xdr:ext cx="469744" cy="259045"/>
    <xdr:sp macro="" textlink="">
      <xdr:nvSpPr>
        <xdr:cNvPr id="199" name="テキスト ボックス 198">
          <a:extLst>
            <a:ext uri="{FF2B5EF4-FFF2-40B4-BE49-F238E27FC236}">
              <a16:creationId xmlns:a16="http://schemas.microsoft.com/office/drawing/2014/main" id="{00000000-0008-0000-0600-0000C7000000}"/>
            </a:ext>
          </a:extLst>
        </xdr:cNvPr>
        <xdr:cNvSpPr txBox="1"/>
      </xdr:nvSpPr>
      <xdr:spPr>
        <a:xfrm>
          <a:off x="2673428" y="13535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60040</xdr:rowOff>
    </xdr:from>
    <xdr:to>
      <xdr:col>10</xdr:col>
      <xdr:colOff>165100</xdr:colOff>
      <xdr:row>78</xdr:row>
      <xdr:rowOff>161640</xdr:rowOff>
    </xdr:to>
    <xdr:sp macro="" textlink="">
      <xdr:nvSpPr>
        <xdr:cNvPr id="200" name="楕円 199">
          <a:extLst>
            <a:ext uri="{FF2B5EF4-FFF2-40B4-BE49-F238E27FC236}">
              <a16:creationId xmlns:a16="http://schemas.microsoft.com/office/drawing/2014/main" id="{00000000-0008-0000-0600-0000C8000000}"/>
            </a:ext>
          </a:extLst>
        </xdr:cNvPr>
        <xdr:cNvSpPr/>
      </xdr:nvSpPr>
      <xdr:spPr>
        <a:xfrm>
          <a:off x="1968500" y="13433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52767</xdr:rowOff>
    </xdr:from>
    <xdr:ext cx="469744" cy="259045"/>
    <xdr:sp macro="" textlink="">
      <xdr:nvSpPr>
        <xdr:cNvPr id="201" name="テキスト ボックス 200">
          <a:extLst>
            <a:ext uri="{FF2B5EF4-FFF2-40B4-BE49-F238E27FC236}">
              <a16:creationId xmlns:a16="http://schemas.microsoft.com/office/drawing/2014/main" id="{00000000-0008-0000-0600-0000C9000000}"/>
            </a:ext>
          </a:extLst>
        </xdr:cNvPr>
        <xdr:cNvSpPr txBox="1"/>
      </xdr:nvSpPr>
      <xdr:spPr>
        <a:xfrm>
          <a:off x="1784428" y="13525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86347</xdr:rowOff>
    </xdr:from>
    <xdr:to>
      <xdr:col>6</xdr:col>
      <xdr:colOff>38100</xdr:colOff>
      <xdr:row>79</xdr:row>
      <xdr:rowOff>16497</xdr:rowOff>
    </xdr:to>
    <xdr:sp macro="" textlink="">
      <xdr:nvSpPr>
        <xdr:cNvPr id="202" name="楕円 201">
          <a:extLst>
            <a:ext uri="{FF2B5EF4-FFF2-40B4-BE49-F238E27FC236}">
              <a16:creationId xmlns:a16="http://schemas.microsoft.com/office/drawing/2014/main" id="{00000000-0008-0000-0600-0000CA000000}"/>
            </a:ext>
          </a:extLst>
        </xdr:cNvPr>
        <xdr:cNvSpPr/>
      </xdr:nvSpPr>
      <xdr:spPr>
        <a:xfrm>
          <a:off x="1079500" y="134594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7624</xdr:rowOff>
    </xdr:from>
    <xdr:ext cx="469744" cy="259045"/>
    <xdr:sp macro="" textlink="">
      <xdr:nvSpPr>
        <xdr:cNvPr id="203" name="テキスト ボックス 202">
          <a:extLst>
            <a:ext uri="{FF2B5EF4-FFF2-40B4-BE49-F238E27FC236}">
              <a16:creationId xmlns:a16="http://schemas.microsoft.com/office/drawing/2014/main" id="{00000000-0008-0000-0600-0000CB000000}"/>
            </a:ext>
          </a:extLst>
        </xdr:cNvPr>
        <xdr:cNvSpPr txBox="1"/>
      </xdr:nvSpPr>
      <xdr:spPr>
        <a:xfrm>
          <a:off x="895428" y="135521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2" name="テキスト ボックス 211">
          <a:extLst>
            <a:ext uri="{FF2B5EF4-FFF2-40B4-BE49-F238E27FC236}">
              <a16:creationId xmlns:a16="http://schemas.microsoft.com/office/drawing/2014/main" id="{00000000-0008-0000-0600-0000D4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3" name="直線コネクタ 212">
          <a:extLst>
            <a:ext uri="{FF2B5EF4-FFF2-40B4-BE49-F238E27FC236}">
              <a16:creationId xmlns:a16="http://schemas.microsoft.com/office/drawing/2014/main" id="{00000000-0008-0000-0600-0000D5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4" name="テキスト ボックス 213">
          <a:extLst>
            <a:ext uri="{FF2B5EF4-FFF2-40B4-BE49-F238E27FC236}">
              <a16:creationId xmlns:a16="http://schemas.microsoft.com/office/drawing/2014/main" id="{00000000-0008-0000-0600-0000D6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5" name="直線コネクタ 214">
          <a:extLst>
            <a:ext uri="{FF2B5EF4-FFF2-40B4-BE49-F238E27FC236}">
              <a16:creationId xmlns:a16="http://schemas.microsoft.com/office/drawing/2014/main" id="{00000000-0008-0000-0600-0000D7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6" name="テキスト ボックス 215">
          <a:extLst>
            <a:ext uri="{FF2B5EF4-FFF2-40B4-BE49-F238E27FC236}">
              <a16:creationId xmlns:a16="http://schemas.microsoft.com/office/drawing/2014/main" id="{00000000-0008-0000-0600-0000D8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7" name="直線コネクタ 216">
          <a:extLst>
            <a:ext uri="{FF2B5EF4-FFF2-40B4-BE49-F238E27FC236}">
              <a16:creationId xmlns:a16="http://schemas.microsoft.com/office/drawing/2014/main" id="{00000000-0008-0000-0600-0000D9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3" name="直線コネクタ 222">
          <a:extLst>
            <a:ext uri="{FF2B5EF4-FFF2-40B4-BE49-F238E27FC236}">
              <a16:creationId xmlns:a16="http://schemas.microsoft.com/office/drawing/2014/main" id="{00000000-0008-0000-0600-0000DF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4" name="テキスト ボックス 223">
          <a:extLst>
            <a:ext uri="{FF2B5EF4-FFF2-40B4-BE49-F238E27FC236}">
              <a16:creationId xmlns:a16="http://schemas.microsoft.com/office/drawing/2014/main" id="{00000000-0008-0000-0600-0000E0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6" name="テキスト ボックス 225">
          <a:extLst>
            <a:ext uri="{FF2B5EF4-FFF2-40B4-BE49-F238E27FC236}">
              <a16:creationId xmlns:a16="http://schemas.microsoft.com/office/drawing/2014/main" id="{00000000-0008-0000-0600-0000E2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a16="http://schemas.microsoft.com/office/drawing/2014/main" id="{00000000-0008-0000-06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a:extLst>
            <a:ext uri="{FF2B5EF4-FFF2-40B4-BE49-F238E27FC236}">
              <a16:creationId xmlns:a16="http://schemas.microsoft.com/office/drawing/2014/main" id="{00000000-0008-0000-0600-0000E4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扶助費グラフ枠">
          <a:extLst>
            <a:ext uri="{FF2B5EF4-FFF2-40B4-BE49-F238E27FC236}">
              <a16:creationId xmlns:a16="http://schemas.microsoft.com/office/drawing/2014/main" id="{00000000-0008-0000-06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1235</xdr:rowOff>
    </xdr:from>
    <xdr:to>
      <xdr:col>24</xdr:col>
      <xdr:colOff>62865</xdr:colOff>
      <xdr:row>98</xdr:row>
      <xdr:rowOff>151685</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flipV="1">
          <a:off x="4633595" y="15491735"/>
          <a:ext cx="1270" cy="1462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55512</xdr:rowOff>
    </xdr:from>
    <xdr:ext cx="534377" cy="259045"/>
    <xdr:sp macro="" textlink="">
      <xdr:nvSpPr>
        <xdr:cNvPr id="231" name="扶助費最小値テキスト">
          <a:extLst>
            <a:ext uri="{FF2B5EF4-FFF2-40B4-BE49-F238E27FC236}">
              <a16:creationId xmlns:a16="http://schemas.microsoft.com/office/drawing/2014/main" id="{00000000-0008-0000-0600-0000E7000000}"/>
            </a:ext>
          </a:extLst>
        </xdr:cNvPr>
        <xdr:cNvSpPr txBox="1"/>
      </xdr:nvSpPr>
      <xdr:spPr>
        <a:xfrm>
          <a:off x="4686300" y="16957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1685</xdr:rowOff>
    </xdr:from>
    <xdr:to>
      <xdr:col>24</xdr:col>
      <xdr:colOff>152400</xdr:colOff>
      <xdr:row>98</xdr:row>
      <xdr:rowOff>151685</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a:off x="4546600" y="16953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7912</xdr:rowOff>
    </xdr:from>
    <xdr:ext cx="599010" cy="259045"/>
    <xdr:sp macro="" textlink="">
      <xdr:nvSpPr>
        <xdr:cNvPr id="233" name="扶助費最大値テキスト">
          <a:extLst>
            <a:ext uri="{FF2B5EF4-FFF2-40B4-BE49-F238E27FC236}">
              <a16:creationId xmlns:a16="http://schemas.microsoft.com/office/drawing/2014/main" id="{00000000-0008-0000-0600-0000E9000000}"/>
            </a:ext>
          </a:extLst>
        </xdr:cNvPr>
        <xdr:cNvSpPr txBox="1"/>
      </xdr:nvSpPr>
      <xdr:spPr>
        <a:xfrm>
          <a:off x="4686300" y="152669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61235</xdr:rowOff>
    </xdr:from>
    <xdr:to>
      <xdr:col>24</xdr:col>
      <xdr:colOff>152400</xdr:colOff>
      <xdr:row>90</xdr:row>
      <xdr:rowOff>61235</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a:off x="4546600" y="15491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21478</xdr:rowOff>
    </xdr:from>
    <xdr:to>
      <xdr:col>24</xdr:col>
      <xdr:colOff>63500</xdr:colOff>
      <xdr:row>97</xdr:row>
      <xdr:rowOff>72819</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a:off x="3797300" y="16580678"/>
          <a:ext cx="838200" cy="1227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597</xdr:rowOff>
    </xdr:from>
    <xdr:ext cx="534377" cy="259045"/>
    <xdr:sp macro="" textlink="">
      <xdr:nvSpPr>
        <xdr:cNvPr id="236" name="扶助費平均値テキスト">
          <a:extLst>
            <a:ext uri="{FF2B5EF4-FFF2-40B4-BE49-F238E27FC236}">
              <a16:creationId xmlns:a16="http://schemas.microsoft.com/office/drawing/2014/main" id="{00000000-0008-0000-0600-0000EC000000}"/>
            </a:ext>
          </a:extLst>
        </xdr:cNvPr>
        <xdr:cNvSpPr txBox="1"/>
      </xdr:nvSpPr>
      <xdr:spPr>
        <a:xfrm>
          <a:off x="4686300" y="163003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61170</xdr:rowOff>
    </xdr:from>
    <xdr:to>
      <xdr:col>24</xdr:col>
      <xdr:colOff>114300</xdr:colOff>
      <xdr:row>96</xdr:row>
      <xdr:rowOff>91320</xdr:rowOff>
    </xdr:to>
    <xdr:sp macro="" textlink="">
      <xdr:nvSpPr>
        <xdr:cNvPr id="237" name="フローチャート: 判断 236">
          <a:extLst>
            <a:ext uri="{FF2B5EF4-FFF2-40B4-BE49-F238E27FC236}">
              <a16:creationId xmlns:a16="http://schemas.microsoft.com/office/drawing/2014/main" id="{00000000-0008-0000-0600-0000ED000000}"/>
            </a:ext>
          </a:extLst>
        </xdr:cNvPr>
        <xdr:cNvSpPr/>
      </xdr:nvSpPr>
      <xdr:spPr>
        <a:xfrm>
          <a:off x="4584700" y="16448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21478</xdr:rowOff>
    </xdr:from>
    <xdr:to>
      <xdr:col>19</xdr:col>
      <xdr:colOff>177800</xdr:colOff>
      <xdr:row>97</xdr:row>
      <xdr:rowOff>153405</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flipV="1">
          <a:off x="2908300" y="16580678"/>
          <a:ext cx="889000" cy="203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31924</xdr:rowOff>
    </xdr:from>
    <xdr:to>
      <xdr:col>20</xdr:col>
      <xdr:colOff>38100</xdr:colOff>
      <xdr:row>95</xdr:row>
      <xdr:rowOff>133524</xdr:rowOff>
    </xdr:to>
    <xdr:sp macro="" textlink="">
      <xdr:nvSpPr>
        <xdr:cNvPr id="239" name="フローチャート: 判断 238">
          <a:extLst>
            <a:ext uri="{FF2B5EF4-FFF2-40B4-BE49-F238E27FC236}">
              <a16:creationId xmlns:a16="http://schemas.microsoft.com/office/drawing/2014/main" id="{00000000-0008-0000-0600-0000EF000000}"/>
            </a:ext>
          </a:extLst>
        </xdr:cNvPr>
        <xdr:cNvSpPr/>
      </xdr:nvSpPr>
      <xdr:spPr>
        <a:xfrm>
          <a:off x="3746500" y="16319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150051</xdr:rowOff>
    </xdr:from>
    <xdr:ext cx="534377" cy="259045"/>
    <xdr:sp macro="" textlink="">
      <xdr:nvSpPr>
        <xdr:cNvPr id="240" name="テキスト ボックス 239">
          <a:extLst>
            <a:ext uri="{FF2B5EF4-FFF2-40B4-BE49-F238E27FC236}">
              <a16:creationId xmlns:a16="http://schemas.microsoft.com/office/drawing/2014/main" id="{00000000-0008-0000-0600-0000F0000000}"/>
            </a:ext>
          </a:extLst>
        </xdr:cNvPr>
        <xdr:cNvSpPr txBox="1"/>
      </xdr:nvSpPr>
      <xdr:spPr>
        <a:xfrm>
          <a:off x="3530111" y="16094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53405</xdr:rowOff>
    </xdr:from>
    <xdr:to>
      <xdr:col>15</xdr:col>
      <xdr:colOff>50800</xdr:colOff>
      <xdr:row>97</xdr:row>
      <xdr:rowOff>167393</xdr:rowOff>
    </xdr:to>
    <xdr:cxnSp macro="">
      <xdr:nvCxnSpPr>
        <xdr:cNvPr id="241" name="直線コネクタ 240">
          <a:extLst>
            <a:ext uri="{FF2B5EF4-FFF2-40B4-BE49-F238E27FC236}">
              <a16:creationId xmlns:a16="http://schemas.microsoft.com/office/drawing/2014/main" id="{00000000-0008-0000-0600-0000F1000000}"/>
            </a:ext>
          </a:extLst>
        </xdr:cNvPr>
        <xdr:cNvCxnSpPr/>
      </xdr:nvCxnSpPr>
      <xdr:spPr>
        <a:xfrm flipV="1">
          <a:off x="2019300" y="16784055"/>
          <a:ext cx="889000" cy="13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24889</xdr:rowOff>
    </xdr:from>
    <xdr:to>
      <xdr:col>15</xdr:col>
      <xdr:colOff>101600</xdr:colOff>
      <xdr:row>97</xdr:row>
      <xdr:rowOff>55039</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2857500" y="16584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71566</xdr:rowOff>
    </xdr:from>
    <xdr:ext cx="534377"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2641111" y="16359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67393</xdr:rowOff>
    </xdr:from>
    <xdr:to>
      <xdr:col>10</xdr:col>
      <xdr:colOff>114300</xdr:colOff>
      <xdr:row>98</xdr:row>
      <xdr:rowOff>11956</xdr:rowOff>
    </xdr:to>
    <xdr:cxnSp macro="">
      <xdr:nvCxnSpPr>
        <xdr:cNvPr id="244" name="直線コネクタ 243">
          <a:extLst>
            <a:ext uri="{FF2B5EF4-FFF2-40B4-BE49-F238E27FC236}">
              <a16:creationId xmlns:a16="http://schemas.microsoft.com/office/drawing/2014/main" id="{00000000-0008-0000-0600-0000F4000000}"/>
            </a:ext>
          </a:extLst>
        </xdr:cNvPr>
        <xdr:cNvCxnSpPr/>
      </xdr:nvCxnSpPr>
      <xdr:spPr>
        <a:xfrm flipV="1">
          <a:off x="1130300" y="16798043"/>
          <a:ext cx="889000" cy="16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24061</xdr:rowOff>
    </xdr:from>
    <xdr:to>
      <xdr:col>10</xdr:col>
      <xdr:colOff>165100</xdr:colOff>
      <xdr:row>97</xdr:row>
      <xdr:rowOff>54211</xdr:rowOff>
    </xdr:to>
    <xdr:sp macro="" textlink="">
      <xdr:nvSpPr>
        <xdr:cNvPr id="245" name="フローチャート: 判断 244">
          <a:extLst>
            <a:ext uri="{FF2B5EF4-FFF2-40B4-BE49-F238E27FC236}">
              <a16:creationId xmlns:a16="http://schemas.microsoft.com/office/drawing/2014/main" id="{00000000-0008-0000-0600-0000F5000000}"/>
            </a:ext>
          </a:extLst>
        </xdr:cNvPr>
        <xdr:cNvSpPr/>
      </xdr:nvSpPr>
      <xdr:spPr>
        <a:xfrm>
          <a:off x="1968500" y="16583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70738</xdr:rowOff>
    </xdr:from>
    <xdr:ext cx="534377"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1752111" y="16358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4990</xdr:rowOff>
    </xdr:from>
    <xdr:to>
      <xdr:col>6</xdr:col>
      <xdr:colOff>38100</xdr:colOff>
      <xdr:row>97</xdr:row>
      <xdr:rowOff>65140</xdr:rowOff>
    </xdr:to>
    <xdr:sp macro="" textlink="">
      <xdr:nvSpPr>
        <xdr:cNvPr id="247" name="フローチャート: 判断 246">
          <a:extLst>
            <a:ext uri="{FF2B5EF4-FFF2-40B4-BE49-F238E27FC236}">
              <a16:creationId xmlns:a16="http://schemas.microsoft.com/office/drawing/2014/main" id="{00000000-0008-0000-0600-0000F7000000}"/>
            </a:ext>
          </a:extLst>
        </xdr:cNvPr>
        <xdr:cNvSpPr/>
      </xdr:nvSpPr>
      <xdr:spPr>
        <a:xfrm>
          <a:off x="1079500" y="16594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81667</xdr:rowOff>
    </xdr:from>
    <xdr:ext cx="534377"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863111" y="16369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22019</xdr:rowOff>
    </xdr:from>
    <xdr:to>
      <xdr:col>24</xdr:col>
      <xdr:colOff>114300</xdr:colOff>
      <xdr:row>97</xdr:row>
      <xdr:rowOff>123619</xdr:rowOff>
    </xdr:to>
    <xdr:sp macro="" textlink="">
      <xdr:nvSpPr>
        <xdr:cNvPr id="254" name="楕円 253">
          <a:extLst>
            <a:ext uri="{FF2B5EF4-FFF2-40B4-BE49-F238E27FC236}">
              <a16:creationId xmlns:a16="http://schemas.microsoft.com/office/drawing/2014/main" id="{00000000-0008-0000-0600-0000FE000000}"/>
            </a:ext>
          </a:extLst>
        </xdr:cNvPr>
        <xdr:cNvSpPr/>
      </xdr:nvSpPr>
      <xdr:spPr>
        <a:xfrm>
          <a:off x="4584700" y="16652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446</xdr:rowOff>
    </xdr:from>
    <xdr:ext cx="534377" cy="259045"/>
    <xdr:sp macro="" textlink="">
      <xdr:nvSpPr>
        <xdr:cNvPr id="255" name="扶助費該当値テキスト">
          <a:extLst>
            <a:ext uri="{FF2B5EF4-FFF2-40B4-BE49-F238E27FC236}">
              <a16:creationId xmlns:a16="http://schemas.microsoft.com/office/drawing/2014/main" id="{00000000-0008-0000-0600-0000FF000000}"/>
            </a:ext>
          </a:extLst>
        </xdr:cNvPr>
        <xdr:cNvSpPr txBox="1"/>
      </xdr:nvSpPr>
      <xdr:spPr>
        <a:xfrm>
          <a:off x="4686300" y="166310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70678</xdr:rowOff>
    </xdr:from>
    <xdr:to>
      <xdr:col>20</xdr:col>
      <xdr:colOff>38100</xdr:colOff>
      <xdr:row>97</xdr:row>
      <xdr:rowOff>828</xdr:rowOff>
    </xdr:to>
    <xdr:sp macro="" textlink="">
      <xdr:nvSpPr>
        <xdr:cNvPr id="256" name="楕円 255">
          <a:extLst>
            <a:ext uri="{FF2B5EF4-FFF2-40B4-BE49-F238E27FC236}">
              <a16:creationId xmlns:a16="http://schemas.microsoft.com/office/drawing/2014/main" id="{00000000-0008-0000-0600-000000010000}"/>
            </a:ext>
          </a:extLst>
        </xdr:cNvPr>
        <xdr:cNvSpPr/>
      </xdr:nvSpPr>
      <xdr:spPr>
        <a:xfrm>
          <a:off x="3746500" y="16529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63405</xdr:rowOff>
    </xdr:from>
    <xdr:ext cx="534377"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3530111" y="16622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02605</xdr:rowOff>
    </xdr:from>
    <xdr:to>
      <xdr:col>15</xdr:col>
      <xdr:colOff>101600</xdr:colOff>
      <xdr:row>98</xdr:row>
      <xdr:rowOff>32755</xdr:rowOff>
    </xdr:to>
    <xdr:sp macro="" textlink="">
      <xdr:nvSpPr>
        <xdr:cNvPr id="258" name="楕円 257">
          <a:extLst>
            <a:ext uri="{FF2B5EF4-FFF2-40B4-BE49-F238E27FC236}">
              <a16:creationId xmlns:a16="http://schemas.microsoft.com/office/drawing/2014/main" id="{00000000-0008-0000-0600-000002010000}"/>
            </a:ext>
          </a:extLst>
        </xdr:cNvPr>
        <xdr:cNvSpPr/>
      </xdr:nvSpPr>
      <xdr:spPr>
        <a:xfrm>
          <a:off x="2857500" y="16733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23882</xdr:rowOff>
    </xdr:from>
    <xdr:ext cx="534377" cy="259045"/>
    <xdr:sp macro="" textlink="">
      <xdr:nvSpPr>
        <xdr:cNvPr id="259" name="テキスト ボックス 258">
          <a:extLst>
            <a:ext uri="{FF2B5EF4-FFF2-40B4-BE49-F238E27FC236}">
              <a16:creationId xmlns:a16="http://schemas.microsoft.com/office/drawing/2014/main" id="{00000000-0008-0000-0600-000003010000}"/>
            </a:ext>
          </a:extLst>
        </xdr:cNvPr>
        <xdr:cNvSpPr txBox="1"/>
      </xdr:nvSpPr>
      <xdr:spPr>
        <a:xfrm>
          <a:off x="2641111" y="16825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16593</xdr:rowOff>
    </xdr:from>
    <xdr:to>
      <xdr:col>10</xdr:col>
      <xdr:colOff>165100</xdr:colOff>
      <xdr:row>98</xdr:row>
      <xdr:rowOff>46743</xdr:rowOff>
    </xdr:to>
    <xdr:sp macro="" textlink="">
      <xdr:nvSpPr>
        <xdr:cNvPr id="260" name="楕円 259">
          <a:extLst>
            <a:ext uri="{FF2B5EF4-FFF2-40B4-BE49-F238E27FC236}">
              <a16:creationId xmlns:a16="http://schemas.microsoft.com/office/drawing/2014/main" id="{00000000-0008-0000-0600-000004010000}"/>
            </a:ext>
          </a:extLst>
        </xdr:cNvPr>
        <xdr:cNvSpPr/>
      </xdr:nvSpPr>
      <xdr:spPr>
        <a:xfrm>
          <a:off x="1968500" y="16747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37870</xdr:rowOff>
    </xdr:from>
    <xdr:ext cx="534377" cy="259045"/>
    <xdr:sp macro="" textlink="">
      <xdr:nvSpPr>
        <xdr:cNvPr id="261" name="テキスト ボックス 260">
          <a:extLst>
            <a:ext uri="{FF2B5EF4-FFF2-40B4-BE49-F238E27FC236}">
              <a16:creationId xmlns:a16="http://schemas.microsoft.com/office/drawing/2014/main" id="{00000000-0008-0000-0600-000005010000}"/>
            </a:ext>
          </a:extLst>
        </xdr:cNvPr>
        <xdr:cNvSpPr txBox="1"/>
      </xdr:nvSpPr>
      <xdr:spPr>
        <a:xfrm>
          <a:off x="1752111" y="16839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32606</xdr:rowOff>
    </xdr:from>
    <xdr:to>
      <xdr:col>6</xdr:col>
      <xdr:colOff>38100</xdr:colOff>
      <xdr:row>98</xdr:row>
      <xdr:rowOff>62756</xdr:rowOff>
    </xdr:to>
    <xdr:sp macro="" textlink="">
      <xdr:nvSpPr>
        <xdr:cNvPr id="262" name="楕円 261">
          <a:extLst>
            <a:ext uri="{FF2B5EF4-FFF2-40B4-BE49-F238E27FC236}">
              <a16:creationId xmlns:a16="http://schemas.microsoft.com/office/drawing/2014/main" id="{00000000-0008-0000-0600-000006010000}"/>
            </a:ext>
          </a:extLst>
        </xdr:cNvPr>
        <xdr:cNvSpPr/>
      </xdr:nvSpPr>
      <xdr:spPr>
        <a:xfrm>
          <a:off x="1079500" y="16763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53883</xdr:rowOff>
    </xdr:from>
    <xdr:ext cx="534377" cy="259045"/>
    <xdr:sp macro="" textlink="">
      <xdr:nvSpPr>
        <xdr:cNvPr id="263" name="テキスト ボックス 262">
          <a:extLst>
            <a:ext uri="{FF2B5EF4-FFF2-40B4-BE49-F238E27FC236}">
              <a16:creationId xmlns:a16="http://schemas.microsoft.com/office/drawing/2014/main" id="{00000000-0008-0000-0600-000007010000}"/>
            </a:ext>
          </a:extLst>
        </xdr:cNvPr>
        <xdr:cNvSpPr txBox="1"/>
      </xdr:nvSpPr>
      <xdr:spPr>
        <a:xfrm>
          <a:off x="863111" y="16855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a16="http://schemas.microsoft.com/office/drawing/2014/main" id="{00000000-0008-0000-06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144434</xdr:rowOff>
    </xdr:from>
    <xdr:ext cx="59541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08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4</xdr:row>
      <xdr:rowOff>160763</xdr:rowOff>
    </xdr:from>
    <xdr:ext cx="595419"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6008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5641</xdr:rowOff>
    </xdr:from>
    <xdr:ext cx="595419" cy="259045"/>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6008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3" name="テキスト ボックス 282">
          <a:extLst>
            <a:ext uri="{FF2B5EF4-FFF2-40B4-BE49-F238E27FC236}">
              <a16:creationId xmlns:a16="http://schemas.microsoft.com/office/drawing/2014/main" id="{00000000-0008-0000-0600-00001B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5" name="テキスト ボックス 284">
          <a:extLst>
            <a:ext uri="{FF2B5EF4-FFF2-40B4-BE49-F238E27FC236}">
              <a16:creationId xmlns:a16="http://schemas.microsoft.com/office/drawing/2014/main" id="{00000000-0008-0000-0600-00001D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7" name="テキスト ボックス 286">
          <a:extLst>
            <a:ext uri="{FF2B5EF4-FFF2-40B4-BE49-F238E27FC236}">
              <a16:creationId xmlns:a16="http://schemas.microsoft.com/office/drawing/2014/main" id="{00000000-0008-0000-0600-00001F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補助費等グラフ枠">
          <a:extLst>
            <a:ext uri="{FF2B5EF4-FFF2-40B4-BE49-F238E27FC236}">
              <a16:creationId xmlns:a16="http://schemas.microsoft.com/office/drawing/2014/main" id="{00000000-0008-0000-0600-000020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22569</xdr:rowOff>
    </xdr:from>
    <xdr:to>
      <xdr:col>54</xdr:col>
      <xdr:colOff>189865</xdr:colOff>
      <xdr:row>38</xdr:row>
      <xdr:rowOff>67632</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flipV="1">
          <a:off x="10475595" y="5337519"/>
          <a:ext cx="1270" cy="12452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71459</xdr:rowOff>
    </xdr:from>
    <xdr:ext cx="534377" cy="259045"/>
    <xdr:sp macro="" textlink="">
      <xdr:nvSpPr>
        <xdr:cNvPr id="290" name="補助費等最小値テキスト">
          <a:extLst>
            <a:ext uri="{FF2B5EF4-FFF2-40B4-BE49-F238E27FC236}">
              <a16:creationId xmlns:a16="http://schemas.microsoft.com/office/drawing/2014/main" id="{00000000-0008-0000-0600-000022010000}"/>
            </a:ext>
          </a:extLst>
        </xdr:cNvPr>
        <xdr:cNvSpPr txBox="1"/>
      </xdr:nvSpPr>
      <xdr:spPr>
        <a:xfrm>
          <a:off x="10528300" y="6586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0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67632</xdr:rowOff>
    </xdr:from>
    <xdr:to>
      <xdr:col>55</xdr:col>
      <xdr:colOff>88900</xdr:colOff>
      <xdr:row>38</xdr:row>
      <xdr:rowOff>67632</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a:off x="10388600" y="65827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40696</xdr:rowOff>
    </xdr:from>
    <xdr:ext cx="599010" cy="259045"/>
    <xdr:sp macro="" textlink="">
      <xdr:nvSpPr>
        <xdr:cNvPr id="292" name="補助費等最大値テキスト">
          <a:extLst>
            <a:ext uri="{FF2B5EF4-FFF2-40B4-BE49-F238E27FC236}">
              <a16:creationId xmlns:a16="http://schemas.microsoft.com/office/drawing/2014/main" id="{00000000-0008-0000-0600-000024010000}"/>
            </a:ext>
          </a:extLst>
        </xdr:cNvPr>
        <xdr:cNvSpPr txBox="1"/>
      </xdr:nvSpPr>
      <xdr:spPr>
        <a:xfrm>
          <a:off x="10528300" y="51127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3,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22569</xdr:rowOff>
    </xdr:from>
    <xdr:to>
      <xdr:col>55</xdr:col>
      <xdr:colOff>88900</xdr:colOff>
      <xdr:row>31</xdr:row>
      <xdr:rowOff>22569</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a:off x="10388600" y="53375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59099</xdr:rowOff>
    </xdr:from>
    <xdr:to>
      <xdr:col>55</xdr:col>
      <xdr:colOff>0</xdr:colOff>
      <xdr:row>37</xdr:row>
      <xdr:rowOff>102151</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flipV="1">
          <a:off x="9639300" y="6402749"/>
          <a:ext cx="838200" cy="43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92947</xdr:rowOff>
    </xdr:from>
    <xdr:ext cx="599010" cy="259045"/>
    <xdr:sp macro="" textlink="">
      <xdr:nvSpPr>
        <xdr:cNvPr id="295" name="補助費等平均値テキスト">
          <a:extLst>
            <a:ext uri="{FF2B5EF4-FFF2-40B4-BE49-F238E27FC236}">
              <a16:creationId xmlns:a16="http://schemas.microsoft.com/office/drawing/2014/main" id="{00000000-0008-0000-0600-000027010000}"/>
            </a:ext>
          </a:extLst>
        </xdr:cNvPr>
        <xdr:cNvSpPr txBox="1"/>
      </xdr:nvSpPr>
      <xdr:spPr>
        <a:xfrm>
          <a:off x="10528300" y="609369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70070</xdr:rowOff>
    </xdr:from>
    <xdr:to>
      <xdr:col>55</xdr:col>
      <xdr:colOff>50800</xdr:colOff>
      <xdr:row>37</xdr:row>
      <xdr:rowOff>220</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10426700" y="6242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104045</xdr:rowOff>
    </xdr:from>
    <xdr:to>
      <xdr:col>50</xdr:col>
      <xdr:colOff>114300</xdr:colOff>
      <xdr:row>37</xdr:row>
      <xdr:rowOff>102151</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a:off x="8750300" y="6104795"/>
          <a:ext cx="889000" cy="341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06081</xdr:rowOff>
    </xdr:from>
    <xdr:to>
      <xdr:col>50</xdr:col>
      <xdr:colOff>165100</xdr:colOff>
      <xdr:row>37</xdr:row>
      <xdr:rowOff>36231</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9588500" y="6278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5</xdr:row>
      <xdr:rowOff>52758</xdr:rowOff>
    </xdr:from>
    <xdr:ext cx="59901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9339795" y="60535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5</xdr:row>
      <xdr:rowOff>104045</xdr:rowOff>
    </xdr:from>
    <xdr:to>
      <xdr:col>45</xdr:col>
      <xdr:colOff>177800</xdr:colOff>
      <xdr:row>37</xdr:row>
      <xdr:rowOff>165388</xdr:rowOff>
    </xdr:to>
    <xdr:cxnSp macro="">
      <xdr:nvCxnSpPr>
        <xdr:cNvPr id="300" name="直線コネクタ 299">
          <a:extLst>
            <a:ext uri="{FF2B5EF4-FFF2-40B4-BE49-F238E27FC236}">
              <a16:creationId xmlns:a16="http://schemas.microsoft.com/office/drawing/2014/main" id="{00000000-0008-0000-0600-00002C010000}"/>
            </a:ext>
          </a:extLst>
        </xdr:cNvPr>
        <xdr:cNvCxnSpPr/>
      </xdr:nvCxnSpPr>
      <xdr:spPr>
        <a:xfrm flipV="1">
          <a:off x="7861300" y="6104795"/>
          <a:ext cx="889000" cy="404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4</xdr:row>
      <xdr:rowOff>139649</xdr:rowOff>
    </xdr:from>
    <xdr:to>
      <xdr:col>46</xdr:col>
      <xdr:colOff>38100</xdr:colOff>
      <xdr:row>35</xdr:row>
      <xdr:rowOff>69799</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8699500" y="5968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3</xdr:row>
      <xdr:rowOff>86326</xdr:rowOff>
    </xdr:from>
    <xdr:ext cx="59901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8450795" y="57441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08104</xdr:rowOff>
    </xdr:from>
    <xdr:to>
      <xdr:col>41</xdr:col>
      <xdr:colOff>50800</xdr:colOff>
      <xdr:row>37</xdr:row>
      <xdr:rowOff>165388</xdr:rowOff>
    </xdr:to>
    <xdr:cxnSp macro="">
      <xdr:nvCxnSpPr>
        <xdr:cNvPr id="303" name="直線コネクタ 302">
          <a:extLst>
            <a:ext uri="{FF2B5EF4-FFF2-40B4-BE49-F238E27FC236}">
              <a16:creationId xmlns:a16="http://schemas.microsoft.com/office/drawing/2014/main" id="{00000000-0008-0000-0600-00002F010000}"/>
            </a:ext>
          </a:extLst>
        </xdr:cNvPr>
        <xdr:cNvCxnSpPr/>
      </xdr:nvCxnSpPr>
      <xdr:spPr>
        <a:xfrm>
          <a:off x="6972300" y="6451754"/>
          <a:ext cx="889000" cy="572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7488</xdr:rowOff>
    </xdr:from>
    <xdr:to>
      <xdr:col>41</xdr:col>
      <xdr:colOff>101600</xdr:colOff>
      <xdr:row>37</xdr:row>
      <xdr:rowOff>119088</xdr:rowOff>
    </xdr:to>
    <xdr:sp macro="" textlink="">
      <xdr:nvSpPr>
        <xdr:cNvPr id="304" name="フローチャート: 判断 303">
          <a:extLst>
            <a:ext uri="{FF2B5EF4-FFF2-40B4-BE49-F238E27FC236}">
              <a16:creationId xmlns:a16="http://schemas.microsoft.com/office/drawing/2014/main" id="{00000000-0008-0000-0600-000030010000}"/>
            </a:ext>
          </a:extLst>
        </xdr:cNvPr>
        <xdr:cNvSpPr/>
      </xdr:nvSpPr>
      <xdr:spPr>
        <a:xfrm>
          <a:off x="7810500" y="63611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5</xdr:row>
      <xdr:rowOff>135615</xdr:rowOff>
    </xdr:from>
    <xdr:ext cx="59901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7561795" y="61363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9762</xdr:rowOff>
    </xdr:from>
    <xdr:to>
      <xdr:col>36</xdr:col>
      <xdr:colOff>165100</xdr:colOff>
      <xdr:row>37</xdr:row>
      <xdr:rowOff>121362</xdr:rowOff>
    </xdr:to>
    <xdr:sp macro="" textlink="">
      <xdr:nvSpPr>
        <xdr:cNvPr id="306" name="フローチャート: 判断 305">
          <a:extLst>
            <a:ext uri="{FF2B5EF4-FFF2-40B4-BE49-F238E27FC236}">
              <a16:creationId xmlns:a16="http://schemas.microsoft.com/office/drawing/2014/main" id="{00000000-0008-0000-0600-000032010000}"/>
            </a:ext>
          </a:extLst>
        </xdr:cNvPr>
        <xdr:cNvSpPr/>
      </xdr:nvSpPr>
      <xdr:spPr>
        <a:xfrm>
          <a:off x="6921500" y="6363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5</xdr:row>
      <xdr:rowOff>137889</xdr:rowOff>
    </xdr:from>
    <xdr:ext cx="59901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6672795" y="61386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8299</xdr:rowOff>
    </xdr:from>
    <xdr:to>
      <xdr:col>55</xdr:col>
      <xdr:colOff>50800</xdr:colOff>
      <xdr:row>37</xdr:row>
      <xdr:rowOff>109899</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10426700" y="6351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58176</xdr:rowOff>
    </xdr:from>
    <xdr:ext cx="599010" cy="259045"/>
    <xdr:sp macro="" textlink="">
      <xdr:nvSpPr>
        <xdr:cNvPr id="314" name="補助費等該当値テキスト">
          <a:extLst>
            <a:ext uri="{FF2B5EF4-FFF2-40B4-BE49-F238E27FC236}">
              <a16:creationId xmlns:a16="http://schemas.microsoft.com/office/drawing/2014/main" id="{00000000-0008-0000-0600-00003A010000}"/>
            </a:ext>
          </a:extLst>
        </xdr:cNvPr>
        <xdr:cNvSpPr txBox="1"/>
      </xdr:nvSpPr>
      <xdr:spPr>
        <a:xfrm>
          <a:off x="10528300" y="63303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51351</xdr:rowOff>
    </xdr:from>
    <xdr:to>
      <xdr:col>50</xdr:col>
      <xdr:colOff>165100</xdr:colOff>
      <xdr:row>37</xdr:row>
      <xdr:rowOff>152951</xdr:rowOff>
    </xdr:to>
    <xdr:sp macro="" textlink="">
      <xdr:nvSpPr>
        <xdr:cNvPr id="315" name="楕円 314">
          <a:extLst>
            <a:ext uri="{FF2B5EF4-FFF2-40B4-BE49-F238E27FC236}">
              <a16:creationId xmlns:a16="http://schemas.microsoft.com/office/drawing/2014/main" id="{00000000-0008-0000-0600-00003B010000}"/>
            </a:ext>
          </a:extLst>
        </xdr:cNvPr>
        <xdr:cNvSpPr/>
      </xdr:nvSpPr>
      <xdr:spPr>
        <a:xfrm>
          <a:off x="9588500" y="6395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7</xdr:row>
      <xdr:rowOff>144078</xdr:rowOff>
    </xdr:from>
    <xdr:ext cx="599010" cy="259045"/>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9339795" y="64877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53245</xdr:rowOff>
    </xdr:from>
    <xdr:to>
      <xdr:col>46</xdr:col>
      <xdr:colOff>38100</xdr:colOff>
      <xdr:row>35</xdr:row>
      <xdr:rowOff>154845</xdr:rowOff>
    </xdr:to>
    <xdr:sp macro="" textlink="">
      <xdr:nvSpPr>
        <xdr:cNvPr id="317" name="楕円 316">
          <a:extLst>
            <a:ext uri="{FF2B5EF4-FFF2-40B4-BE49-F238E27FC236}">
              <a16:creationId xmlns:a16="http://schemas.microsoft.com/office/drawing/2014/main" id="{00000000-0008-0000-0600-00003D010000}"/>
            </a:ext>
          </a:extLst>
        </xdr:cNvPr>
        <xdr:cNvSpPr/>
      </xdr:nvSpPr>
      <xdr:spPr>
        <a:xfrm>
          <a:off x="8699500" y="6053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5</xdr:row>
      <xdr:rowOff>145972</xdr:rowOff>
    </xdr:from>
    <xdr:ext cx="599010" cy="259045"/>
    <xdr:sp macro="" textlink="">
      <xdr:nvSpPr>
        <xdr:cNvPr id="318" name="テキスト ボックス 317">
          <a:extLst>
            <a:ext uri="{FF2B5EF4-FFF2-40B4-BE49-F238E27FC236}">
              <a16:creationId xmlns:a16="http://schemas.microsoft.com/office/drawing/2014/main" id="{00000000-0008-0000-0600-00003E010000}"/>
            </a:ext>
          </a:extLst>
        </xdr:cNvPr>
        <xdr:cNvSpPr txBox="1"/>
      </xdr:nvSpPr>
      <xdr:spPr>
        <a:xfrm>
          <a:off x="8450795" y="61467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14588</xdr:rowOff>
    </xdr:from>
    <xdr:to>
      <xdr:col>41</xdr:col>
      <xdr:colOff>101600</xdr:colOff>
      <xdr:row>38</xdr:row>
      <xdr:rowOff>44738</xdr:rowOff>
    </xdr:to>
    <xdr:sp macro="" textlink="">
      <xdr:nvSpPr>
        <xdr:cNvPr id="319" name="楕円 318">
          <a:extLst>
            <a:ext uri="{FF2B5EF4-FFF2-40B4-BE49-F238E27FC236}">
              <a16:creationId xmlns:a16="http://schemas.microsoft.com/office/drawing/2014/main" id="{00000000-0008-0000-0600-00003F010000}"/>
            </a:ext>
          </a:extLst>
        </xdr:cNvPr>
        <xdr:cNvSpPr/>
      </xdr:nvSpPr>
      <xdr:spPr>
        <a:xfrm>
          <a:off x="7810500" y="6458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35865</xdr:rowOff>
    </xdr:from>
    <xdr:ext cx="534377" cy="259045"/>
    <xdr:sp macro="" textlink="">
      <xdr:nvSpPr>
        <xdr:cNvPr id="320" name="テキスト ボックス 319">
          <a:extLst>
            <a:ext uri="{FF2B5EF4-FFF2-40B4-BE49-F238E27FC236}">
              <a16:creationId xmlns:a16="http://schemas.microsoft.com/office/drawing/2014/main" id="{00000000-0008-0000-0600-000040010000}"/>
            </a:ext>
          </a:extLst>
        </xdr:cNvPr>
        <xdr:cNvSpPr txBox="1"/>
      </xdr:nvSpPr>
      <xdr:spPr>
        <a:xfrm>
          <a:off x="7594111" y="65509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7304</xdr:rowOff>
    </xdr:from>
    <xdr:to>
      <xdr:col>36</xdr:col>
      <xdr:colOff>165100</xdr:colOff>
      <xdr:row>37</xdr:row>
      <xdr:rowOff>158904</xdr:rowOff>
    </xdr:to>
    <xdr:sp macro="" textlink="">
      <xdr:nvSpPr>
        <xdr:cNvPr id="321" name="楕円 320">
          <a:extLst>
            <a:ext uri="{FF2B5EF4-FFF2-40B4-BE49-F238E27FC236}">
              <a16:creationId xmlns:a16="http://schemas.microsoft.com/office/drawing/2014/main" id="{00000000-0008-0000-0600-000041010000}"/>
            </a:ext>
          </a:extLst>
        </xdr:cNvPr>
        <xdr:cNvSpPr/>
      </xdr:nvSpPr>
      <xdr:spPr>
        <a:xfrm>
          <a:off x="6921500" y="6400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7</xdr:row>
      <xdr:rowOff>150031</xdr:rowOff>
    </xdr:from>
    <xdr:ext cx="599010" cy="259045"/>
    <xdr:sp macro="" textlink="">
      <xdr:nvSpPr>
        <xdr:cNvPr id="322" name="テキスト ボックス 321">
          <a:extLst>
            <a:ext uri="{FF2B5EF4-FFF2-40B4-BE49-F238E27FC236}">
              <a16:creationId xmlns:a16="http://schemas.microsoft.com/office/drawing/2014/main" id="{00000000-0008-0000-0600-000042010000}"/>
            </a:ext>
          </a:extLst>
        </xdr:cNvPr>
        <xdr:cNvSpPr txBox="1"/>
      </xdr:nvSpPr>
      <xdr:spPr>
        <a:xfrm>
          <a:off x="6672795" y="64936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9</xdr:row>
      <xdr:rowOff>92727</xdr:rowOff>
    </xdr:from>
    <xdr:ext cx="685572"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5918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44" name="テキスト ボックス 343">
          <a:extLst>
            <a:ext uri="{FF2B5EF4-FFF2-40B4-BE49-F238E27FC236}">
              <a16:creationId xmlns:a16="http://schemas.microsoft.com/office/drawing/2014/main" id="{00000000-0008-0000-0600-000058010000}"/>
            </a:ext>
          </a:extLst>
        </xdr:cNvPr>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5" name="普通建設事業費グラフ枠">
          <a:extLst>
            <a:ext uri="{FF2B5EF4-FFF2-40B4-BE49-F238E27FC236}">
              <a16:creationId xmlns:a16="http://schemas.microsoft.com/office/drawing/2014/main" id="{00000000-0008-0000-0600-000059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53660</xdr:rowOff>
    </xdr:from>
    <xdr:to>
      <xdr:col>54</xdr:col>
      <xdr:colOff>189865</xdr:colOff>
      <xdr:row>59</xdr:row>
      <xdr:rowOff>22159</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flipV="1">
          <a:off x="10475595" y="8726160"/>
          <a:ext cx="1270" cy="14115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25986</xdr:rowOff>
    </xdr:from>
    <xdr:ext cx="534377" cy="259045"/>
    <xdr:sp macro="" textlink="">
      <xdr:nvSpPr>
        <xdr:cNvPr id="347" name="普通建設事業費最小値テキスト">
          <a:extLst>
            <a:ext uri="{FF2B5EF4-FFF2-40B4-BE49-F238E27FC236}">
              <a16:creationId xmlns:a16="http://schemas.microsoft.com/office/drawing/2014/main" id="{00000000-0008-0000-0600-00005B010000}"/>
            </a:ext>
          </a:extLst>
        </xdr:cNvPr>
        <xdr:cNvSpPr txBox="1"/>
      </xdr:nvSpPr>
      <xdr:spPr>
        <a:xfrm>
          <a:off x="10528300" y="10141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22159</xdr:rowOff>
    </xdr:from>
    <xdr:to>
      <xdr:col>55</xdr:col>
      <xdr:colOff>88900</xdr:colOff>
      <xdr:row>59</xdr:row>
      <xdr:rowOff>22159</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10388600" y="101377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00337</xdr:rowOff>
    </xdr:from>
    <xdr:ext cx="690189" cy="259045"/>
    <xdr:sp macro="" textlink="">
      <xdr:nvSpPr>
        <xdr:cNvPr id="349" name="普通建設事業費最大値テキスト">
          <a:extLst>
            <a:ext uri="{FF2B5EF4-FFF2-40B4-BE49-F238E27FC236}">
              <a16:creationId xmlns:a16="http://schemas.microsoft.com/office/drawing/2014/main" id="{00000000-0008-0000-0600-00005D010000}"/>
            </a:ext>
          </a:extLst>
        </xdr:cNvPr>
        <xdr:cNvSpPr txBox="1"/>
      </xdr:nvSpPr>
      <xdr:spPr>
        <a:xfrm>
          <a:off x="10528300" y="850138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9,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53660</xdr:rowOff>
    </xdr:from>
    <xdr:to>
      <xdr:col>55</xdr:col>
      <xdr:colOff>88900</xdr:colOff>
      <xdr:row>50</xdr:row>
      <xdr:rowOff>153660</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a:off x="10388600" y="8726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9515</xdr:rowOff>
    </xdr:from>
    <xdr:to>
      <xdr:col>55</xdr:col>
      <xdr:colOff>0</xdr:colOff>
      <xdr:row>59</xdr:row>
      <xdr:rowOff>15856</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flipV="1">
          <a:off x="9639300" y="10125065"/>
          <a:ext cx="838200" cy="6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2091</xdr:rowOff>
    </xdr:from>
    <xdr:ext cx="599010" cy="259045"/>
    <xdr:sp macro="" textlink="">
      <xdr:nvSpPr>
        <xdr:cNvPr id="352" name="普通建設事業費平均値テキスト">
          <a:extLst>
            <a:ext uri="{FF2B5EF4-FFF2-40B4-BE49-F238E27FC236}">
              <a16:creationId xmlns:a16="http://schemas.microsoft.com/office/drawing/2014/main" id="{00000000-0008-0000-0600-000060010000}"/>
            </a:ext>
          </a:extLst>
        </xdr:cNvPr>
        <xdr:cNvSpPr txBox="1"/>
      </xdr:nvSpPr>
      <xdr:spPr>
        <a:xfrm>
          <a:off x="10528300" y="977474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6,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0664</xdr:rowOff>
    </xdr:from>
    <xdr:to>
      <xdr:col>55</xdr:col>
      <xdr:colOff>50800</xdr:colOff>
      <xdr:row>58</xdr:row>
      <xdr:rowOff>80814</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10426700" y="992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40090</xdr:rowOff>
    </xdr:from>
    <xdr:to>
      <xdr:col>50</xdr:col>
      <xdr:colOff>114300</xdr:colOff>
      <xdr:row>59</xdr:row>
      <xdr:rowOff>15856</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a:off x="8750300" y="10084190"/>
          <a:ext cx="889000" cy="47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60779</xdr:rowOff>
    </xdr:from>
    <xdr:to>
      <xdr:col>50</xdr:col>
      <xdr:colOff>165100</xdr:colOff>
      <xdr:row>58</xdr:row>
      <xdr:rowOff>90929</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9588500" y="99334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6</xdr:row>
      <xdr:rowOff>107456</xdr:rowOff>
    </xdr:from>
    <xdr:ext cx="599010"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9339795" y="97086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91469</xdr:rowOff>
    </xdr:from>
    <xdr:to>
      <xdr:col>45</xdr:col>
      <xdr:colOff>177800</xdr:colOff>
      <xdr:row>58</xdr:row>
      <xdr:rowOff>140090</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a:off x="7861300" y="10035569"/>
          <a:ext cx="889000" cy="48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5853</xdr:rowOff>
    </xdr:from>
    <xdr:to>
      <xdr:col>46</xdr:col>
      <xdr:colOff>38100</xdr:colOff>
      <xdr:row>58</xdr:row>
      <xdr:rowOff>107453</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8699500" y="9949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6</xdr:row>
      <xdr:rowOff>123980</xdr:rowOff>
    </xdr:from>
    <xdr:ext cx="599010"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8450795" y="97251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91469</xdr:rowOff>
    </xdr:from>
    <xdr:to>
      <xdr:col>41</xdr:col>
      <xdr:colOff>50800</xdr:colOff>
      <xdr:row>59</xdr:row>
      <xdr:rowOff>17725</xdr:rowOff>
    </xdr:to>
    <xdr:cxnSp macro="">
      <xdr:nvCxnSpPr>
        <xdr:cNvPr id="360" name="直線コネクタ 359">
          <a:extLst>
            <a:ext uri="{FF2B5EF4-FFF2-40B4-BE49-F238E27FC236}">
              <a16:creationId xmlns:a16="http://schemas.microsoft.com/office/drawing/2014/main" id="{00000000-0008-0000-0600-000068010000}"/>
            </a:ext>
          </a:extLst>
        </xdr:cNvPr>
        <xdr:cNvCxnSpPr/>
      </xdr:nvCxnSpPr>
      <xdr:spPr>
        <a:xfrm flipV="1">
          <a:off x="6972300" y="10035569"/>
          <a:ext cx="889000" cy="97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52223</xdr:rowOff>
    </xdr:from>
    <xdr:to>
      <xdr:col>41</xdr:col>
      <xdr:colOff>101600</xdr:colOff>
      <xdr:row>58</xdr:row>
      <xdr:rowOff>82373</xdr:rowOff>
    </xdr:to>
    <xdr:sp macro="" textlink="">
      <xdr:nvSpPr>
        <xdr:cNvPr id="361" name="フローチャート: 判断 360">
          <a:extLst>
            <a:ext uri="{FF2B5EF4-FFF2-40B4-BE49-F238E27FC236}">
              <a16:creationId xmlns:a16="http://schemas.microsoft.com/office/drawing/2014/main" id="{00000000-0008-0000-0600-000069010000}"/>
            </a:ext>
          </a:extLst>
        </xdr:cNvPr>
        <xdr:cNvSpPr/>
      </xdr:nvSpPr>
      <xdr:spPr>
        <a:xfrm>
          <a:off x="7810500" y="9924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6</xdr:row>
      <xdr:rowOff>98900</xdr:rowOff>
    </xdr:from>
    <xdr:ext cx="59901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7561795" y="97001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0860</xdr:rowOff>
    </xdr:from>
    <xdr:to>
      <xdr:col>36</xdr:col>
      <xdr:colOff>165100</xdr:colOff>
      <xdr:row>58</xdr:row>
      <xdr:rowOff>112460</xdr:rowOff>
    </xdr:to>
    <xdr:sp macro="" textlink="">
      <xdr:nvSpPr>
        <xdr:cNvPr id="363" name="フローチャート: 判断 362">
          <a:extLst>
            <a:ext uri="{FF2B5EF4-FFF2-40B4-BE49-F238E27FC236}">
              <a16:creationId xmlns:a16="http://schemas.microsoft.com/office/drawing/2014/main" id="{00000000-0008-0000-0600-00006B010000}"/>
            </a:ext>
          </a:extLst>
        </xdr:cNvPr>
        <xdr:cNvSpPr/>
      </xdr:nvSpPr>
      <xdr:spPr>
        <a:xfrm>
          <a:off x="6921500" y="9954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6</xdr:row>
      <xdr:rowOff>128987</xdr:rowOff>
    </xdr:from>
    <xdr:ext cx="59901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6672795" y="97301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30165</xdr:rowOff>
    </xdr:from>
    <xdr:to>
      <xdr:col>55</xdr:col>
      <xdr:colOff>50800</xdr:colOff>
      <xdr:row>59</xdr:row>
      <xdr:rowOff>60315</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10426700" y="10074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45092</xdr:rowOff>
    </xdr:from>
    <xdr:ext cx="534377" cy="259045"/>
    <xdr:sp macro="" textlink="">
      <xdr:nvSpPr>
        <xdr:cNvPr id="371" name="普通建設事業費該当値テキスト">
          <a:extLst>
            <a:ext uri="{FF2B5EF4-FFF2-40B4-BE49-F238E27FC236}">
              <a16:creationId xmlns:a16="http://schemas.microsoft.com/office/drawing/2014/main" id="{00000000-0008-0000-0600-000073010000}"/>
            </a:ext>
          </a:extLst>
        </xdr:cNvPr>
        <xdr:cNvSpPr txBox="1"/>
      </xdr:nvSpPr>
      <xdr:spPr>
        <a:xfrm>
          <a:off x="10528300" y="9989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36506</xdr:rowOff>
    </xdr:from>
    <xdr:to>
      <xdr:col>50</xdr:col>
      <xdr:colOff>165100</xdr:colOff>
      <xdr:row>59</xdr:row>
      <xdr:rowOff>66656</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9588500" y="10080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9</xdr:row>
      <xdr:rowOff>57783</xdr:rowOff>
    </xdr:from>
    <xdr:ext cx="534377"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9372111" y="10173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89290</xdr:rowOff>
    </xdr:from>
    <xdr:to>
      <xdr:col>46</xdr:col>
      <xdr:colOff>38100</xdr:colOff>
      <xdr:row>59</xdr:row>
      <xdr:rowOff>19440</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8699500" y="10033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10567</xdr:rowOff>
    </xdr:from>
    <xdr:ext cx="534377" cy="259045"/>
    <xdr:sp macro="" textlink="">
      <xdr:nvSpPr>
        <xdr:cNvPr id="375" name="テキスト ボックス 374">
          <a:extLst>
            <a:ext uri="{FF2B5EF4-FFF2-40B4-BE49-F238E27FC236}">
              <a16:creationId xmlns:a16="http://schemas.microsoft.com/office/drawing/2014/main" id="{00000000-0008-0000-0600-000077010000}"/>
            </a:ext>
          </a:extLst>
        </xdr:cNvPr>
        <xdr:cNvSpPr txBox="1"/>
      </xdr:nvSpPr>
      <xdr:spPr>
        <a:xfrm>
          <a:off x="8483111" y="10126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40669</xdr:rowOff>
    </xdr:from>
    <xdr:to>
      <xdr:col>41</xdr:col>
      <xdr:colOff>101600</xdr:colOff>
      <xdr:row>58</xdr:row>
      <xdr:rowOff>142269</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7810500" y="9984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33396</xdr:rowOff>
    </xdr:from>
    <xdr:ext cx="534377" cy="259045"/>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7594111" y="10077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38375</xdr:rowOff>
    </xdr:from>
    <xdr:to>
      <xdr:col>36</xdr:col>
      <xdr:colOff>165100</xdr:colOff>
      <xdr:row>59</xdr:row>
      <xdr:rowOff>68525</xdr:rowOff>
    </xdr:to>
    <xdr:sp macro="" textlink="">
      <xdr:nvSpPr>
        <xdr:cNvPr id="378" name="楕円 377">
          <a:extLst>
            <a:ext uri="{FF2B5EF4-FFF2-40B4-BE49-F238E27FC236}">
              <a16:creationId xmlns:a16="http://schemas.microsoft.com/office/drawing/2014/main" id="{00000000-0008-0000-0600-00007A010000}"/>
            </a:ext>
          </a:extLst>
        </xdr:cNvPr>
        <xdr:cNvSpPr/>
      </xdr:nvSpPr>
      <xdr:spPr>
        <a:xfrm>
          <a:off x="6921500" y="10082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9</xdr:row>
      <xdr:rowOff>59652</xdr:rowOff>
    </xdr:from>
    <xdr:ext cx="534377" cy="259045"/>
    <xdr:sp macro="" textlink="">
      <xdr:nvSpPr>
        <xdr:cNvPr id="379" name="テキスト ボックス 378">
          <a:extLst>
            <a:ext uri="{FF2B5EF4-FFF2-40B4-BE49-F238E27FC236}">
              <a16:creationId xmlns:a16="http://schemas.microsoft.com/office/drawing/2014/main" id="{00000000-0008-0000-0600-00007B010000}"/>
            </a:ext>
          </a:extLst>
        </xdr:cNvPr>
        <xdr:cNvSpPr txBox="1"/>
      </xdr:nvSpPr>
      <xdr:spPr>
        <a:xfrm>
          <a:off x="6705111" y="10175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9</xdr:row>
      <xdr:rowOff>92727</xdr:rowOff>
    </xdr:from>
    <xdr:ext cx="685572" cy="259045"/>
    <xdr:sp macro="" textlink="">
      <xdr:nvSpPr>
        <xdr:cNvPr id="399" name="テキスト ボックス 398">
          <a:extLst>
            <a:ext uri="{FF2B5EF4-FFF2-40B4-BE49-F238E27FC236}">
              <a16:creationId xmlns:a16="http://schemas.microsoft.com/office/drawing/2014/main" id="{00000000-0008-0000-0600-00008F010000}"/>
            </a:ext>
          </a:extLst>
        </xdr:cNvPr>
        <xdr:cNvSpPr txBox="1"/>
      </xdr:nvSpPr>
      <xdr:spPr>
        <a:xfrm>
          <a:off x="5918428"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401" name="テキスト ボックス 400">
          <a:extLst>
            <a:ext uri="{FF2B5EF4-FFF2-40B4-BE49-F238E27FC236}">
              <a16:creationId xmlns:a16="http://schemas.microsoft.com/office/drawing/2014/main" id="{00000000-0008-0000-0600-000091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a:extLst>
            <a:ext uri="{FF2B5EF4-FFF2-40B4-BE49-F238E27FC236}">
              <a16:creationId xmlns:a16="http://schemas.microsoft.com/office/drawing/2014/main" id="{00000000-0008-0000-0600-000092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8771</xdr:rowOff>
    </xdr:from>
    <xdr:to>
      <xdr:col>54</xdr:col>
      <xdr:colOff>189865</xdr:colOff>
      <xdr:row>79</xdr:row>
      <xdr:rowOff>4445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flipV="1">
          <a:off x="10475595" y="12181721"/>
          <a:ext cx="1270" cy="14072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4" name="普通建設事業費 （ うち新規整備　）最小値テキスト">
          <a:extLst>
            <a:ext uri="{FF2B5EF4-FFF2-40B4-BE49-F238E27FC236}">
              <a16:creationId xmlns:a16="http://schemas.microsoft.com/office/drawing/2014/main" id="{00000000-0008-0000-0600-000094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26898</xdr:rowOff>
    </xdr:from>
    <xdr:ext cx="690189" cy="259045"/>
    <xdr:sp macro="" textlink="">
      <xdr:nvSpPr>
        <xdr:cNvPr id="406" name="普通建設事業費 （ うち新規整備　）最大値テキスト">
          <a:extLst>
            <a:ext uri="{FF2B5EF4-FFF2-40B4-BE49-F238E27FC236}">
              <a16:creationId xmlns:a16="http://schemas.microsoft.com/office/drawing/2014/main" id="{00000000-0008-0000-0600-000096010000}"/>
            </a:ext>
          </a:extLst>
        </xdr:cNvPr>
        <xdr:cNvSpPr txBox="1"/>
      </xdr:nvSpPr>
      <xdr:spPr>
        <a:xfrm>
          <a:off x="10528300" y="1195694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8,0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8771</xdr:rowOff>
    </xdr:from>
    <xdr:to>
      <xdr:col>55</xdr:col>
      <xdr:colOff>88900</xdr:colOff>
      <xdr:row>71</xdr:row>
      <xdr:rowOff>8771</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10388600" y="121817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39156</xdr:rowOff>
    </xdr:from>
    <xdr:to>
      <xdr:col>55</xdr:col>
      <xdr:colOff>0</xdr:colOff>
      <xdr:row>79</xdr:row>
      <xdr:rowOff>41776</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a:off x="9639300" y="13583706"/>
          <a:ext cx="838200" cy="2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16713</xdr:rowOff>
    </xdr:from>
    <xdr:ext cx="534377" cy="259045"/>
    <xdr:sp macro="" textlink="">
      <xdr:nvSpPr>
        <xdr:cNvPr id="409" name="普通建設事業費 （ うち新規整備　）平均値テキスト">
          <a:extLst>
            <a:ext uri="{FF2B5EF4-FFF2-40B4-BE49-F238E27FC236}">
              <a16:creationId xmlns:a16="http://schemas.microsoft.com/office/drawing/2014/main" id="{00000000-0008-0000-0600-000099010000}"/>
            </a:ext>
          </a:extLst>
        </xdr:cNvPr>
        <xdr:cNvSpPr txBox="1"/>
      </xdr:nvSpPr>
      <xdr:spPr>
        <a:xfrm>
          <a:off x="10528300" y="1331836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93836</xdr:rowOff>
    </xdr:from>
    <xdr:to>
      <xdr:col>55</xdr:col>
      <xdr:colOff>50800</xdr:colOff>
      <xdr:row>79</xdr:row>
      <xdr:rowOff>23986</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10426700" y="13466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33060</xdr:rowOff>
    </xdr:from>
    <xdr:to>
      <xdr:col>50</xdr:col>
      <xdr:colOff>114300</xdr:colOff>
      <xdr:row>79</xdr:row>
      <xdr:rowOff>39156</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a:off x="8750300" y="13577610"/>
          <a:ext cx="889000" cy="6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12021</xdr:rowOff>
    </xdr:from>
    <xdr:to>
      <xdr:col>50</xdr:col>
      <xdr:colOff>165100</xdr:colOff>
      <xdr:row>79</xdr:row>
      <xdr:rowOff>42171</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9588500" y="13485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58698</xdr:rowOff>
    </xdr:from>
    <xdr:ext cx="534377"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9372111" y="13260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8655</xdr:rowOff>
    </xdr:from>
    <xdr:to>
      <xdr:col>45</xdr:col>
      <xdr:colOff>177800</xdr:colOff>
      <xdr:row>79</xdr:row>
      <xdr:rowOff>33060</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a:off x="7861300" y="13553205"/>
          <a:ext cx="889000" cy="24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15503</xdr:rowOff>
    </xdr:from>
    <xdr:to>
      <xdr:col>46</xdr:col>
      <xdr:colOff>38100</xdr:colOff>
      <xdr:row>79</xdr:row>
      <xdr:rowOff>45653</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8699500" y="13488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62180</xdr:rowOff>
    </xdr:from>
    <xdr:ext cx="534377"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8483111" y="13263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8655</xdr:rowOff>
    </xdr:from>
    <xdr:to>
      <xdr:col>41</xdr:col>
      <xdr:colOff>50800</xdr:colOff>
      <xdr:row>79</xdr:row>
      <xdr:rowOff>43064</xdr:rowOff>
    </xdr:to>
    <xdr:cxnSp macro="">
      <xdr:nvCxnSpPr>
        <xdr:cNvPr id="417" name="直線コネクタ 416">
          <a:extLst>
            <a:ext uri="{FF2B5EF4-FFF2-40B4-BE49-F238E27FC236}">
              <a16:creationId xmlns:a16="http://schemas.microsoft.com/office/drawing/2014/main" id="{00000000-0008-0000-0600-0000A1010000}"/>
            </a:ext>
          </a:extLst>
        </xdr:cNvPr>
        <xdr:cNvCxnSpPr/>
      </xdr:nvCxnSpPr>
      <xdr:spPr>
        <a:xfrm flipV="1">
          <a:off x="6972300" y="13553205"/>
          <a:ext cx="889000" cy="34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00592</xdr:rowOff>
    </xdr:from>
    <xdr:to>
      <xdr:col>41</xdr:col>
      <xdr:colOff>101600</xdr:colOff>
      <xdr:row>79</xdr:row>
      <xdr:rowOff>30742</xdr:rowOff>
    </xdr:to>
    <xdr:sp macro="" textlink="">
      <xdr:nvSpPr>
        <xdr:cNvPr id="418" name="フローチャート: 判断 417">
          <a:extLst>
            <a:ext uri="{FF2B5EF4-FFF2-40B4-BE49-F238E27FC236}">
              <a16:creationId xmlns:a16="http://schemas.microsoft.com/office/drawing/2014/main" id="{00000000-0008-0000-0600-0000A2010000}"/>
            </a:ext>
          </a:extLst>
        </xdr:cNvPr>
        <xdr:cNvSpPr/>
      </xdr:nvSpPr>
      <xdr:spPr>
        <a:xfrm>
          <a:off x="7810500" y="13473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47269</xdr:rowOff>
    </xdr:from>
    <xdr:ext cx="534377"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7594111" y="13248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3232</xdr:rowOff>
    </xdr:from>
    <xdr:to>
      <xdr:col>36</xdr:col>
      <xdr:colOff>165100</xdr:colOff>
      <xdr:row>79</xdr:row>
      <xdr:rowOff>43382</xdr:rowOff>
    </xdr:to>
    <xdr:sp macro="" textlink="">
      <xdr:nvSpPr>
        <xdr:cNvPr id="420" name="フローチャート: 判断 419">
          <a:extLst>
            <a:ext uri="{FF2B5EF4-FFF2-40B4-BE49-F238E27FC236}">
              <a16:creationId xmlns:a16="http://schemas.microsoft.com/office/drawing/2014/main" id="{00000000-0008-0000-0600-0000A4010000}"/>
            </a:ext>
          </a:extLst>
        </xdr:cNvPr>
        <xdr:cNvSpPr/>
      </xdr:nvSpPr>
      <xdr:spPr>
        <a:xfrm>
          <a:off x="6921500" y="13486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59909</xdr:rowOff>
    </xdr:from>
    <xdr:ext cx="534377"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6705111" y="13261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62426</xdr:rowOff>
    </xdr:from>
    <xdr:to>
      <xdr:col>55</xdr:col>
      <xdr:colOff>50800</xdr:colOff>
      <xdr:row>79</xdr:row>
      <xdr:rowOff>92576</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10426700" y="13535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77353</xdr:rowOff>
    </xdr:from>
    <xdr:ext cx="469744" cy="259045"/>
    <xdr:sp macro="" textlink="">
      <xdr:nvSpPr>
        <xdr:cNvPr id="428" name="普通建設事業費 （ うち新規整備　）該当値テキスト">
          <a:extLst>
            <a:ext uri="{FF2B5EF4-FFF2-40B4-BE49-F238E27FC236}">
              <a16:creationId xmlns:a16="http://schemas.microsoft.com/office/drawing/2014/main" id="{00000000-0008-0000-0600-0000AC010000}"/>
            </a:ext>
          </a:extLst>
        </xdr:cNvPr>
        <xdr:cNvSpPr txBox="1"/>
      </xdr:nvSpPr>
      <xdr:spPr>
        <a:xfrm>
          <a:off x="10528300" y="13450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59806</xdr:rowOff>
    </xdr:from>
    <xdr:to>
      <xdr:col>50</xdr:col>
      <xdr:colOff>165100</xdr:colOff>
      <xdr:row>79</xdr:row>
      <xdr:rowOff>89956</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9588500" y="13532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81083</xdr:rowOff>
    </xdr:from>
    <xdr:ext cx="469744" cy="25904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9404428" y="136256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53710</xdr:rowOff>
    </xdr:from>
    <xdr:to>
      <xdr:col>46</xdr:col>
      <xdr:colOff>38100</xdr:colOff>
      <xdr:row>79</xdr:row>
      <xdr:rowOff>83860</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8699500" y="13526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74987</xdr:rowOff>
    </xdr:from>
    <xdr:ext cx="469744" cy="259045"/>
    <xdr:sp macro="" textlink="">
      <xdr:nvSpPr>
        <xdr:cNvPr id="432" name="テキスト ボックス 431">
          <a:extLst>
            <a:ext uri="{FF2B5EF4-FFF2-40B4-BE49-F238E27FC236}">
              <a16:creationId xmlns:a16="http://schemas.microsoft.com/office/drawing/2014/main" id="{00000000-0008-0000-0600-0000B0010000}"/>
            </a:ext>
          </a:extLst>
        </xdr:cNvPr>
        <xdr:cNvSpPr txBox="1"/>
      </xdr:nvSpPr>
      <xdr:spPr>
        <a:xfrm>
          <a:off x="8515428" y="13619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29305</xdr:rowOff>
    </xdr:from>
    <xdr:to>
      <xdr:col>41</xdr:col>
      <xdr:colOff>101600</xdr:colOff>
      <xdr:row>79</xdr:row>
      <xdr:rowOff>59455</xdr:rowOff>
    </xdr:to>
    <xdr:sp macro="" textlink="">
      <xdr:nvSpPr>
        <xdr:cNvPr id="433" name="楕円 432">
          <a:extLst>
            <a:ext uri="{FF2B5EF4-FFF2-40B4-BE49-F238E27FC236}">
              <a16:creationId xmlns:a16="http://schemas.microsoft.com/office/drawing/2014/main" id="{00000000-0008-0000-0600-0000B1010000}"/>
            </a:ext>
          </a:extLst>
        </xdr:cNvPr>
        <xdr:cNvSpPr/>
      </xdr:nvSpPr>
      <xdr:spPr>
        <a:xfrm>
          <a:off x="7810500" y="13502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9</xdr:row>
      <xdr:rowOff>50582</xdr:rowOff>
    </xdr:from>
    <xdr:ext cx="534377" cy="259045"/>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7594111" y="135951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63714</xdr:rowOff>
    </xdr:from>
    <xdr:to>
      <xdr:col>36</xdr:col>
      <xdr:colOff>165100</xdr:colOff>
      <xdr:row>79</xdr:row>
      <xdr:rowOff>93864</xdr:rowOff>
    </xdr:to>
    <xdr:sp macro="" textlink="">
      <xdr:nvSpPr>
        <xdr:cNvPr id="435" name="楕円 434">
          <a:extLst>
            <a:ext uri="{FF2B5EF4-FFF2-40B4-BE49-F238E27FC236}">
              <a16:creationId xmlns:a16="http://schemas.microsoft.com/office/drawing/2014/main" id="{00000000-0008-0000-0600-0000B3010000}"/>
            </a:ext>
          </a:extLst>
        </xdr:cNvPr>
        <xdr:cNvSpPr/>
      </xdr:nvSpPr>
      <xdr:spPr>
        <a:xfrm>
          <a:off x="6921500" y="13536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84991</xdr:rowOff>
    </xdr:from>
    <xdr:ext cx="469744" cy="259045"/>
    <xdr:sp macro="" textlink="">
      <xdr:nvSpPr>
        <xdr:cNvPr id="436" name="テキスト ボックス 435">
          <a:extLst>
            <a:ext uri="{FF2B5EF4-FFF2-40B4-BE49-F238E27FC236}">
              <a16:creationId xmlns:a16="http://schemas.microsoft.com/office/drawing/2014/main" id="{00000000-0008-0000-0600-0000B4010000}"/>
            </a:ext>
          </a:extLst>
        </xdr:cNvPr>
        <xdr:cNvSpPr txBox="1"/>
      </xdr:nvSpPr>
      <xdr:spPr>
        <a:xfrm>
          <a:off x="6737428" y="13629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35577</xdr:rowOff>
    </xdr:from>
    <xdr:ext cx="595419" cy="25904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6008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6" name="テキスト ボックス 455">
          <a:extLst>
            <a:ext uri="{FF2B5EF4-FFF2-40B4-BE49-F238E27FC236}">
              <a16:creationId xmlns:a16="http://schemas.microsoft.com/office/drawing/2014/main" id="{00000000-0008-0000-0600-0000C8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a:extLst>
            <a:ext uri="{FF2B5EF4-FFF2-40B4-BE49-F238E27FC236}">
              <a16:creationId xmlns:a16="http://schemas.microsoft.com/office/drawing/2014/main" id="{00000000-0008-0000-0600-0000CA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普通建設事業費 （ うち更新整備　）グラフ枠">
          <a:extLst>
            <a:ext uri="{FF2B5EF4-FFF2-40B4-BE49-F238E27FC236}">
              <a16:creationId xmlns:a16="http://schemas.microsoft.com/office/drawing/2014/main" id="{00000000-0008-0000-0600-0000CB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23351</xdr:rowOff>
    </xdr:from>
    <xdr:to>
      <xdr:col>54</xdr:col>
      <xdr:colOff>189865</xdr:colOff>
      <xdr:row>99</xdr:row>
      <xdr:rowOff>16725</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flipV="1">
          <a:off x="10475595" y="15725301"/>
          <a:ext cx="1270" cy="12649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20552</xdr:rowOff>
    </xdr:from>
    <xdr:ext cx="469744" cy="259045"/>
    <xdr:sp macro="" textlink="">
      <xdr:nvSpPr>
        <xdr:cNvPr id="461" name="普通建設事業費 （ うち更新整備　）最小値テキスト">
          <a:extLst>
            <a:ext uri="{FF2B5EF4-FFF2-40B4-BE49-F238E27FC236}">
              <a16:creationId xmlns:a16="http://schemas.microsoft.com/office/drawing/2014/main" id="{00000000-0008-0000-0600-0000CD010000}"/>
            </a:ext>
          </a:extLst>
        </xdr:cNvPr>
        <xdr:cNvSpPr txBox="1"/>
      </xdr:nvSpPr>
      <xdr:spPr>
        <a:xfrm>
          <a:off x="10528300" y="169941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6725</xdr:rowOff>
    </xdr:from>
    <xdr:to>
      <xdr:col>55</xdr:col>
      <xdr:colOff>88900</xdr:colOff>
      <xdr:row>99</xdr:row>
      <xdr:rowOff>16725</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a:off x="10388600" y="169902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70028</xdr:rowOff>
    </xdr:from>
    <xdr:ext cx="599010" cy="259045"/>
    <xdr:sp macro="" textlink="">
      <xdr:nvSpPr>
        <xdr:cNvPr id="463" name="普通建設事業費 （ うち更新整備　）最大値テキスト">
          <a:extLst>
            <a:ext uri="{FF2B5EF4-FFF2-40B4-BE49-F238E27FC236}">
              <a16:creationId xmlns:a16="http://schemas.microsoft.com/office/drawing/2014/main" id="{00000000-0008-0000-0600-0000CF010000}"/>
            </a:ext>
          </a:extLst>
        </xdr:cNvPr>
        <xdr:cNvSpPr txBox="1"/>
      </xdr:nvSpPr>
      <xdr:spPr>
        <a:xfrm>
          <a:off x="10528300" y="155005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9,2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23351</xdr:rowOff>
    </xdr:from>
    <xdr:to>
      <xdr:col>55</xdr:col>
      <xdr:colOff>88900</xdr:colOff>
      <xdr:row>91</xdr:row>
      <xdr:rowOff>123351</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a:off x="10388600" y="157253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31380</xdr:rowOff>
    </xdr:from>
    <xdr:to>
      <xdr:col>55</xdr:col>
      <xdr:colOff>0</xdr:colOff>
      <xdr:row>98</xdr:row>
      <xdr:rowOff>165841</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flipV="1">
          <a:off x="9639300" y="16933480"/>
          <a:ext cx="838200" cy="34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58289</xdr:rowOff>
    </xdr:from>
    <xdr:ext cx="534377" cy="259045"/>
    <xdr:sp macro="" textlink="">
      <xdr:nvSpPr>
        <xdr:cNvPr id="466" name="普通建設事業費 （ うち更新整備　）平均値テキスト">
          <a:extLst>
            <a:ext uri="{FF2B5EF4-FFF2-40B4-BE49-F238E27FC236}">
              <a16:creationId xmlns:a16="http://schemas.microsoft.com/office/drawing/2014/main" id="{00000000-0008-0000-0600-0000D2010000}"/>
            </a:ext>
          </a:extLst>
        </xdr:cNvPr>
        <xdr:cNvSpPr txBox="1"/>
      </xdr:nvSpPr>
      <xdr:spPr>
        <a:xfrm>
          <a:off x="10528300" y="1651748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5412</xdr:rowOff>
    </xdr:from>
    <xdr:to>
      <xdr:col>55</xdr:col>
      <xdr:colOff>50800</xdr:colOff>
      <xdr:row>97</xdr:row>
      <xdr:rowOff>137012</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10426700" y="16666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39002</xdr:rowOff>
    </xdr:from>
    <xdr:to>
      <xdr:col>50</xdr:col>
      <xdr:colOff>114300</xdr:colOff>
      <xdr:row>98</xdr:row>
      <xdr:rowOff>165841</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a:off x="8750300" y="16841102"/>
          <a:ext cx="889000" cy="126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35872</xdr:rowOff>
    </xdr:from>
    <xdr:to>
      <xdr:col>50</xdr:col>
      <xdr:colOff>165100</xdr:colOff>
      <xdr:row>97</xdr:row>
      <xdr:rowOff>137472</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9588500" y="16666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53999</xdr:rowOff>
    </xdr:from>
    <xdr:ext cx="534377"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9372111" y="164417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39002</xdr:rowOff>
    </xdr:from>
    <xdr:to>
      <xdr:col>45</xdr:col>
      <xdr:colOff>177800</xdr:colOff>
      <xdr:row>98</xdr:row>
      <xdr:rowOff>39306</xdr:rowOff>
    </xdr:to>
    <xdr:cxnSp macro="">
      <xdr:nvCxnSpPr>
        <xdr:cNvPr id="471" name="直線コネクタ 470">
          <a:extLst>
            <a:ext uri="{FF2B5EF4-FFF2-40B4-BE49-F238E27FC236}">
              <a16:creationId xmlns:a16="http://schemas.microsoft.com/office/drawing/2014/main" id="{00000000-0008-0000-0600-0000D7010000}"/>
            </a:ext>
          </a:extLst>
        </xdr:cNvPr>
        <xdr:cNvCxnSpPr/>
      </xdr:nvCxnSpPr>
      <xdr:spPr>
        <a:xfrm flipV="1">
          <a:off x="7861300" y="16841102"/>
          <a:ext cx="889000" cy="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59578</xdr:rowOff>
    </xdr:from>
    <xdr:to>
      <xdr:col>46</xdr:col>
      <xdr:colOff>38100</xdr:colOff>
      <xdr:row>97</xdr:row>
      <xdr:rowOff>161178</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8699500" y="1669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6255</xdr:rowOff>
    </xdr:from>
    <xdr:ext cx="534377"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8483111" y="16465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39306</xdr:rowOff>
    </xdr:from>
    <xdr:to>
      <xdr:col>41</xdr:col>
      <xdr:colOff>50800</xdr:colOff>
      <xdr:row>98</xdr:row>
      <xdr:rowOff>141464</xdr:rowOff>
    </xdr:to>
    <xdr:cxnSp macro="">
      <xdr:nvCxnSpPr>
        <xdr:cNvPr id="474" name="直線コネクタ 473">
          <a:extLst>
            <a:ext uri="{FF2B5EF4-FFF2-40B4-BE49-F238E27FC236}">
              <a16:creationId xmlns:a16="http://schemas.microsoft.com/office/drawing/2014/main" id="{00000000-0008-0000-0600-0000DA010000}"/>
            </a:ext>
          </a:extLst>
        </xdr:cNvPr>
        <xdr:cNvCxnSpPr/>
      </xdr:nvCxnSpPr>
      <xdr:spPr>
        <a:xfrm flipV="1">
          <a:off x="6972300" y="16841406"/>
          <a:ext cx="889000" cy="102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38478</xdr:rowOff>
    </xdr:from>
    <xdr:to>
      <xdr:col>41</xdr:col>
      <xdr:colOff>101600</xdr:colOff>
      <xdr:row>97</xdr:row>
      <xdr:rowOff>140078</xdr:rowOff>
    </xdr:to>
    <xdr:sp macro="" textlink="">
      <xdr:nvSpPr>
        <xdr:cNvPr id="475" name="フローチャート: 判断 474">
          <a:extLst>
            <a:ext uri="{FF2B5EF4-FFF2-40B4-BE49-F238E27FC236}">
              <a16:creationId xmlns:a16="http://schemas.microsoft.com/office/drawing/2014/main" id="{00000000-0008-0000-0600-0000DB010000}"/>
            </a:ext>
          </a:extLst>
        </xdr:cNvPr>
        <xdr:cNvSpPr/>
      </xdr:nvSpPr>
      <xdr:spPr>
        <a:xfrm>
          <a:off x="7810500" y="16669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56605</xdr:rowOff>
    </xdr:from>
    <xdr:ext cx="534377"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7594111" y="16444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84213</xdr:rowOff>
    </xdr:from>
    <xdr:to>
      <xdr:col>36</xdr:col>
      <xdr:colOff>165100</xdr:colOff>
      <xdr:row>98</xdr:row>
      <xdr:rowOff>14363</xdr:rowOff>
    </xdr:to>
    <xdr:sp macro="" textlink="">
      <xdr:nvSpPr>
        <xdr:cNvPr id="477" name="フローチャート: 判断 476">
          <a:extLst>
            <a:ext uri="{FF2B5EF4-FFF2-40B4-BE49-F238E27FC236}">
              <a16:creationId xmlns:a16="http://schemas.microsoft.com/office/drawing/2014/main" id="{00000000-0008-0000-0600-0000DD010000}"/>
            </a:ext>
          </a:extLst>
        </xdr:cNvPr>
        <xdr:cNvSpPr/>
      </xdr:nvSpPr>
      <xdr:spPr>
        <a:xfrm>
          <a:off x="6921500" y="16714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30890</xdr:rowOff>
    </xdr:from>
    <xdr:ext cx="534377"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6705111" y="16490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80580</xdr:rowOff>
    </xdr:from>
    <xdr:to>
      <xdr:col>55</xdr:col>
      <xdr:colOff>50800</xdr:colOff>
      <xdr:row>99</xdr:row>
      <xdr:rowOff>10730</xdr:rowOff>
    </xdr:to>
    <xdr:sp macro="" textlink="">
      <xdr:nvSpPr>
        <xdr:cNvPr id="484" name="楕円 483">
          <a:extLst>
            <a:ext uri="{FF2B5EF4-FFF2-40B4-BE49-F238E27FC236}">
              <a16:creationId xmlns:a16="http://schemas.microsoft.com/office/drawing/2014/main" id="{00000000-0008-0000-0600-0000E4010000}"/>
            </a:ext>
          </a:extLst>
        </xdr:cNvPr>
        <xdr:cNvSpPr/>
      </xdr:nvSpPr>
      <xdr:spPr>
        <a:xfrm>
          <a:off x="10426700" y="16882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66957</xdr:rowOff>
    </xdr:from>
    <xdr:ext cx="534377" cy="259045"/>
    <xdr:sp macro="" textlink="">
      <xdr:nvSpPr>
        <xdr:cNvPr id="485" name="普通建設事業費 （ うち更新整備　）該当値テキスト">
          <a:extLst>
            <a:ext uri="{FF2B5EF4-FFF2-40B4-BE49-F238E27FC236}">
              <a16:creationId xmlns:a16="http://schemas.microsoft.com/office/drawing/2014/main" id="{00000000-0008-0000-0600-0000E5010000}"/>
            </a:ext>
          </a:extLst>
        </xdr:cNvPr>
        <xdr:cNvSpPr txBox="1"/>
      </xdr:nvSpPr>
      <xdr:spPr>
        <a:xfrm>
          <a:off x="10528300" y="16797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115041</xdr:rowOff>
    </xdr:from>
    <xdr:to>
      <xdr:col>50</xdr:col>
      <xdr:colOff>165100</xdr:colOff>
      <xdr:row>99</xdr:row>
      <xdr:rowOff>45191</xdr:rowOff>
    </xdr:to>
    <xdr:sp macro="" textlink="">
      <xdr:nvSpPr>
        <xdr:cNvPr id="486" name="楕円 485">
          <a:extLst>
            <a:ext uri="{FF2B5EF4-FFF2-40B4-BE49-F238E27FC236}">
              <a16:creationId xmlns:a16="http://schemas.microsoft.com/office/drawing/2014/main" id="{00000000-0008-0000-0600-0000E6010000}"/>
            </a:ext>
          </a:extLst>
        </xdr:cNvPr>
        <xdr:cNvSpPr/>
      </xdr:nvSpPr>
      <xdr:spPr>
        <a:xfrm>
          <a:off x="9588500" y="16917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9</xdr:row>
      <xdr:rowOff>36318</xdr:rowOff>
    </xdr:from>
    <xdr:ext cx="534377"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9372111" y="17009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59652</xdr:rowOff>
    </xdr:from>
    <xdr:to>
      <xdr:col>46</xdr:col>
      <xdr:colOff>38100</xdr:colOff>
      <xdr:row>98</xdr:row>
      <xdr:rowOff>89802</xdr:rowOff>
    </xdr:to>
    <xdr:sp macro="" textlink="">
      <xdr:nvSpPr>
        <xdr:cNvPr id="488" name="楕円 487">
          <a:extLst>
            <a:ext uri="{FF2B5EF4-FFF2-40B4-BE49-F238E27FC236}">
              <a16:creationId xmlns:a16="http://schemas.microsoft.com/office/drawing/2014/main" id="{00000000-0008-0000-0600-0000E8010000}"/>
            </a:ext>
          </a:extLst>
        </xdr:cNvPr>
        <xdr:cNvSpPr/>
      </xdr:nvSpPr>
      <xdr:spPr>
        <a:xfrm>
          <a:off x="8699500" y="16790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80929</xdr:rowOff>
    </xdr:from>
    <xdr:ext cx="534377" cy="259045"/>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8483111" y="16883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59956</xdr:rowOff>
    </xdr:from>
    <xdr:to>
      <xdr:col>41</xdr:col>
      <xdr:colOff>101600</xdr:colOff>
      <xdr:row>98</xdr:row>
      <xdr:rowOff>90106</xdr:rowOff>
    </xdr:to>
    <xdr:sp macro="" textlink="">
      <xdr:nvSpPr>
        <xdr:cNvPr id="490" name="楕円 489">
          <a:extLst>
            <a:ext uri="{FF2B5EF4-FFF2-40B4-BE49-F238E27FC236}">
              <a16:creationId xmlns:a16="http://schemas.microsoft.com/office/drawing/2014/main" id="{00000000-0008-0000-0600-0000EA010000}"/>
            </a:ext>
          </a:extLst>
        </xdr:cNvPr>
        <xdr:cNvSpPr/>
      </xdr:nvSpPr>
      <xdr:spPr>
        <a:xfrm>
          <a:off x="7810500" y="16790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81233</xdr:rowOff>
    </xdr:from>
    <xdr:ext cx="534377" cy="259045"/>
    <xdr:sp macro="" textlink="">
      <xdr:nvSpPr>
        <xdr:cNvPr id="491" name="テキスト ボックス 490">
          <a:extLst>
            <a:ext uri="{FF2B5EF4-FFF2-40B4-BE49-F238E27FC236}">
              <a16:creationId xmlns:a16="http://schemas.microsoft.com/office/drawing/2014/main" id="{00000000-0008-0000-0600-0000EB010000}"/>
            </a:ext>
          </a:extLst>
        </xdr:cNvPr>
        <xdr:cNvSpPr txBox="1"/>
      </xdr:nvSpPr>
      <xdr:spPr>
        <a:xfrm>
          <a:off x="7594111" y="16883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90664</xdr:rowOff>
    </xdr:from>
    <xdr:to>
      <xdr:col>36</xdr:col>
      <xdr:colOff>165100</xdr:colOff>
      <xdr:row>99</xdr:row>
      <xdr:rowOff>20814</xdr:rowOff>
    </xdr:to>
    <xdr:sp macro="" textlink="">
      <xdr:nvSpPr>
        <xdr:cNvPr id="492" name="楕円 491">
          <a:extLst>
            <a:ext uri="{FF2B5EF4-FFF2-40B4-BE49-F238E27FC236}">
              <a16:creationId xmlns:a16="http://schemas.microsoft.com/office/drawing/2014/main" id="{00000000-0008-0000-0600-0000EC010000}"/>
            </a:ext>
          </a:extLst>
        </xdr:cNvPr>
        <xdr:cNvSpPr/>
      </xdr:nvSpPr>
      <xdr:spPr>
        <a:xfrm>
          <a:off x="6921500" y="16892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9</xdr:row>
      <xdr:rowOff>11941</xdr:rowOff>
    </xdr:from>
    <xdr:ext cx="534377" cy="259045"/>
    <xdr:sp macro="" textlink="">
      <xdr:nvSpPr>
        <xdr:cNvPr id="493" name="テキスト ボックス 492">
          <a:extLst>
            <a:ext uri="{FF2B5EF4-FFF2-40B4-BE49-F238E27FC236}">
              <a16:creationId xmlns:a16="http://schemas.microsoft.com/office/drawing/2014/main" id="{00000000-0008-0000-0600-0000ED010000}"/>
            </a:ext>
          </a:extLst>
        </xdr:cNvPr>
        <xdr:cNvSpPr txBox="1"/>
      </xdr:nvSpPr>
      <xdr:spPr>
        <a:xfrm>
          <a:off x="6705111" y="16985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3" name="テキスト ボックス 512">
          <a:extLst>
            <a:ext uri="{FF2B5EF4-FFF2-40B4-BE49-F238E27FC236}">
              <a16:creationId xmlns:a16="http://schemas.microsoft.com/office/drawing/2014/main" id="{00000000-0008-0000-0600-00000102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5" name="テキスト ボックス 514">
          <a:extLst>
            <a:ext uri="{FF2B5EF4-FFF2-40B4-BE49-F238E27FC236}">
              <a16:creationId xmlns:a16="http://schemas.microsoft.com/office/drawing/2014/main" id="{00000000-0008-0000-0600-000003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災害復旧事業費グラフ枠">
          <a:extLst>
            <a:ext uri="{FF2B5EF4-FFF2-40B4-BE49-F238E27FC236}">
              <a16:creationId xmlns:a16="http://schemas.microsoft.com/office/drawing/2014/main" id="{00000000-0008-0000-0600-000004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26548</xdr:rowOff>
    </xdr:from>
    <xdr:to>
      <xdr:col>85</xdr:col>
      <xdr:colOff>126364</xdr:colOff>
      <xdr:row>39</xdr:row>
      <xdr:rowOff>44450</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flipV="1">
          <a:off x="16317595" y="5270048"/>
          <a:ext cx="1269" cy="14609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8" name="災害復旧事業費最小値テキスト">
          <a:extLst>
            <a:ext uri="{FF2B5EF4-FFF2-40B4-BE49-F238E27FC236}">
              <a16:creationId xmlns:a16="http://schemas.microsoft.com/office/drawing/2014/main" id="{00000000-0008-0000-0600-00000602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3225</xdr:rowOff>
    </xdr:from>
    <xdr:ext cx="599010" cy="259045"/>
    <xdr:sp macro="" textlink="">
      <xdr:nvSpPr>
        <xdr:cNvPr id="520" name="災害復旧事業費最大値テキスト">
          <a:extLst>
            <a:ext uri="{FF2B5EF4-FFF2-40B4-BE49-F238E27FC236}">
              <a16:creationId xmlns:a16="http://schemas.microsoft.com/office/drawing/2014/main" id="{00000000-0008-0000-0600-000008020000}"/>
            </a:ext>
          </a:extLst>
        </xdr:cNvPr>
        <xdr:cNvSpPr txBox="1"/>
      </xdr:nvSpPr>
      <xdr:spPr>
        <a:xfrm>
          <a:off x="16370300" y="50452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7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26548</xdr:rowOff>
    </xdr:from>
    <xdr:to>
      <xdr:col>86</xdr:col>
      <xdr:colOff>25400</xdr:colOff>
      <xdr:row>30</xdr:row>
      <xdr:rowOff>126548</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6230600" y="52700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17993</xdr:rowOff>
    </xdr:from>
    <xdr:to>
      <xdr:col>85</xdr:col>
      <xdr:colOff>127000</xdr:colOff>
      <xdr:row>39</xdr:row>
      <xdr:rowOff>44450</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5481300" y="6704543"/>
          <a:ext cx="838200" cy="26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24472</xdr:rowOff>
    </xdr:from>
    <xdr:ext cx="469744" cy="259045"/>
    <xdr:sp macro="" textlink="">
      <xdr:nvSpPr>
        <xdr:cNvPr id="523" name="災害復旧事業費平均値テキスト">
          <a:extLst>
            <a:ext uri="{FF2B5EF4-FFF2-40B4-BE49-F238E27FC236}">
              <a16:creationId xmlns:a16="http://schemas.microsoft.com/office/drawing/2014/main" id="{00000000-0008-0000-0600-00000B020000}"/>
            </a:ext>
          </a:extLst>
        </xdr:cNvPr>
        <xdr:cNvSpPr txBox="1"/>
      </xdr:nvSpPr>
      <xdr:spPr>
        <a:xfrm>
          <a:off x="16370300" y="64681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01595</xdr:rowOff>
    </xdr:from>
    <xdr:to>
      <xdr:col>85</xdr:col>
      <xdr:colOff>177800</xdr:colOff>
      <xdr:row>39</xdr:row>
      <xdr:rowOff>31745</xdr:rowOff>
    </xdr:to>
    <xdr:sp macro="" textlink="">
      <xdr:nvSpPr>
        <xdr:cNvPr id="524" name="フローチャート: 判断 523">
          <a:extLst>
            <a:ext uri="{FF2B5EF4-FFF2-40B4-BE49-F238E27FC236}">
              <a16:creationId xmlns:a16="http://schemas.microsoft.com/office/drawing/2014/main" id="{00000000-0008-0000-0600-00000C020000}"/>
            </a:ext>
          </a:extLst>
        </xdr:cNvPr>
        <xdr:cNvSpPr/>
      </xdr:nvSpPr>
      <xdr:spPr>
        <a:xfrm>
          <a:off x="16268700" y="661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7993</xdr:rowOff>
    </xdr:from>
    <xdr:to>
      <xdr:col>81</xdr:col>
      <xdr:colOff>50800</xdr:colOff>
      <xdr:row>39</xdr:row>
      <xdr:rowOff>35215</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flipV="1">
          <a:off x="14592300" y="6704543"/>
          <a:ext cx="889000" cy="17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88237</xdr:rowOff>
    </xdr:from>
    <xdr:to>
      <xdr:col>81</xdr:col>
      <xdr:colOff>101600</xdr:colOff>
      <xdr:row>39</xdr:row>
      <xdr:rowOff>18387</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5430500" y="6603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34914</xdr:rowOff>
    </xdr:from>
    <xdr:ext cx="534377"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5214111" y="6378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26726</xdr:rowOff>
    </xdr:from>
    <xdr:to>
      <xdr:col>76</xdr:col>
      <xdr:colOff>114300</xdr:colOff>
      <xdr:row>39</xdr:row>
      <xdr:rowOff>35215</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a:off x="13703300" y="6713276"/>
          <a:ext cx="889000" cy="8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64813</xdr:rowOff>
    </xdr:from>
    <xdr:to>
      <xdr:col>76</xdr:col>
      <xdr:colOff>165100</xdr:colOff>
      <xdr:row>38</xdr:row>
      <xdr:rowOff>166413</xdr:rowOff>
    </xdr:to>
    <xdr:sp macro="" textlink="">
      <xdr:nvSpPr>
        <xdr:cNvPr id="529" name="フローチャート: 判断 528">
          <a:extLst>
            <a:ext uri="{FF2B5EF4-FFF2-40B4-BE49-F238E27FC236}">
              <a16:creationId xmlns:a16="http://schemas.microsoft.com/office/drawing/2014/main" id="{00000000-0008-0000-0600-000011020000}"/>
            </a:ext>
          </a:extLst>
        </xdr:cNvPr>
        <xdr:cNvSpPr/>
      </xdr:nvSpPr>
      <xdr:spPr>
        <a:xfrm>
          <a:off x="14541500" y="6579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1490</xdr:rowOff>
    </xdr:from>
    <xdr:ext cx="534377"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4325111" y="6355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26726</xdr:rowOff>
    </xdr:from>
    <xdr:to>
      <xdr:col>71</xdr:col>
      <xdr:colOff>177800</xdr:colOff>
      <xdr:row>39</xdr:row>
      <xdr:rowOff>41920</xdr:rowOff>
    </xdr:to>
    <xdr:cxnSp macro="">
      <xdr:nvCxnSpPr>
        <xdr:cNvPr id="531" name="直線コネクタ 530">
          <a:extLst>
            <a:ext uri="{FF2B5EF4-FFF2-40B4-BE49-F238E27FC236}">
              <a16:creationId xmlns:a16="http://schemas.microsoft.com/office/drawing/2014/main" id="{00000000-0008-0000-0600-000013020000}"/>
            </a:ext>
          </a:extLst>
        </xdr:cNvPr>
        <xdr:cNvCxnSpPr/>
      </xdr:nvCxnSpPr>
      <xdr:spPr>
        <a:xfrm flipV="1">
          <a:off x="12814300" y="6713276"/>
          <a:ext cx="889000" cy="15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68623</xdr:rowOff>
    </xdr:from>
    <xdr:to>
      <xdr:col>72</xdr:col>
      <xdr:colOff>38100</xdr:colOff>
      <xdr:row>38</xdr:row>
      <xdr:rowOff>170223</xdr:rowOff>
    </xdr:to>
    <xdr:sp macro="" textlink="">
      <xdr:nvSpPr>
        <xdr:cNvPr id="532" name="フローチャート: 判断 531">
          <a:extLst>
            <a:ext uri="{FF2B5EF4-FFF2-40B4-BE49-F238E27FC236}">
              <a16:creationId xmlns:a16="http://schemas.microsoft.com/office/drawing/2014/main" id="{00000000-0008-0000-0600-000014020000}"/>
            </a:ext>
          </a:extLst>
        </xdr:cNvPr>
        <xdr:cNvSpPr/>
      </xdr:nvSpPr>
      <xdr:spPr>
        <a:xfrm>
          <a:off x="13652500" y="6583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5300</xdr:rowOff>
    </xdr:from>
    <xdr:ext cx="534377"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3436111" y="6358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68913</xdr:rowOff>
    </xdr:from>
    <xdr:to>
      <xdr:col>67</xdr:col>
      <xdr:colOff>101600</xdr:colOff>
      <xdr:row>38</xdr:row>
      <xdr:rowOff>170513</xdr:rowOff>
    </xdr:to>
    <xdr:sp macro="" textlink="">
      <xdr:nvSpPr>
        <xdr:cNvPr id="534" name="フローチャート: 判断 533">
          <a:extLst>
            <a:ext uri="{FF2B5EF4-FFF2-40B4-BE49-F238E27FC236}">
              <a16:creationId xmlns:a16="http://schemas.microsoft.com/office/drawing/2014/main" id="{00000000-0008-0000-0600-000016020000}"/>
            </a:ext>
          </a:extLst>
        </xdr:cNvPr>
        <xdr:cNvSpPr/>
      </xdr:nvSpPr>
      <xdr:spPr>
        <a:xfrm>
          <a:off x="12763500" y="6584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5590</xdr:rowOff>
    </xdr:from>
    <xdr:ext cx="534377"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2547111" y="6359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42" name="災害復旧事業費該当値テキスト">
          <a:extLst>
            <a:ext uri="{FF2B5EF4-FFF2-40B4-BE49-F238E27FC236}">
              <a16:creationId xmlns:a16="http://schemas.microsoft.com/office/drawing/2014/main" id="{00000000-0008-0000-0600-00001E020000}"/>
            </a:ext>
          </a:extLst>
        </xdr:cNvPr>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38643</xdr:rowOff>
    </xdr:from>
    <xdr:to>
      <xdr:col>81</xdr:col>
      <xdr:colOff>101600</xdr:colOff>
      <xdr:row>39</xdr:row>
      <xdr:rowOff>68793</xdr:rowOff>
    </xdr:to>
    <xdr:sp macro="" textlink="">
      <xdr:nvSpPr>
        <xdr:cNvPr id="543" name="楕円 542">
          <a:extLst>
            <a:ext uri="{FF2B5EF4-FFF2-40B4-BE49-F238E27FC236}">
              <a16:creationId xmlns:a16="http://schemas.microsoft.com/office/drawing/2014/main" id="{00000000-0008-0000-0600-00001F020000}"/>
            </a:ext>
          </a:extLst>
        </xdr:cNvPr>
        <xdr:cNvSpPr/>
      </xdr:nvSpPr>
      <xdr:spPr>
        <a:xfrm>
          <a:off x="15430500" y="6653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9</xdr:row>
      <xdr:rowOff>59920</xdr:rowOff>
    </xdr:from>
    <xdr:ext cx="469744"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5246428" y="6746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55865</xdr:rowOff>
    </xdr:from>
    <xdr:to>
      <xdr:col>76</xdr:col>
      <xdr:colOff>165100</xdr:colOff>
      <xdr:row>39</xdr:row>
      <xdr:rowOff>86015</xdr:rowOff>
    </xdr:to>
    <xdr:sp macro="" textlink="">
      <xdr:nvSpPr>
        <xdr:cNvPr id="545" name="楕円 544">
          <a:extLst>
            <a:ext uri="{FF2B5EF4-FFF2-40B4-BE49-F238E27FC236}">
              <a16:creationId xmlns:a16="http://schemas.microsoft.com/office/drawing/2014/main" id="{00000000-0008-0000-0600-000021020000}"/>
            </a:ext>
          </a:extLst>
        </xdr:cNvPr>
        <xdr:cNvSpPr/>
      </xdr:nvSpPr>
      <xdr:spPr>
        <a:xfrm>
          <a:off x="14541500" y="6670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9</xdr:row>
      <xdr:rowOff>77142</xdr:rowOff>
    </xdr:from>
    <xdr:ext cx="469744"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4357428" y="67636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47376</xdr:rowOff>
    </xdr:from>
    <xdr:to>
      <xdr:col>72</xdr:col>
      <xdr:colOff>38100</xdr:colOff>
      <xdr:row>39</xdr:row>
      <xdr:rowOff>77526</xdr:rowOff>
    </xdr:to>
    <xdr:sp macro="" textlink="">
      <xdr:nvSpPr>
        <xdr:cNvPr id="547" name="楕円 546">
          <a:extLst>
            <a:ext uri="{FF2B5EF4-FFF2-40B4-BE49-F238E27FC236}">
              <a16:creationId xmlns:a16="http://schemas.microsoft.com/office/drawing/2014/main" id="{00000000-0008-0000-0600-000023020000}"/>
            </a:ext>
          </a:extLst>
        </xdr:cNvPr>
        <xdr:cNvSpPr/>
      </xdr:nvSpPr>
      <xdr:spPr>
        <a:xfrm>
          <a:off x="13652500" y="6662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9</xdr:row>
      <xdr:rowOff>68653</xdr:rowOff>
    </xdr:from>
    <xdr:ext cx="469744" cy="259045"/>
    <xdr:sp macro="" textlink="">
      <xdr:nvSpPr>
        <xdr:cNvPr id="548" name="テキスト ボックス 547">
          <a:extLst>
            <a:ext uri="{FF2B5EF4-FFF2-40B4-BE49-F238E27FC236}">
              <a16:creationId xmlns:a16="http://schemas.microsoft.com/office/drawing/2014/main" id="{00000000-0008-0000-0600-000024020000}"/>
            </a:ext>
          </a:extLst>
        </xdr:cNvPr>
        <xdr:cNvSpPr txBox="1"/>
      </xdr:nvSpPr>
      <xdr:spPr>
        <a:xfrm>
          <a:off x="13468428" y="6755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2570</xdr:rowOff>
    </xdr:from>
    <xdr:to>
      <xdr:col>67</xdr:col>
      <xdr:colOff>101600</xdr:colOff>
      <xdr:row>39</xdr:row>
      <xdr:rowOff>92720</xdr:rowOff>
    </xdr:to>
    <xdr:sp macro="" textlink="">
      <xdr:nvSpPr>
        <xdr:cNvPr id="549" name="楕円 548">
          <a:extLst>
            <a:ext uri="{FF2B5EF4-FFF2-40B4-BE49-F238E27FC236}">
              <a16:creationId xmlns:a16="http://schemas.microsoft.com/office/drawing/2014/main" id="{00000000-0008-0000-0600-000025020000}"/>
            </a:ext>
          </a:extLst>
        </xdr:cNvPr>
        <xdr:cNvSpPr/>
      </xdr:nvSpPr>
      <xdr:spPr>
        <a:xfrm>
          <a:off x="12763500" y="6677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83847</xdr:rowOff>
    </xdr:from>
    <xdr:ext cx="378565" cy="259045"/>
    <xdr:sp macro="" textlink="">
      <xdr:nvSpPr>
        <xdr:cNvPr id="550" name="テキスト ボックス 549">
          <a:extLst>
            <a:ext uri="{FF2B5EF4-FFF2-40B4-BE49-F238E27FC236}">
              <a16:creationId xmlns:a16="http://schemas.microsoft.com/office/drawing/2014/main" id="{00000000-0008-0000-0600-000026020000}"/>
            </a:ext>
          </a:extLst>
        </xdr:cNvPr>
        <xdr:cNvSpPr txBox="1"/>
      </xdr:nvSpPr>
      <xdr:spPr>
        <a:xfrm>
          <a:off x="12625017" y="67703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a:extLst>
            <a:ext uri="{FF2B5EF4-FFF2-40B4-BE49-F238E27FC236}">
              <a16:creationId xmlns:a16="http://schemas.microsoft.com/office/drawing/2014/main" id="{00000000-0008-0000-0600-00002E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a:extLst>
            <a:ext uri="{FF2B5EF4-FFF2-40B4-BE49-F238E27FC236}">
              <a16:creationId xmlns:a16="http://schemas.microsoft.com/office/drawing/2014/main" id="{00000000-0008-0000-0600-00002F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2" name="テキスト ボックス 561">
          <a:extLst>
            <a:ext uri="{FF2B5EF4-FFF2-40B4-BE49-F238E27FC236}">
              <a16:creationId xmlns:a16="http://schemas.microsoft.com/office/drawing/2014/main" id="{00000000-0008-0000-0600-000032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4" name="テキスト ボックス 563">
          <a:extLst>
            <a:ext uri="{FF2B5EF4-FFF2-40B4-BE49-F238E27FC236}">
              <a16:creationId xmlns:a16="http://schemas.microsoft.com/office/drawing/2014/main" id="{00000000-0008-0000-0600-000034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5" name="失業対策事業費グラフ枠">
          <a:extLst>
            <a:ext uri="{FF2B5EF4-FFF2-40B4-BE49-F238E27FC236}">
              <a16:creationId xmlns:a16="http://schemas.microsoft.com/office/drawing/2014/main" id="{00000000-0008-0000-0600-000035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7" name="失業対策事業費最小値テキスト">
          <a:extLst>
            <a:ext uri="{FF2B5EF4-FFF2-40B4-BE49-F238E27FC236}">
              <a16:creationId xmlns:a16="http://schemas.microsoft.com/office/drawing/2014/main" id="{00000000-0008-0000-0600-000037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9" name="失業対策事業費最大値テキスト">
          <a:extLst>
            <a:ext uri="{FF2B5EF4-FFF2-40B4-BE49-F238E27FC236}">
              <a16:creationId xmlns:a16="http://schemas.microsoft.com/office/drawing/2014/main" id="{00000000-0008-0000-0600-000039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2" name="失業対策事業費平均値テキスト">
          <a:extLst>
            <a:ext uri="{FF2B5EF4-FFF2-40B4-BE49-F238E27FC236}">
              <a16:creationId xmlns:a16="http://schemas.microsoft.com/office/drawing/2014/main" id="{00000000-0008-0000-0600-00003C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3" name="フローチャート: 判断 572">
          <a:extLst>
            <a:ext uri="{FF2B5EF4-FFF2-40B4-BE49-F238E27FC236}">
              <a16:creationId xmlns:a16="http://schemas.microsoft.com/office/drawing/2014/main" id="{00000000-0008-0000-0600-00003D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8" name="フローチャート: 判断 577">
          <a:extLst>
            <a:ext uri="{FF2B5EF4-FFF2-40B4-BE49-F238E27FC236}">
              <a16:creationId xmlns:a16="http://schemas.microsoft.com/office/drawing/2014/main" id="{00000000-0008-0000-0600-000042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0" name="直線コネクタ 579">
          <a:extLst>
            <a:ext uri="{FF2B5EF4-FFF2-40B4-BE49-F238E27FC236}">
              <a16:creationId xmlns:a16="http://schemas.microsoft.com/office/drawing/2014/main" id="{00000000-0008-0000-0600-000044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1" name="フローチャート: 判断 580">
          <a:extLst>
            <a:ext uri="{FF2B5EF4-FFF2-40B4-BE49-F238E27FC236}">
              <a16:creationId xmlns:a16="http://schemas.microsoft.com/office/drawing/2014/main" id="{00000000-0008-0000-0600-000045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3" name="フローチャート: 判断 582">
          <a:extLst>
            <a:ext uri="{FF2B5EF4-FFF2-40B4-BE49-F238E27FC236}">
              <a16:creationId xmlns:a16="http://schemas.microsoft.com/office/drawing/2014/main" id="{00000000-0008-0000-0600-000047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1" name="失業対策事業費該当値テキスト">
          <a:extLst>
            <a:ext uri="{FF2B5EF4-FFF2-40B4-BE49-F238E27FC236}">
              <a16:creationId xmlns:a16="http://schemas.microsoft.com/office/drawing/2014/main" id="{00000000-0008-0000-0600-00004F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2" name="楕円 591">
          <a:extLst>
            <a:ext uri="{FF2B5EF4-FFF2-40B4-BE49-F238E27FC236}">
              <a16:creationId xmlns:a16="http://schemas.microsoft.com/office/drawing/2014/main" id="{00000000-0008-0000-0600-000050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4" name="楕円 593">
          <a:extLst>
            <a:ext uri="{FF2B5EF4-FFF2-40B4-BE49-F238E27FC236}">
              <a16:creationId xmlns:a16="http://schemas.microsoft.com/office/drawing/2014/main" id="{00000000-0008-0000-0600-000052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6" name="楕円 595">
          <a:extLst>
            <a:ext uri="{FF2B5EF4-FFF2-40B4-BE49-F238E27FC236}">
              <a16:creationId xmlns:a16="http://schemas.microsoft.com/office/drawing/2014/main" id="{00000000-0008-0000-0600-000054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7" name="テキスト ボックス 596">
          <a:extLst>
            <a:ext uri="{FF2B5EF4-FFF2-40B4-BE49-F238E27FC236}">
              <a16:creationId xmlns:a16="http://schemas.microsoft.com/office/drawing/2014/main" id="{00000000-0008-0000-0600-000055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8" name="楕円 597">
          <a:extLst>
            <a:ext uri="{FF2B5EF4-FFF2-40B4-BE49-F238E27FC236}">
              <a16:creationId xmlns:a16="http://schemas.microsoft.com/office/drawing/2014/main" id="{00000000-0008-0000-0600-000056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9" name="テキスト ボックス 598">
          <a:extLst>
            <a:ext uri="{FF2B5EF4-FFF2-40B4-BE49-F238E27FC236}">
              <a16:creationId xmlns:a16="http://schemas.microsoft.com/office/drawing/2014/main" id="{00000000-0008-0000-0600-000057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7" name="正方形/長方形 606">
          <a:extLst>
            <a:ext uri="{FF2B5EF4-FFF2-40B4-BE49-F238E27FC236}">
              <a16:creationId xmlns:a16="http://schemas.microsoft.com/office/drawing/2014/main" id="{00000000-0008-0000-0600-00005F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17" name="テキスト ボックス 616">
          <a:extLst>
            <a:ext uri="{FF2B5EF4-FFF2-40B4-BE49-F238E27FC236}">
              <a16:creationId xmlns:a16="http://schemas.microsoft.com/office/drawing/2014/main" id="{00000000-0008-0000-0600-000069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9" name="テキスト ボックス 618">
          <a:extLst>
            <a:ext uri="{FF2B5EF4-FFF2-40B4-BE49-F238E27FC236}">
              <a16:creationId xmlns:a16="http://schemas.microsoft.com/office/drawing/2014/main" id="{00000000-0008-0000-0600-00006B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1" name="テキスト ボックス 620">
          <a:extLst>
            <a:ext uri="{FF2B5EF4-FFF2-40B4-BE49-F238E27FC236}">
              <a16:creationId xmlns:a16="http://schemas.microsoft.com/office/drawing/2014/main" id="{00000000-0008-0000-0600-00006D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2" name="公債費グラフ枠">
          <a:extLst>
            <a:ext uri="{FF2B5EF4-FFF2-40B4-BE49-F238E27FC236}">
              <a16:creationId xmlns:a16="http://schemas.microsoft.com/office/drawing/2014/main" id="{00000000-0008-0000-0600-00006E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64656</xdr:rowOff>
    </xdr:from>
    <xdr:to>
      <xdr:col>85</xdr:col>
      <xdr:colOff>126364</xdr:colOff>
      <xdr:row>79</xdr:row>
      <xdr:rowOff>18630</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flipV="1">
          <a:off x="16317595" y="12166156"/>
          <a:ext cx="1269" cy="13970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22457</xdr:rowOff>
    </xdr:from>
    <xdr:ext cx="469744" cy="259045"/>
    <xdr:sp macro="" textlink="">
      <xdr:nvSpPr>
        <xdr:cNvPr id="624" name="公債費最小値テキスト">
          <a:extLst>
            <a:ext uri="{FF2B5EF4-FFF2-40B4-BE49-F238E27FC236}">
              <a16:creationId xmlns:a16="http://schemas.microsoft.com/office/drawing/2014/main" id="{00000000-0008-0000-0600-000070020000}"/>
            </a:ext>
          </a:extLst>
        </xdr:cNvPr>
        <xdr:cNvSpPr txBox="1"/>
      </xdr:nvSpPr>
      <xdr:spPr>
        <a:xfrm>
          <a:off x="16370300" y="13567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8630</xdr:rowOff>
    </xdr:from>
    <xdr:to>
      <xdr:col>86</xdr:col>
      <xdr:colOff>25400</xdr:colOff>
      <xdr:row>79</xdr:row>
      <xdr:rowOff>18630</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6230600" y="13563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11333</xdr:rowOff>
    </xdr:from>
    <xdr:ext cx="599010" cy="259045"/>
    <xdr:sp macro="" textlink="">
      <xdr:nvSpPr>
        <xdr:cNvPr id="626" name="公債費最大値テキスト">
          <a:extLst>
            <a:ext uri="{FF2B5EF4-FFF2-40B4-BE49-F238E27FC236}">
              <a16:creationId xmlns:a16="http://schemas.microsoft.com/office/drawing/2014/main" id="{00000000-0008-0000-0600-000072020000}"/>
            </a:ext>
          </a:extLst>
        </xdr:cNvPr>
        <xdr:cNvSpPr txBox="1"/>
      </xdr:nvSpPr>
      <xdr:spPr>
        <a:xfrm>
          <a:off x="16370300" y="119413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3,4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64656</xdr:rowOff>
    </xdr:from>
    <xdr:to>
      <xdr:col>86</xdr:col>
      <xdr:colOff>25400</xdr:colOff>
      <xdr:row>70</xdr:row>
      <xdr:rowOff>164656</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6230600" y="121661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62731</xdr:rowOff>
    </xdr:from>
    <xdr:to>
      <xdr:col>85</xdr:col>
      <xdr:colOff>127000</xdr:colOff>
      <xdr:row>78</xdr:row>
      <xdr:rowOff>5631</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flipV="1">
          <a:off x="15481300" y="13364381"/>
          <a:ext cx="838200" cy="14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27309</xdr:rowOff>
    </xdr:from>
    <xdr:ext cx="534377" cy="259045"/>
    <xdr:sp macro="" textlink="">
      <xdr:nvSpPr>
        <xdr:cNvPr id="629" name="公債費平均値テキスト">
          <a:extLst>
            <a:ext uri="{FF2B5EF4-FFF2-40B4-BE49-F238E27FC236}">
              <a16:creationId xmlns:a16="http://schemas.microsoft.com/office/drawing/2014/main" id="{00000000-0008-0000-0600-000075020000}"/>
            </a:ext>
          </a:extLst>
        </xdr:cNvPr>
        <xdr:cNvSpPr txBox="1"/>
      </xdr:nvSpPr>
      <xdr:spPr>
        <a:xfrm>
          <a:off x="16370300" y="130575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4432</xdr:rowOff>
    </xdr:from>
    <xdr:to>
      <xdr:col>85</xdr:col>
      <xdr:colOff>177800</xdr:colOff>
      <xdr:row>77</xdr:row>
      <xdr:rowOff>106032</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6268700" y="13206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5631</xdr:rowOff>
    </xdr:from>
    <xdr:to>
      <xdr:col>81</xdr:col>
      <xdr:colOff>50800</xdr:colOff>
      <xdr:row>78</xdr:row>
      <xdr:rowOff>22668</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flipV="1">
          <a:off x="14592300" y="13378731"/>
          <a:ext cx="889000" cy="170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6777</xdr:rowOff>
    </xdr:from>
    <xdr:to>
      <xdr:col>81</xdr:col>
      <xdr:colOff>101600</xdr:colOff>
      <xdr:row>77</xdr:row>
      <xdr:rowOff>118377</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5430500" y="13218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134904</xdr:rowOff>
    </xdr:from>
    <xdr:ext cx="534377"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5214111" y="12993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22668</xdr:rowOff>
    </xdr:from>
    <xdr:to>
      <xdr:col>76</xdr:col>
      <xdr:colOff>114300</xdr:colOff>
      <xdr:row>78</xdr:row>
      <xdr:rowOff>43509</xdr:rowOff>
    </xdr:to>
    <xdr:cxnSp macro="">
      <xdr:nvCxnSpPr>
        <xdr:cNvPr id="634" name="直線コネクタ 633">
          <a:extLst>
            <a:ext uri="{FF2B5EF4-FFF2-40B4-BE49-F238E27FC236}">
              <a16:creationId xmlns:a16="http://schemas.microsoft.com/office/drawing/2014/main" id="{00000000-0008-0000-0600-00007A020000}"/>
            </a:ext>
          </a:extLst>
        </xdr:cNvPr>
        <xdr:cNvCxnSpPr/>
      </xdr:nvCxnSpPr>
      <xdr:spPr>
        <a:xfrm flipV="1">
          <a:off x="13703300" y="13395768"/>
          <a:ext cx="889000" cy="20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59985</xdr:rowOff>
    </xdr:from>
    <xdr:to>
      <xdr:col>76</xdr:col>
      <xdr:colOff>165100</xdr:colOff>
      <xdr:row>77</xdr:row>
      <xdr:rowOff>161585</xdr:rowOff>
    </xdr:to>
    <xdr:sp macro="" textlink="">
      <xdr:nvSpPr>
        <xdr:cNvPr id="635" name="フローチャート: 判断 634">
          <a:extLst>
            <a:ext uri="{FF2B5EF4-FFF2-40B4-BE49-F238E27FC236}">
              <a16:creationId xmlns:a16="http://schemas.microsoft.com/office/drawing/2014/main" id="{00000000-0008-0000-0600-00007B020000}"/>
            </a:ext>
          </a:extLst>
        </xdr:cNvPr>
        <xdr:cNvSpPr/>
      </xdr:nvSpPr>
      <xdr:spPr>
        <a:xfrm>
          <a:off x="14541500" y="13261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6662</xdr:rowOff>
    </xdr:from>
    <xdr:ext cx="534377"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4325111" y="130368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43509</xdr:rowOff>
    </xdr:from>
    <xdr:to>
      <xdr:col>71</xdr:col>
      <xdr:colOff>177800</xdr:colOff>
      <xdr:row>78</xdr:row>
      <xdr:rowOff>61519</xdr:rowOff>
    </xdr:to>
    <xdr:cxnSp macro="">
      <xdr:nvCxnSpPr>
        <xdr:cNvPr id="637" name="直線コネクタ 636">
          <a:extLst>
            <a:ext uri="{FF2B5EF4-FFF2-40B4-BE49-F238E27FC236}">
              <a16:creationId xmlns:a16="http://schemas.microsoft.com/office/drawing/2014/main" id="{00000000-0008-0000-0600-00007D020000}"/>
            </a:ext>
          </a:extLst>
        </xdr:cNvPr>
        <xdr:cNvCxnSpPr/>
      </xdr:nvCxnSpPr>
      <xdr:spPr>
        <a:xfrm flipV="1">
          <a:off x="12814300" y="13416609"/>
          <a:ext cx="889000" cy="18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63697</xdr:rowOff>
    </xdr:from>
    <xdr:to>
      <xdr:col>72</xdr:col>
      <xdr:colOff>38100</xdr:colOff>
      <xdr:row>77</xdr:row>
      <xdr:rowOff>165297</xdr:rowOff>
    </xdr:to>
    <xdr:sp macro="" textlink="">
      <xdr:nvSpPr>
        <xdr:cNvPr id="638" name="フローチャート: 判断 637">
          <a:extLst>
            <a:ext uri="{FF2B5EF4-FFF2-40B4-BE49-F238E27FC236}">
              <a16:creationId xmlns:a16="http://schemas.microsoft.com/office/drawing/2014/main" id="{00000000-0008-0000-0600-00007E020000}"/>
            </a:ext>
          </a:extLst>
        </xdr:cNvPr>
        <xdr:cNvSpPr/>
      </xdr:nvSpPr>
      <xdr:spPr>
        <a:xfrm>
          <a:off x="13652500" y="13265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0374</xdr:rowOff>
    </xdr:from>
    <xdr:ext cx="534377"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3436111" y="13040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50777</xdr:rowOff>
    </xdr:from>
    <xdr:to>
      <xdr:col>67</xdr:col>
      <xdr:colOff>101600</xdr:colOff>
      <xdr:row>77</xdr:row>
      <xdr:rowOff>152377</xdr:rowOff>
    </xdr:to>
    <xdr:sp macro="" textlink="">
      <xdr:nvSpPr>
        <xdr:cNvPr id="640" name="フローチャート: 判断 639">
          <a:extLst>
            <a:ext uri="{FF2B5EF4-FFF2-40B4-BE49-F238E27FC236}">
              <a16:creationId xmlns:a16="http://schemas.microsoft.com/office/drawing/2014/main" id="{00000000-0008-0000-0600-000080020000}"/>
            </a:ext>
          </a:extLst>
        </xdr:cNvPr>
        <xdr:cNvSpPr/>
      </xdr:nvSpPr>
      <xdr:spPr>
        <a:xfrm>
          <a:off x="12763500" y="13252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68904</xdr:rowOff>
    </xdr:from>
    <xdr:ext cx="534377"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2547111" y="13027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11931</xdr:rowOff>
    </xdr:from>
    <xdr:to>
      <xdr:col>85</xdr:col>
      <xdr:colOff>177800</xdr:colOff>
      <xdr:row>78</xdr:row>
      <xdr:rowOff>42081</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6268700" y="13313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90358</xdr:rowOff>
    </xdr:from>
    <xdr:ext cx="534377" cy="259045"/>
    <xdr:sp macro="" textlink="">
      <xdr:nvSpPr>
        <xdr:cNvPr id="648" name="公債費該当値テキスト">
          <a:extLst>
            <a:ext uri="{FF2B5EF4-FFF2-40B4-BE49-F238E27FC236}">
              <a16:creationId xmlns:a16="http://schemas.microsoft.com/office/drawing/2014/main" id="{00000000-0008-0000-0600-000088020000}"/>
            </a:ext>
          </a:extLst>
        </xdr:cNvPr>
        <xdr:cNvSpPr txBox="1"/>
      </xdr:nvSpPr>
      <xdr:spPr>
        <a:xfrm>
          <a:off x="16370300" y="13292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26281</xdr:rowOff>
    </xdr:from>
    <xdr:to>
      <xdr:col>81</xdr:col>
      <xdr:colOff>101600</xdr:colOff>
      <xdr:row>78</xdr:row>
      <xdr:rowOff>56431</xdr:rowOff>
    </xdr:to>
    <xdr:sp macro="" textlink="">
      <xdr:nvSpPr>
        <xdr:cNvPr id="649" name="楕円 648">
          <a:extLst>
            <a:ext uri="{FF2B5EF4-FFF2-40B4-BE49-F238E27FC236}">
              <a16:creationId xmlns:a16="http://schemas.microsoft.com/office/drawing/2014/main" id="{00000000-0008-0000-0600-000089020000}"/>
            </a:ext>
          </a:extLst>
        </xdr:cNvPr>
        <xdr:cNvSpPr/>
      </xdr:nvSpPr>
      <xdr:spPr>
        <a:xfrm>
          <a:off x="15430500" y="13327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47558</xdr:rowOff>
    </xdr:from>
    <xdr:ext cx="534377"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5214111" y="13420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3318</xdr:rowOff>
    </xdr:from>
    <xdr:to>
      <xdr:col>76</xdr:col>
      <xdr:colOff>165100</xdr:colOff>
      <xdr:row>78</xdr:row>
      <xdr:rowOff>73468</xdr:rowOff>
    </xdr:to>
    <xdr:sp macro="" textlink="">
      <xdr:nvSpPr>
        <xdr:cNvPr id="651" name="楕円 650">
          <a:extLst>
            <a:ext uri="{FF2B5EF4-FFF2-40B4-BE49-F238E27FC236}">
              <a16:creationId xmlns:a16="http://schemas.microsoft.com/office/drawing/2014/main" id="{00000000-0008-0000-0600-00008B020000}"/>
            </a:ext>
          </a:extLst>
        </xdr:cNvPr>
        <xdr:cNvSpPr/>
      </xdr:nvSpPr>
      <xdr:spPr>
        <a:xfrm>
          <a:off x="14541500" y="13344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64595</xdr:rowOff>
    </xdr:from>
    <xdr:ext cx="534377" cy="259045"/>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4325111" y="134376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64159</xdr:rowOff>
    </xdr:from>
    <xdr:to>
      <xdr:col>72</xdr:col>
      <xdr:colOff>38100</xdr:colOff>
      <xdr:row>78</xdr:row>
      <xdr:rowOff>94309</xdr:rowOff>
    </xdr:to>
    <xdr:sp macro="" textlink="">
      <xdr:nvSpPr>
        <xdr:cNvPr id="653" name="楕円 652">
          <a:extLst>
            <a:ext uri="{FF2B5EF4-FFF2-40B4-BE49-F238E27FC236}">
              <a16:creationId xmlns:a16="http://schemas.microsoft.com/office/drawing/2014/main" id="{00000000-0008-0000-0600-00008D020000}"/>
            </a:ext>
          </a:extLst>
        </xdr:cNvPr>
        <xdr:cNvSpPr/>
      </xdr:nvSpPr>
      <xdr:spPr>
        <a:xfrm>
          <a:off x="13652500" y="13365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85436</xdr:rowOff>
    </xdr:from>
    <xdr:ext cx="534377" cy="259045"/>
    <xdr:sp macro="" textlink="">
      <xdr:nvSpPr>
        <xdr:cNvPr id="654" name="テキスト ボックス 653">
          <a:extLst>
            <a:ext uri="{FF2B5EF4-FFF2-40B4-BE49-F238E27FC236}">
              <a16:creationId xmlns:a16="http://schemas.microsoft.com/office/drawing/2014/main" id="{00000000-0008-0000-0600-00008E020000}"/>
            </a:ext>
          </a:extLst>
        </xdr:cNvPr>
        <xdr:cNvSpPr txBox="1"/>
      </xdr:nvSpPr>
      <xdr:spPr>
        <a:xfrm>
          <a:off x="13436111" y="13458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0719</xdr:rowOff>
    </xdr:from>
    <xdr:to>
      <xdr:col>67</xdr:col>
      <xdr:colOff>101600</xdr:colOff>
      <xdr:row>78</xdr:row>
      <xdr:rowOff>112319</xdr:rowOff>
    </xdr:to>
    <xdr:sp macro="" textlink="">
      <xdr:nvSpPr>
        <xdr:cNvPr id="655" name="楕円 654">
          <a:extLst>
            <a:ext uri="{FF2B5EF4-FFF2-40B4-BE49-F238E27FC236}">
              <a16:creationId xmlns:a16="http://schemas.microsoft.com/office/drawing/2014/main" id="{00000000-0008-0000-0600-00008F020000}"/>
            </a:ext>
          </a:extLst>
        </xdr:cNvPr>
        <xdr:cNvSpPr/>
      </xdr:nvSpPr>
      <xdr:spPr>
        <a:xfrm>
          <a:off x="12763500" y="13383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103446</xdr:rowOff>
    </xdr:from>
    <xdr:ext cx="534377" cy="259045"/>
    <xdr:sp macro="" textlink="">
      <xdr:nvSpPr>
        <xdr:cNvPr id="656" name="テキスト ボックス 655">
          <a:extLst>
            <a:ext uri="{FF2B5EF4-FFF2-40B4-BE49-F238E27FC236}">
              <a16:creationId xmlns:a16="http://schemas.microsoft.com/office/drawing/2014/main" id="{00000000-0008-0000-0600-000090020000}"/>
            </a:ext>
          </a:extLst>
        </xdr:cNvPr>
        <xdr:cNvSpPr txBox="1"/>
      </xdr:nvSpPr>
      <xdr:spPr>
        <a:xfrm>
          <a:off x="12547111" y="13476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5" name="テキスト ボックス 664">
          <a:extLst>
            <a:ext uri="{FF2B5EF4-FFF2-40B4-BE49-F238E27FC236}">
              <a16:creationId xmlns:a16="http://schemas.microsoft.com/office/drawing/2014/main" id="{00000000-0008-0000-0600-000099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0" name="テキスト ボックス 669">
          <a:extLst>
            <a:ext uri="{FF2B5EF4-FFF2-40B4-BE49-F238E27FC236}">
              <a16:creationId xmlns:a16="http://schemas.microsoft.com/office/drawing/2014/main" id="{00000000-0008-0000-0600-00009E020000}"/>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2" name="テキスト ボックス 671">
          <a:extLst>
            <a:ext uri="{FF2B5EF4-FFF2-40B4-BE49-F238E27FC236}">
              <a16:creationId xmlns:a16="http://schemas.microsoft.com/office/drawing/2014/main" id="{00000000-0008-0000-0600-0000A0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4" name="テキスト ボックス 673">
          <a:extLst>
            <a:ext uri="{FF2B5EF4-FFF2-40B4-BE49-F238E27FC236}">
              <a16:creationId xmlns:a16="http://schemas.microsoft.com/office/drawing/2014/main" id="{00000000-0008-0000-0600-0000A2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6" name="テキスト ボックス 675">
          <a:extLst>
            <a:ext uri="{FF2B5EF4-FFF2-40B4-BE49-F238E27FC236}">
              <a16:creationId xmlns:a16="http://schemas.microsoft.com/office/drawing/2014/main" id="{00000000-0008-0000-0600-0000A4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78" name="テキスト ボックス 677">
          <a:extLst>
            <a:ext uri="{FF2B5EF4-FFF2-40B4-BE49-F238E27FC236}">
              <a16:creationId xmlns:a16="http://schemas.microsoft.com/office/drawing/2014/main" id="{00000000-0008-0000-0600-0000A6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9" name="積立金グラフ枠">
          <a:extLst>
            <a:ext uri="{FF2B5EF4-FFF2-40B4-BE49-F238E27FC236}">
              <a16:creationId xmlns:a16="http://schemas.microsoft.com/office/drawing/2014/main" id="{00000000-0008-0000-0600-0000A7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54352</xdr:rowOff>
    </xdr:from>
    <xdr:to>
      <xdr:col>85</xdr:col>
      <xdr:colOff>126364</xdr:colOff>
      <xdr:row>99</xdr:row>
      <xdr:rowOff>37133</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flipV="1">
          <a:off x="16317595" y="15756302"/>
          <a:ext cx="1269" cy="12543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0960</xdr:rowOff>
    </xdr:from>
    <xdr:ext cx="469744" cy="259045"/>
    <xdr:sp macro="" textlink="">
      <xdr:nvSpPr>
        <xdr:cNvPr id="681" name="積立金最小値テキスト">
          <a:extLst>
            <a:ext uri="{FF2B5EF4-FFF2-40B4-BE49-F238E27FC236}">
              <a16:creationId xmlns:a16="http://schemas.microsoft.com/office/drawing/2014/main" id="{00000000-0008-0000-0600-0000A9020000}"/>
            </a:ext>
          </a:extLst>
        </xdr:cNvPr>
        <xdr:cNvSpPr txBox="1"/>
      </xdr:nvSpPr>
      <xdr:spPr>
        <a:xfrm>
          <a:off x="16370300" y="170145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7133</xdr:rowOff>
    </xdr:from>
    <xdr:to>
      <xdr:col>86</xdr:col>
      <xdr:colOff>25400</xdr:colOff>
      <xdr:row>99</xdr:row>
      <xdr:rowOff>37133</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a:off x="16230600" y="17010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01029</xdr:rowOff>
    </xdr:from>
    <xdr:ext cx="599010" cy="259045"/>
    <xdr:sp macro="" textlink="">
      <xdr:nvSpPr>
        <xdr:cNvPr id="683" name="積立金最大値テキスト">
          <a:extLst>
            <a:ext uri="{FF2B5EF4-FFF2-40B4-BE49-F238E27FC236}">
              <a16:creationId xmlns:a16="http://schemas.microsoft.com/office/drawing/2014/main" id="{00000000-0008-0000-0600-0000AB020000}"/>
            </a:ext>
          </a:extLst>
        </xdr:cNvPr>
        <xdr:cNvSpPr txBox="1"/>
      </xdr:nvSpPr>
      <xdr:spPr>
        <a:xfrm>
          <a:off x="16370300" y="155315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2,3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54352</xdr:rowOff>
    </xdr:from>
    <xdr:to>
      <xdr:col>86</xdr:col>
      <xdr:colOff>25400</xdr:colOff>
      <xdr:row>91</xdr:row>
      <xdr:rowOff>154352</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6230600" y="15756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19428</xdr:rowOff>
    </xdr:from>
    <xdr:to>
      <xdr:col>85</xdr:col>
      <xdr:colOff>127000</xdr:colOff>
      <xdr:row>98</xdr:row>
      <xdr:rowOff>124141</xdr:rowOff>
    </xdr:to>
    <xdr:cxnSp macro="">
      <xdr:nvCxnSpPr>
        <xdr:cNvPr id="685" name="直線コネクタ 684">
          <a:extLst>
            <a:ext uri="{FF2B5EF4-FFF2-40B4-BE49-F238E27FC236}">
              <a16:creationId xmlns:a16="http://schemas.microsoft.com/office/drawing/2014/main" id="{00000000-0008-0000-0600-0000AD020000}"/>
            </a:ext>
          </a:extLst>
        </xdr:cNvPr>
        <xdr:cNvCxnSpPr/>
      </xdr:nvCxnSpPr>
      <xdr:spPr>
        <a:xfrm>
          <a:off x="15481300" y="16921528"/>
          <a:ext cx="838200" cy="47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46550</xdr:rowOff>
    </xdr:from>
    <xdr:ext cx="534377" cy="259045"/>
    <xdr:sp macro="" textlink="">
      <xdr:nvSpPr>
        <xdr:cNvPr id="686" name="積立金平均値テキスト">
          <a:extLst>
            <a:ext uri="{FF2B5EF4-FFF2-40B4-BE49-F238E27FC236}">
              <a16:creationId xmlns:a16="http://schemas.microsoft.com/office/drawing/2014/main" id="{00000000-0008-0000-0600-0000AE020000}"/>
            </a:ext>
          </a:extLst>
        </xdr:cNvPr>
        <xdr:cNvSpPr txBox="1"/>
      </xdr:nvSpPr>
      <xdr:spPr>
        <a:xfrm>
          <a:off x="16370300" y="166772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23673</xdr:rowOff>
    </xdr:from>
    <xdr:to>
      <xdr:col>85</xdr:col>
      <xdr:colOff>177800</xdr:colOff>
      <xdr:row>98</xdr:row>
      <xdr:rowOff>125273</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6268700" y="168257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19428</xdr:rowOff>
    </xdr:from>
    <xdr:to>
      <xdr:col>81</xdr:col>
      <xdr:colOff>50800</xdr:colOff>
      <xdr:row>99</xdr:row>
      <xdr:rowOff>2679</xdr:rowOff>
    </xdr:to>
    <xdr:cxnSp macro="">
      <xdr:nvCxnSpPr>
        <xdr:cNvPr id="688" name="直線コネクタ 687">
          <a:extLst>
            <a:ext uri="{FF2B5EF4-FFF2-40B4-BE49-F238E27FC236}">
              <a16:creationId xmlns:a16="http://schemas.microsoft.com/office/drawing/2014/main" id="{00000000-0008-0000-0600-0000B0020000}"/>
            </a:ext>
          </a:extLst>
        </xdr:cNvPr>
        <xdr:cNvCxnSpPr/>
      </xdr:nvCxnSpPr>
      <xdr:spPr>
        <a:xfrm flipV="1">
          <a:off x="14592300" y="16921528"/>
          <a:ext cx="889000" cy="547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12847</xdr:rowOff>
    </xdr:from>
    <xdr:to>
      <xdr:col>81</xdr:col>
      <xdr:colOff>101600</xdr:colOff>
      <xdr:row>98</xdr:row>
      <xdr:rowOff>114447</xdr:rowOff>
    </xdr:to>
    <xdr:sp macro="" textlink="">
      <xdr:nvSpPr>
        <xdr:cNvPr id="689" name="フローチャート: 判断 688">
          <a:extLst>
            <a:ext uri="{FF2B5EF4-FFF2-40B4-BE49-F238E27FC236}">
              <a16:creationId xmlns:a16="http://schemas.microsoft.com/office/drawing/2014/main" id="{00000000-0008-0000-0600-0000B1020000}"/>
            </a:ext>
          </a:extLst>
        </xdr:cNvPr>
        <xdr:cNvSpPr/>
      </xdr:nvSpPr>
      <xdr:spPr>
        <a:xfrm>
          <a:off x="15430500" y="16814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30974</xdr:rowOff>
    </xdr:from>
    <xdr:ext cx="534377"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5214111" y="16590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2679</xdr:rowOff>
    </xdr:from>
    <xdr:to>
      <xdr:col>76</xdr:col>
      <xdr:colOff>114300</xdr:colOff>
      <xdr:row>99</xdr:row>
      <xdr:rowOff>41013</xdr:rowOff>
    </xdr:to>
    <xdr:cxnSp macro="">
      <xdr:nvCxnSpPr>
        <xdr:cNvPr id="691" name="直線コネクタ 690">
          <a:extLst>
            <a:ext uri="{FF2B5EF4-FFF2-40B4-BE49-F238E27FC236}">
              <a16:creationId xmlns:a16="http://schemas.microsoft.com/office/drawing/2014/main" id="{00000000-0008-0000-0600-0000B3020000}"/>
            </a:ext>
          </a:extLst>
        </xdr:cNvPr>
        <xdr:cNvCxnSpPr/>
      </xdr:nvCxnSpPr>
      <xdr:spPr>
        <a:xfrm flipV="1">
          <a:off x="13703300" y="16976229"/>
          <a:ext cx="889000" cy="38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66704</xdr:rowOff>
    </xdr:from>
    <xdr:to>
      <xdr:col>76</xdr:col>
      <xdr:colOff>165100</xdr:colOff>
      <xdr:row>98</xdr:row>
      <xdr:rowOff>168304</xdr:rowOff>
    </xdr:to>
    <xdr:sp macro="" textlink="">
      <xdr:nvSpPr>
        <xdr:cNvPr id="692" name="フローチャート: 判断 691">
          <a:extLst>
            <a:ext uri="{FF2B5EF4-FFF2-40B4-BE49-F238E27FC236}">
              <a16:creationId xmlns:a16="http://schemas.microsoft.com/office/drawing/2014/main" id="{00000000-0008-0000-0600-0000B4020000}"/>
            </a:ext>
          </a:extLst>
        </xdr:cNvPr>
        <xdr:cNvSpPr/>
      </xdr:nvSpPr>
      <xdr:spPr>
        <a:xfrm>
          <a:off x="14541500" y="16868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3381</xdr:rowOff>
    </xdr:from>
    <xdr:ext cx="534377"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4325111" y="166440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25234</xdr:rowOff>
    </xdr:from>
    <xdr:to>
      <xdr:col>71</xdr:col>
      <xdr:colOff>177800</xdr:colOff>
      <xdr:row>99</xdr:row>
      <xdr:rowOff>41013</xdr:rowOff>
    </xdr:to>
    <xdr:cxnSp macro="">
      <xdr:nvCxnSpPr>
        <xdr:cNvPr id="694" name="直線コネクタ 693">
          <a:extLst>
            <a:ext uri="{FF2B5EF4-FFF2-40B4-BE49-F238E27FC236}">
              <a16:creationId xmlns:a16="http://schemas.microsoft.com/office/drawing/2014/main" id="{00000000-0008-0000-0600-0000B6020000}"/>
            </a:ext>
          </a:extLst>
        </xdr:cNvPr>
        <xdr:cNvCxnSpPr/>
      </xdr:nvCxnSpPr>
      <xdr:spPr>
        <a:xfrm>
          <a:off x="12814300" y="16998784"/>
          <a:ext cx="889000" cy="15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71472</xdr:rowOff>
    </xdr:from>
    <xdr:to>
      <xdr:col>72</xdr:col>
      <xdr:colOff>38100</xdr:colOff>
      <xdr:row>99</xdr:row>
      <xdr:rowOff>1622</xdr:rowOff>
    </xdr:to>
    <xdr:sp macro="" textlink="">
      <xdr:nvSpPr>
        <xdr:cNvPr id="695" name="フローチャート: 判断 694">
          <a:extLst>
            <a:ext uri="{FF2B5EF4-FFF2-40B4-BE49-F238E27FC236}">
              <a16:creationId xmlns:a16="http://schemas.microsoft.com/office/drawing/2014/main" id="{00000000-0008-0000-0600-0000B7020000}"/>
            </a:ext>
          </a:extLst>
        </xdr:cNvPr>
        <xdr:cNvSpPr/>
      </xdr:nvSpPr>
      <xdr:spPr>
        <a:xfrm>
          <a:off x="13652500" y="16873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8149</xdr:rowOff>
    </xdr:from>
    <xdr:ext cx="534377"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3436111" y="16648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71841</xdr:rowOff>
    </xdr:from>
    <xdr:to>
      <xdr:col>67</xdr:col>
      <xdr:colOff>101600</xdr:colOff>
      <xdr:row>99</xdr:row>
      <xdr:rowOff>1991</xdr:rowOff>
    </xdr:to>
    <xdr:sp macro="" textlink="">
      <xdr:nvSpPr>
        <xdr:cNvPr id="697" name="フローチャート: 判断 696">
          <a:extLst>
            <a:ext uri="{FF2B5EF4-FFF2-40B4-BE49-F238E27FC236}">
              <a16:creationId xmlns:a16="http://schemas.microsoft.com/office/drawing/2014/main" id="{00000000-0008-0000-0600-0000B9020000}"/>
            </a:ext>
          </a:extLst>
        </xdr:cNvPr>
        <xdr:cNvSpPr/>
      </xdr:nvSpPr>
      <xdr:spPr>
        <a:xfrm>
          <a:off x="12763500" y="16873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8518</xdr:rowOff>
    </xdr:from>
    <xdr:ext cx="534377"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2547111" y="16649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73341</xdr:rowOff>
    </xdr:from>
    <xdr:to>
      <xdr:col>85</xdr:col>
      <xdr:colOff>177800</xdr:colOff>
      <xdr:row>99</xdr:row>
      <xdr:rowOff>3491</xdr:rowOff>
    </xdr:to>
    <xdr:sp macro="" textlink="">
      <xdr:nvSpPr>
        <xdr:cNvPr id="704" name="楕円 703">
          <a:extLst>
            <a:ext uri="{FF2B5EF4-FFF2-40B4-BE49-F238E27FC236}">
              <a16:creationId xmlns:a16="http://schemas.microsoft.com/office/drawing/2014/main" id="{00000000-0008-0000-0600-0000C0020000}"/>
            </a:ext>
          </a:extLst>
        </xdr:cNvPr>
        <xdr:cNvSpPr/>
      </xdr:nvSpPr>
      <xdr:spPr>
        <a:xfrm>
          <a:off x="16268700" y="168754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2099</xdr:rowOff>
    </xdr:from>
    <xdr:ext cx="534377" cy="259045"/>
    <xdr:sp macro="" textlink="">
      <xdr:nvSpPr>
        <xdr:cNvPr id="705" name="積立金該当値テキスト">
          <a:extLst>
            <a:ext uri="{FF2B5EF4-FFF2-40B4-BE49-F238E27FC236}">
              <a16:creationId xmlns:a16="http://schemas.microsoft.com/office/drawing/2014/main" id="{00000000-0008-0000-0600-0000C1020000}"/>
            </a:ext>
          </a:extLst>
        </xdr:cNvPr>
        <xdr:cNvSpPr txBox="1"/>
      </xdr:nvSpPr>
      <xdr:spPr>
        <a:xfrm>
          <a:off x="16370300" y="16804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68628</xdr:rowOff>
    </xdr:from>
    <xdr:to>
      <xdr:col>81</xdr:col>
      <xdr:colOff>101600</xdr:colOff>
      <xdr:row>98</xdr:row>
      <xdr:rowOff>170228</xdr:rowOff>
    </xdr:to>
    <xdr:sp macro="" textlink="">
      <xdr:nvSpPr>
        <xdr:cNvPr id="706" name="楕円 705">
          <a:extLst>
            <a:ext uri="{FF2B5EF4-FFF2-40B4-BE49-F238E27FC236}">
              <a16:creationId xmlns:a16="http://schemas.microsoft.com/office/drawing/2014/main" id="{00000000-0008-0000-0600-0000C2020000}"/>
            </a:ext>
          </a:extLst>
        </xdr:cNvPr>
        <xdr:cNvSpPr/>
      </xdr:nvSpPr>
      <xdr:spPr>
        <a:xfrm>
          <a:off x="15430500" y="16870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61355</xdr:rowOff>
    </xdr:from>
    <xdr:ext cx="534377" cy="259045"/>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5214111" y="16963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23329</xdr:rowOff>
    </xdr:from>
    <xdr:to>
      <xdr:col>76</xdr:col>
      <xdr:colOff>165100</xdr:colOff>
      <xdr:row>99</xdr:row>
      <xdr:rowOff>53479</xdr:rowOff>
    </xdr:to>
    <xdr:sp macro="" textlink="">
      <xdr:nvSpPr>
        <xdr:cNvPr id="708" name="楕円 707">
          <a:extLst>
            <a:ext uri="{FF2B5EF4-FFF2-40B4-BE49-F238E27FC236}">
              <a16:creationId xmlns:a16="http://schemas.microsoft.com/office/drawing/2014/main" id="{00000000-0008-0000-0600-0000C4020000}"/>
            </a:ext>
          </a:extLst>
        </xdr:cNvPr>
        <xdr:cNvSpPr/>
      </xdr:nvSpPr>
      <xdr:spPr>
        <a:xfrm>
          <a:off x="14541500" y="16925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44606</xdr:rowOff>
    </xdr:from>
    <xdr:ext cx="534377"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4325111" y="17018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61663</xdr:rowOff>
    </xdr:from>
    <xdr:to>
      <xdr:col>72</xdr:col>
      <xdr:colOff>38100</xdr:colOff>
      <xdr:row>99</xdr:row>
      <xdr:rowOff>91813</xdr:rowOff>
    </xdr:to>
    <xdr:sp macro="" textlink="">
      <xdr:nvSpPr>
        <xdr:cNvPr id="710" name="楕円 709">
          <a:extLst>
            <a:ext uri="{FF2B5EF4-FFF2-40B4-BE49-F238E27FC236}">
              <a16:creationId xmlns:a16="http://schemas.microsoft.com/office/drawing/2014/main" id="{00000000-0008-0000-0600-0000C6020000}"/>
            </a:ext>
          </a:extLst>
        </xdr:cNvPr>
        <xdr:cNvSpPr/>
      </xdr:nvSpPr>
      <xdr:spPr>
        <a:xfrm>
          <a:off x="13652500" y="16963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82940</xdr:rowOff>
    </xdr:from>
    <xdr:ext cx="469744" cy="259045"/>
    <xdr:sp macro="" textlink="">
      <xdr:nvSpPr>
        <xdr:cNvPr id="711" name="テキスト ボックス 710">
          <a:extLst>
            <a:ext uri="{FF2B5EF4-FFF2-40B4-BE49-F238E27FC236}">
              <a16:creationId xmlns:a16="http://schemas.microsoft.com/office/drawing/2014/main" id="{00000000-0008-0000-0600-0000C7020000}"/>
            </a:ext>
          </a:extLst>
        </xdr:cNvPr>
        <xdr:cNvSpPr txBox="1"/>
      </xdr:nvSpPr>
      <xdr:spPr>
        <a:xfrm>
          <a:off x="13468428" y="17056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5884</xdr:rowOff>
    </xdr:from>
    <xdr:to>
      <xdr:col>67</xdr:col>
      <xdr:colOff>101600</xdr:colOff>
      <xdr:row>99</xdr:row>
      <xdr:rowOff>76034</xdr:rowOff>
    </xdr:to>
    <xdr:sp macro="" textlink="">
      <xdr:nvSpPr>
        <xdr:cNvPr id="712" name="楕円 711">
          <a:extLst>
            <a:ext uri="{FF2B5EF4-FFF2-40B4-BE49-F238E27FC236}">
              <a16:creationId xmlns:a16="http://schemas.microsoft.com/office/drawing/2014/main" id="{00000000-0008-0000-0600-0000C8020000}"/>
            </a:ext>
          </a:extLst>
        </xdr:cNvPr>
        <xdr:cNvSpPr/>
      </xdr:nvSpPr>
      <xdr:spPr>
        <a:xfrm>
          <a:off x="12763500" y="16947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9</xdr:row>
      <xdr:rowOff>67161</xdr:rowOff>
    </xdr:from>
    <xdr:ext cx="534377" cy="259045"/>
    <xdr:sp macro="" textlink="">
      <xdr:nvSpPr>
        <xdr:cNvPr id="713" name="テキスト ボックス 712">
          <a:extLst>
            <a:ext uri="{FF2B5EF4-FFF2-40B4-BE49-F238E27FC236}">
              <a16:creationId xmlns:a16="http://schemas.microsoft.com/office/drawing/2014/main" id="{00000000-0008-0000-0600-0000C9020000}"/>
            </a:ext>
          </a:extLst>
        </xdr:cNvPr>
        <xdr:cNvSpPr txBox="1"/>
      </xdr:nvSpPr>
      <xdr:spPr>
        <a:xfrm>
          <a:off x="12547111" y="17040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1" name="正方形/長方形 720">
          <a:extLst>
            <a:ext uri="{FF2B5EF4-FFF2-40B4-BE49-F238E27FC236}">
              <a16:creationId xmlns:a16="http://schemas.microsoft.com/office/drawing/2014/main" id="{00000000-0008-0000-0600-0000D1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2" name="テキスト ボックス 721">
          <a:extLst>
            <a:ext uri="{FF2B5EF4-FFF2-40B4-BE49-F238E27FC236}">
              <a16:creationId xmlns:a16="http://schemas.microsoft.com/office/drawing/2014/main" id="{00000000-0008-0000-0600-0000D2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5" name="テキスト ボックス 724">
          <a:extLst>
            <a:ext uri="{FF2B5EF4-FFF2-40B4-BE49-F238E27FC236}">
              <a16:creationId xmlns:a16="http://schemas.microsoft.com/office/drawing/2014/main" id="{00000000-0008-0000-0600-0000D5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54627</xdr:rowOff>
    </xdr:from>
    <xdr:ext cx="531299" cy="259045"/>
    <xdr:sp macro="" textlink="">
      <xdr:nvSpPr>
        <xdr:cNvPr id="727" name="テキスト ボックス 726">
          <a:extLst>
            <a:ext uri="{FF2B5EF4-FFF2-40B4-BE49-F238E27FC236}">
              <a16:creationId xmlns:a16="http://schemas.microsoft.com/office/drawing/2014/main" id="{00000000-0008-0000-0600-0000D7020000}"/>
            </a:ext>
          </a:extLst>
        </xdr:cNvPr>
        <xdr:cNvSpPr txBox="1"/>
      </xdr:nvSpPr>
      <xdr:spPr>
        <a:xfrm>
          <a:off x="17756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29" name="テキスト ボックス 728">
          <a:extLst>
            <a:ext uri="{FF2B5EF4-FFF2-40B4-BE49-F238E27FC236}">
              <a16:creationId xmlns:a16="http://schemas.microsoft.com/office/drawing/2014/main" id="{00000000-0008-0000-0600-0000D9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31" name="テキスト ボックス 730">
          <a:extLst>
            <a:ext uri="{FF2B5EF4-FFF2-40B4-BE49-F238E27FC236}">
              <a16:creationId xmlns:a16="http://schemas.microsoft.com/office/drawing/2014/main" id="{00000000-0008-0000-0600-0000DB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3" name="テキスト ボックス 732">
          <a:extLst>
            <a:ext uri="{FF2B5EF4-FFF2-40B4-BE49-F238E27FC236}">
              <a16:creationId xmlns:a16="http://schemas.microsoft.com/office/drawing/2014/main" id="{00000000-0008-0000-0600-0000DD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投資及び出資金グラフ枠">
          <a:extLst>
            <a:ext uri="{FF2B5EF4-FFF2-40B4-BE49-F238E27FC236}">
              <a16:creationId xmlns:a16="http://schemas.microsoft.com/office/drawing/2014/main" id="{00000000-0008-0000-0600-0000DE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02964</xdr:rowOff>
    </xdr:from>
    <xdr:to>
      <xdr:col>116</xdr:col>
      <xdr:colOff>62864</xdr:colOff>
      <xdr:row>38</xdr:row>
      <xdr:rowOff>13970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flipV="1">
          <a:off x="22159595" y="5246464"/>
          <a:ext cx="1269" cy="14083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6" name="投資及び出資金最小値テキスト">
          <a:extLst>
            <a:ext uri="{FF2B5EF4-FFF2-40B4-BE49-F238E27FC236}">
              <a16:creationId xmlns:a16="http://schemas.microsoft.com/office/drawing/2014/main" id="{00000000-0008-0000-0600-0000E0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49641</xdr:rowOff>
    </xdr:from>
    <xdr:ext cx="534377" cy="259045"/>
    <xdr:sp macro="" textlink="">
      <xdr:nvSpPr>
        <xdr:cNvPr id="738" name="投資及び出資金最大値テキスト">
          <a:extLst>
            <a:ext uri="{FF2B5EF4-FFF2-40B4-BE49-F238E27FC236}">
              <a16:creationId xmlns:a16="http://schemas.microsoft.com/office/drawing/2014/main" id="{00000000-0008-0000-0600-0000E2020000}"/>
            </a:ext>
          </a:extLst>
        </xdr:cNvPr>
        <xdr:cNvSpPr txBox="1"/>
      </xdr:nvSpPr>
      <xdr:spPr>
        <a:xfrm>
          <a:off x="22212300" y="50216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6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02964</xdr:rowOff>
    </xdr:from>
    <xdr:to>
      <xdr:col>116</xdr:col>
      <xdr:colOff>152400</xdr:colOff>
      <xdr:row>30</xdr:row>
      <xdr:rowOff>102964</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22072600" y="52464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56238</xdr:rowOff>
    </xdr:from>
    <xdr:to>
      <xdr:col>116</xdr:col>
      <xdr:colOff>63500</xdr:colOff>
      <xdr:row>38</xdr:row>
      <xdr:rowOff>139700</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a:off x="21323300" y="6571338"/>
          <a:ext cx="838200" cy="83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53118</xdr:rowOff>
    </xdr:from>
    <xdr:ext cx="469744" cy="259045"/>
    <xdr:sp macro="" textlink="">
      <xdr:nvSpPr>
        <xdr:cNvPr id="741" name="投資及び出資金平均値テキスト">
          <a:extLst>
            <a:ext uri="{FF2B5EF4-FFF2-40B4-BE49-F238E27FC236}">
              <a16:creationId xmlns:a16="http://schemas.microsoft.com/office/drawing/2014/main" id="{00000000-0008-0000-0600-0000E5020000}"/>
            </a:ext>
          </a:extLst>
        </xdr:cNvPr>
        <xdr:cNvSpPr txBox="1"/>
      </xdr:nvSpPr>
      <xdr:spPr>
        <a:xfrm>
          <a:off x="22212300" y="63967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0242</xdr:rowOff>
    </xdr:from>
    <xdr:to>
      <xdr:col>116</xdr:col>
      <xdr:colOff>114300</xdr:colOff>
      <xdr:row>38</xdr:row>
      <xdr:rowOff>131842</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22110700" y="6545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56238</xdr:rowOff>
    </xdr:from>
    <xdr:to>
      <xdr:col>111</xdr:col>
      <xdr:colOff>177800</xdr:colOff>
      <xdr:row>38</xdr:row>
      <xdr:rowOff>139700</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flipV="1">
          <a:off x="20434300" y="6571338"/>
          <a:ext cx="889000" cy="83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38745</xdr:rowOff>
    </xdr:from>
    <xdr:to>
      <xdr:col>112</xdr:col>
      <xdr:colOff>38100</xdr:colOff>
      <xdr:row>38</xdr:row>
      <xdr:rowOff>140345</xdr:rowOff>
    </xdr:to>
    <xdr:sp macro="" textlink="">
      <xdr:nvSpPr>
        <xdr:cNvPr id="744" name="フローチャート: 判断 743">
          <a:extLst>
            <a:ext uri="{FF2B5EF4-FFF2-40B4-BE49-F238E27FC236}">
              <a16:creationId xmlns:a16="http://schemas.microsoft.com/office/drawing/2014/main" id="{00000000-0008-0000-0600-0000E8020000}"/>
            </a:ext>
          </a:extLst>
        </xdr:cNvPr>
        <xdr:cNvSpPr/>
      </xdr:nvSpPr>
      <xdr:spPr>
        <a:xfrm>
          <a:off x="21272500" y="6553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131472</xdr:rowOff>
    </xdr:from>
    <xdr:ext cx="469744"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1088428" y="6646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40825</xdr:rowOff>
    </xdr:from>
    <xdr:to>
      <xdr:col>107</xdr:col>
      <xdr:colOff>101600</xdr:colOff>
      <xdr:row>38</xdr:row>
      <xdr:rowOff>142425</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20383500" y="6555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58952</xdr:rowOff>
    </xdr:from>
    <xdr:ext cx="469744"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20199428" y="6331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9" name="直線コネクタ 748">
          <a:extLst>
            <a:ext uri="{FF2B5EF4-FFF2-40B4-BE49-F238E27FC236}">
              <a16:creationId xmlns:a16="http://schemas.microsoft.com/office/drawing/2014/main" id="{00000000-0008-0000-0600-0000ED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55593</xdr:rowOff>
    </xdr:from>
    <xdr:to>
      <xdr:col>102</xdr:col>
      <xdr:colOff>165100</xdr:colOff>
      <xdr:row>38</xdr:row>
      <xdr:rowOff>157193</xdr:rowOff>
    </xdr:to>
    <xdr:sp macro="" textlink="">
      <xdr:nvSpPr>
        <xdr:cNvPr id="750" name="フローチャート: 判断 749">
          <a:extLst>
            <a:ext uri="{FF2B5EF4-FFF2-40B4-BE49-F238E27FC236}">
              <a16:creationId xmlns:a16="http://schemas.microsoft.com/office/drawing/2014/main" id="{00000000-0008-0000-0600-0000EE020000}"/>
            </a:ext>
          </a:extLst>
        </xdr:cNvPr>
        <xdr:cNvSpPr/>
      </xdr:nvSpPr>
      <xdr:spPr>
        <a:xfrm>
          <a:off x="19494500" y="657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2270</xdr:rowOff>
    </xdr:from>
    <xdr:ext cx="469744"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19310428" y="63459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46495</xdr:rowOff>
    </xdr:from>
    <xdr:to>
      <xdr:col>98</xdr:col>
      <xdr:colOff>38100</xdr:colOff>
      <xdr:row>38</xdr:row>
      <xdr:rowOff>148095</xdr:rowOff>
    </xdr:to>
    <xdr:sp macro="" textlink="">
      <xdr:nvSpPr>
        <xdr:cNvPr id="752" name="フローチャート: 判断 751">
          <a:extLst>
            <a:ext uri="{FF2B5EF4-FFF2-40B4-BE49-F238E27FC236}">
              <a16:creationId xmlns:a16="http://schemas.microsoft.com/office/drawing/2014/main" id="{00000000-0008-0000-0600-0000F0020000}"/>
            </a:ext>
          </a:extLst>
        </xdr:cNvPr>
        <xdr:cNvSpPr/>
      </xdr:nvSpPr>
      <xdr:spPr>
        <a:xfrm>
          <a:off x="18605500" y="6561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64622</xdr:rowOff>
    </xdr:from>
    <xdr:ext cx="469744"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18421428" y="6336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9" name="楕円 758">
          <a:extLst>
            <a:ext uri="{FF2B5EF4-FFF2-40B4-BE49-F238E27FC236}">
              <a16:creationId xmlns:a16="http://schemas.microsoft.com/office/drawing/2014/main" id="{00000000-0008-0000-0600-0000F7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668</xdr:rowOff>
    </xdr:from>
    <xdr:ext cx="249299" cy="259045"/>
    <xdr:sp macro="" textlink="">
      <xdr:nvSpPr>
        <xdr:cNvPr id="760" name="投資及び出資金該当値テキスト">
          <a:extLst>
            <a:ext uri="{FF2B5EF4-FFF2-40B4-BE49-F238E27FC236}">
              <a16:creationId xmlns:a16="http://schemas.microsoft.com/office/drawing/2014/main" id="{00000000-0008-0000-0600-0000F8020000}"/>
            </a:ext>
          </a:extLst>
        </xdr:cNvPr>
        <xdr:cNvSpPr txBox="1"/>
      </xdr:nvSpPr>
      <xdr:spPr>
        <a:xfrm>
          <a:off x="22212300" y="652376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5438</xdr:rowOff>
    </xdr:from>
    <xdr:to>
      <xdr:col>112</xdr:col>
      <xdr:colOff>38100</xdr:colOff>
      <xdr:row>38</xdr:row>
      <xdr:rowOff>107038</xdr:rowOff>
    </xdr:to>
    <xdr:sp macro="" textlink="">
      <xdr:nvSpPr>
        <xdr:cNvPr id="761" name="楕円 760">
          <a:extLst>
            <a:ext uri="{FF2B5EF4-FFF2-40B4-BE49-F238E27FC236}">
              <a16:creationId xmlns:a16="http://schemas.microsoft.com/office/drawing/2014/main" id="{00000000-0008-0000-0600-0000F9020000}"/>
            </a:ext>
          </a:extLst>
        </xdr:cNvPr>
        <xdr:cNvSpPr/>
      </xdr:nvSpPr>
      <xdr:spPr>
        <a:xfrm>
          <a:off x="21272500" y="6520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23565</xdr:rowOff>
    </xdr:from>
    <xdr:ext cx="469744"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21088428" y="6295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3" name="楕円 762">
          <a:extLst>
            <a:ext uri="{FF2B5EF4-FFF2-40B4-BE49-F238E27FC236}">
              <a16:creationId xmlns:a16="http://schemas.microsoft.com/office/drawing/2014/main" id="{00000000-0008-0000-0600-0000FB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5" name="楕円 764">
          <a:extLst>
            <a:ext uri="{FF2B5EF4-FFF2-40B4-BE49-F238E27FC236}">
              <a16:creationId xmlns:a16="http://schemas.microsoft.com/office/drawing/2014/main" id="{00000000-0008-0000-0600-0000FD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7" name="楕円 766">
          <a:extLst>
            <a:ext uri="{FF2B5EF4-FFF2-40B4-BE49-F238E27FC236}">
              <a16:creationId xmlns:a16="http://schemas.microsoft.com/office/drawing/2014/main" id="{00000000-0008-0000-0600-0000FF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8" name="テキスト ボックス 767">
          <a:extLst>
            <a:ext uri="{FF2B5EF4-FFF2-40B4-BE49-F238E27FC236}">
              <a16:creationId xmlns:a16="http://schemas.microsoft.com/office/drawing/2014/main" id="{00000000-0008-0000-0600-000000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5</xdr:row>
      <xdr:rowOff>54627</xdr:rowOff>
    </xdr:from>
    <xdr:ext cx="59541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692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2</xdr:row>
      <xdr:rowOff>111777</xdr:rowOff>
    </xdr:from>
    <xdr:ext cx="595419" cy="259045"/>
    <xdr:sp macro="" textlink="">
      <xdr:nvSpPr>
        <xdr:cNvPr id="784" name="テキスト ボックス 783">
          <a:extLst>
            <a:ext uri="{FF2B5EF4-FFF2-40B4-BE49-F238E27FC236}">
              <a16:creationId xmlns:a16="http://schemas.microsoft.com/office/drawing/2014/main" id="{00000000-0008-0000-0600-000010030000}"/>
            </a:ext>
          </a:extLst>
        </xdr:cNvPr>
        <xdr:cNvSpPr txBox="1"/>
      </xdr:nvSpPr>
      <xdr:spPr>
        <a:xfrm>
          <a:off x="17692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168927</xdr:rowOff>
    </xdr:from>
    <xdr:ext cx="595419" cy="259045"/>
    <xdr:sp macro="" textlink="">
      <xdr:nvSpPr>
        <xdr:cNvPr id="786" name="テキスト ボックス 785">
          <a:extLst>
            <a:ext uri="{FF2B5EF4-FFF2-40B4-BE49-F238E27FC236}">
              <a16:creationId xmlns:a16="http://schemas.microsoft.com/office/drawing/2014/main" id="{00000000-0008-0000-0600-000012030000}"/>
            </a:ext>
          </a:extLst>
        </xdr:cNvPr>
        <xdr:cNvSpPr txBox="1"/>
      </xdr:nvSpPr>
      <xdr:spPr>
        <a:xfrm>
          <a:off x="17692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8" name="テキスト ボックス 787">
          <a:extLst>
            <a:ext uri="{FF2B5EF4-FFF2-40B4-BE49-F238E27FC236}">
              <a16:creationId xmlns:a16="http://schemas.microsoft.com/office/drawing/2014/main" id="{00000000-0008-0000-0600-000014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貸付金グラフ枠">
          <a:extLst>
            <a:ext uri="{FF2B5EF4-FFF2-40B4-BE49-F238E27FC236}">
              <a16:creationId xmlns:a16="http://schemas.microsoft.com/office/drawing/2014/main" id="{00000000-0008-0000-0600-000015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2</xdr:row>
      <xdr:rowOff>18405</xdr:rowOff>
    </xdr:from>
    <xdr:to>
      <xdr:col>116</xdr:col>
      <xdr:colOff>62864</xdr:colOff>
      <xdr:row>58</xdr:row>
      <xdr:rowOff>13970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flipV="1">
          <a:off x="22159595" y="8933805"/>
          <a:ext cx="1269" cy="11499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68150</xdr:rowOff>
    </xdr:from>
    <xdr:ext cx="249299" cy="259045"/>
    <xdr:sp macro="" textlink="">
      <xdr:nvSpPr>
        <xdr:cNvPr id="791" name="貸付金最小値テキスト">
          <a:extLst>
            <a:ext uri="{FF2B5EF4-FFF2-40B4-BE49-F238E27FC236}">
              <a16:creationId xmlns:a16="http://schemas.microsoft.com/office/drawing/2014/main" id="{00000000-0008-0000-0600-000017030000}"/>
            </a:ext>
          </a:extLst>
        </xdr:cNvPr>
        <xdr:cNvSpPr txBox="1"/>
      </xdr:nvSpPr>
      <xdr:spPr>
        <a:xfrm>
          <a:off x="22212300" y="101122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136532</xdr:rowOff>
    </xdr:from>
    <xdr:ext cx="599010" cy="259045"/>
    <xdr:sp macro="" textlink="">
      <xdr:nvSpPr>
        <xdr:cNvPr id="793" name="貸付金最大値テキスト">
          <a:extLst>
            <a:ext uri="{FF2B5EF4-FFF2-40B4-BE49-F238E27FC236}">
              <a16:creationId xmlns:a16="http://schemas.microsoft.com/office/drawing/2014/main" id="{00000000-0008-0000-0600-000019030000}"/>
            </a:ext>
          </a:extLst>
        </xdr:cNvPr>
        <xdr:cNvSpPr txBox="1"/>
      </xdr:nvSpPr>
      <xdr:spPr>
        <a:xfrm>
          <a:off x="22212300" y="87090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3,0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2</xdr:row>
      <xdr:rowOff>18405</xdr:rowOff>
    </xdr:from>
    <xdr:to>
      <xdr:col>116</xdr:col>
      <xdr:colOff>152400</xdr:colOff>
      <xdr:row>52</xdr:row>
      <xdr:rowOff>18405</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22072600" y="89338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22775</xdr:rowOff>
    </xdr:from>
    <xdr:to>
      <xdr:col>116</xdr:col>
      <xdr:colOff>63500</xdr:colOff>
      <xdr:row>58</xdr:row>
      <xdr:rowOff>138474</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flipV="1">
          <a:off x="21323300" y="10066875"/>
          <a:ext cx="838200" cy="15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85600</xdr:rowOff>
    </xdr:from>
    <xdr:ext cx="534377" cy="259045"/>
    <xdr:sp macro="" textlink="">
      <xdr:nvSpPr>
        <xdr:cNvPr id="796" name="貸付金平均値テキスト">
          <a:extLst>
            <a:ext uri="{FF2B5EF4-FFF2-40B4-BE49-F238E27FC236}">
              <a16:creationId xmlns:a16="http://schemas.microsoft.com/office/drawing/2014/main" id="{00000000-0008-0000-0600-00001C030000}"/>
            </a:ext>
          </a:extLst>
        </xdr:cNvPr>
        <xdr:cNvSpPr txBox="1"/>
      </xdr:nvSpPr>
      <xdr:spPr>
        <a:xfrm>
          <a:off x="22212300" y="98582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62723</xdr:rowOff>
    </xdr:from>
    <xdr:to>
      <xdr:col>116</xdr:col>
      <xdr:colOff>114300</xdr:colOff>
      <xdr:row>58</xdr:row>
      <xdr:rowOff>164323</xdr:rowOff>
    </xdr:to>
    <xdr:sp macro="" textlink="">
      <xdr:nvSpPr>
        <xdr:cNvPr id="797" name="フローチャート: 判断 796">
          <a:extLst>
            <a:ext uri="{FF2B5EF4-FFF2-40B4-BE49-F238E27FC236}">
              <a16:creationId xmlns:a16="http://schemas.microsoft.com/office/drawing/2014/main" id="{00000000-0008-0000-0600-00001D030000}"/>
            </a:ext>
          </a:extLst>
        </xdr:cNvPr>
        <xdr:cNvSpPr/>
      </xdr:nvSpPr>
      <xdr:spPr>
        <a:xfrm>
          <a:off x="22110700" y="10006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38474</xdr:rowOff>
    </xdr:from>
    <xdr:to>
      <xdr:col>111</xdr:col>
      <xdr:colOff>177800</xdr:colOff>
      <xdr:row>58</xdr:row>
      <xdr:rowOff>139700</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flipV="1">
          <a:off x="20434300" y="10082574"/>
          <a:ext cx="889000" cy="1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78094</xdr:rowOff>
    </xdr:from>
    <xdr:to>
      <xdr:col>112</xdr:col>
      <xdr:colOff>38100</xdr:colOff>
      <xdr:row>59</xdr:row>
      <xdr:rowOff>8244</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21272500" y="10022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4771</xdr:rowOff>
    </xdr:from>
    <xdr:ext cx="469744"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21088428" y="9797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39700</xdr:rowOff>
    </xdr:from>
    <xdr:to>
      <xdr:col>107</xdr:col>
      <xdr:colOff>50800</xdr:colOff>
      <xdr:row>58</xdr:row>
      <xdr:rowOff>139700</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a:off x="19545300" y="10083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80867</xdr:rowOff>
    </xdr:from>
    <xdr:to>
      <xdr:col>107</xdr:col>
      <xdr:colOff>101600</xdr:colOff>
      <xdr:row>59</xdr:row>
      <xdr:rowOff>11017</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20383500" y="10024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27544</xdr:rowOff>
    </xdr:from>
    <xdr:ext cx="469744"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20199428" y="98001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39700</xdr:rowOff>
    </xdr:from>
    <xdr:to>
      <xdr:col>102</xdr:col>
      <xdr:colOff>114300</xdr:colOff>
      <xdr:row>58</xdr:row>
      <xdr:rowOff>139700</xdr:rowOff>
    </xdr:to>
    <xdr:cxnSp macro="">
      <xdr:nvCxnSpPr>
        <xdr:cNvPr id="804" name="直線コネクタ 803">
          <a:extLst>
            <a:ext uri="{FF2B5EF4-FFF2-40B4-BE49-F238E27FC236}">
              <a16:creationId xmlns:a16="http://schemas.microsoft.com/office/drawing/2014/main" id="{00000000-0008-0000-0600-000024030000}"/>
            </a:ext>
          </a:extLst>
        </xdr:cNvPr>
        <xdr:cNvCxnSpPr/>
      </xdr:nvCxnSpPr>
      <xdr:spPr>
        <a:xfrm>
          <a:off x="18656300" y="10083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81373</xdr:rowOff>
    </xdr:from>
    <xdr:to>
      <xdr:col>102</xdr:col>
      <xdr:colOff>165100</xdr:colOff>
      <xdr:row>59</xdr:row>
      <xdr:rowOff>11523</xdr:rowOff>
    </xdr:to>
    <xdr:sp macro="" textlink="">
      <xdr:nvSpPr>
        <xdr:cNvPr id="805" name="フローチャート: 判断 804">
          <a:extLst>
            <a:ext uri="{FF2B5EF4-FFF2-40B4-BE49-F238E27FC236}">
              <a16:creationId xmlns:a16="http://schemas.microsoft.com/office/drawing/2014/main" id="{00000000-0008-0000-0600-000025030000}"/>
            </a:ext>
          </a:extLst>
        </xdr:cNvPr>
        <xdr:cNvSpPr/>
      </xdr:nvSpPr>
      <xdr:spPr>
        <a:xfrm>
          <a:off x="19494500" y="10025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28050</xdr:rowOff>
    </xdr:from>
    <xdr:ext cx="469744"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19310428" y="98007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83658</xdr:rowOff>
    </xdr:from>
    <xdr:to>
      <xdr:col>98</xdr:col>
      <xdr:colOff>38100</xdr:colOff>
      <xdr:row>59</xdr:row>
      <xdr:rowOff>13808</xdr:rowOff>
    </xdr:to>
    <xdr:sp macro="" textlink="">
      <xdr:nvSpPr>
        <xdr:cNvPr id="807" name="フローチャート: 判断 806">
          <a:extLst>
            <a:ext uri="{FF2B5EF4-FFF2-40B4-BE49-F238E27FC236}">
              <a16:creationId xmlns:a16="http://schemas.microsoft.com/office/drawing/2014/main" id="{00000000-0008-0000-0600-000027030000}"/>
            </a:ext>
          </a:extLst>
        </xdr:cNvPr>
        <xdr:cNvSpPr/>
      </xdr:nvSpPr>
      <xdr:spPr>
        <a:xfrm>
          <a:off x="18605500" y="10027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30335</xdr:rowOff>
    </xdr:from>
    <xdr:ext cx="469744"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8421428" y="98029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71975</xdr:rowOff>
    </xdr:from>
    <xdr:to>
      <xdr:col>116</xdr:col>
      <xdr:colOff>114300</xdr:colOff>
      <xdr:row>59</xdr:row>
      <xdr:rowOff>2125</xdr:rowOff>
    </xdr:to>
    <xdr:sp macro="" textlink="">
      <xdr:nvSpPr>
        <xdr:cNvPr id="814" name="楕円 813">
          <a:extLst>
            <a:ext uri="{FF2B5EF4-FFF2-40B4-BE49-F238E27FC236}">
              <a16:creationId xmlns:a16="http://schemas.microsoft.com/office/drawing/2014/main" id="{00000000-0008-0000-0600-00002E030000}"/>
            </a:ext>
          </a:extLst>
        </xdr:cNvPr>
        <xdr:cNvSpPr/>
      </xdr:nvSpPr>
      <xdr:spPr>
        <a:xfrm>
          <a:off x="22110700" y="10016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41151</xdr:rowOff>
    </xdr:from>
    <xdr:ext cx="469744" cy="259045"/>
    <xdr:sp macro="" textlink="">
      <xdr:nvSpPr>
        <xdr:cNvPr id="815" name="貸付金該当値テキスト">
          <a:extLst>
            <a:ext uri="{FF2B5EF4-FFF2-40B4-BE49-F238E27FC236}">
              <a16:creationId xmlns:a16="http://schemas.microsoft.com/office/drawing/2014/main" id="{00000000-0008-0000-0600-00002F030000}"/>
            </a:ext>
          </a:extLst>
        </xdr:cNvPr>
        <xdr:cNvSpPr txBox="1"/>
      </xdr:nvSpPr>
      <xdr:spPr>
        <a:xfrm>
          <a:off x="22212300" y="9985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87674</xdr:rowOff>
    </xdr:from>
    <xdr:to>
      <xdr:col>112</xdr:col>
      <xdr:colOff>38100</xdr:colOff>
      <xdr:row>59</xdr:row>
      <xdr:rowOff>17824</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21272500" y="10031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8951</xdr:rowOff>
    </xdr:from>
    <xdr:ext cx="378565"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21134017" y="101245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88900</xdr:rowOff>
    </xdr:from>
    <xdr:to>
      <xdr:col>107</xdr:col>
      <xdr:colOff>101600</xdr:colOff>
      <xdr:row>59</xdr:row>
      <xdr:rowOff>19050</xdr:rowOff>
    </xdr:to>
    <xdr:sp macro="" textlink="">
      <xdr:nvSpPr>
        <xdr:cNvPr id="818" name="楕円 817">
          <a:extLst>
            <a:ext uri="{FF2B5EF4-FFF2-40B4-BE49-F238E27FC236}">
              <a16:creationId xmlns:a16="http://schemas.microsoft.com/office/drawing/2014/main" id="{00000000-0008-0000-0600-000032030000}"/>
            </a:ext>
          </a:extLst>
        </xdr:cNvPr>
        <xdr:cNvSpPr/>
      </xdr:nvSpPr>
      <xdr:spPr>
        <a:xfrm>
          <a:off x="203835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10177</xdr:rowOff>
    </xdr:from>
    <xdr:ext cx="249299"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20309650" y="10125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88900</xdr:rowOff>
    </xdr:from>
    <xdr:to>
      <xdr:col>102</xdr:col>
      <xdr:colOff>165100</xdr:colOff>
      <xdr:row>59</xdr:row>
      <xdr:rowOff>19050</xdr:rowOff>
    </xdr:to>
    <xdr:sp macro="" textlink="">
      <xdr:nvSpPr>
        <xdr:cNvPr id="820" name="楕円 819">
          <a:extLst>
            <a:ext uri="{FF2B5EF4-FFF2-40B4-BE49-F238E27FC236}">
              <a16:creationId xmlns:a16="http://schemas.microsoft.com/office/drawing/2014/main" id="{00000000-0008-0000-0600-000034030000}"/>
            </a:ext>
          </a:extLst>
        </xdr:cNvPr>
        <xdr:cNvSpPr/>
      </xdr:nvSpPr>
      <xdr:spPr>
        <a:xfrm>
          <a:off x="194945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10177</xdr:rowOff>
    </xdr:from>
    <xdr:ext cx="249299" cy="259045"/>
    <xdr:sp macro="" textlink="">
      <xdr:nvSpPr>
        <xdr:cNvPr id="821" name="テキスト ボックス 820">
          <a:extLst>
            <a:ext uri="{FF2B5EF4-FFF2-40B4-BE49-F238E27FC236}">
              <a16:creationId xmlns:a16="http://schemas.microsoft.com/office/drawing/2014/main" id="{00000000-0008-0000-0600-000035030000}"/>
            </a:ext>
          </a:extLst>
        </xdr:cNvPr>
        <xdr:cNvSpPr txBox="1"/>
      </xdr:nvSpPr>
      <xdr:spPr>
        <a:xfrm>
          <a:off x="19420650" y="10125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88900</xdr:rowOff>
    </xdr:from>
    <xdr:to>
      <xdr:col>98</xdr:col>
      <xdr:colOff>38100</xdr:colOff>
      <xdr:row>59</xdr:row>
      <xdr:rowOff>19050</xdr:rowOff>
    </xdr:to>
    <xdr:sp macro="" textlink="">
      <xdr:nvSpPr>
        <xdr:cNvPr id="822" name="楕円 821">
          <a:extLst>
            <a:ext uri="{FF2B5EF4-FFF2-40B4-BE49-F238E27FC236}">
              <a16:creationId xmlns:a16="http://schemas.microsoft.com/office/drawing/2014/main" id="{00000000-0008-0000-0600-000036030000}"/>
            </a:ext>
          </a:extLst>
        </xdr:cNvPr>
        <xdr:cNvSpPr/>
      </xdr:nvSpPr>
      <xdr:spPr>
        <a:xfrm>
          <a:off x="186055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10177</xdr:rowOff>
    </xdr:from>
    <xdr:ext cx="249299" cy="259045"/>
    <xdr:sp macro="" textlink="">
      <xdr:nvSpPr>
        <xdr:cNvPr id="823" name="テキスト ボックス 822">
          <a:extLst>
            <a:ext uri="{FF2B5EF4-FFF2-40B4-BE49-F238E27FC236}">
              <a16:creationId xmlns:a16="http://schemas.microsoft.com/office/drawing/2014/main" id="{00000000-0008-0000-0600-000037030000}"/>
            </a:ext>
          </a:extLst>
        </xdr:cNvPr>
        <xdr:cNvSpPr txBox="1"/>
      </xdr:nvSpPr>
      <xdr:spPr>
        <a:xfrm>
          <a:off x="18531650" y="10125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3" name="直線コネクタ 832">
          <a:extLst>
            <a:ext uri="{FF2B5EF4-FFF2-40B4-BE49-F238E27FC236}">
              <a16:creationId xmlns:a16="http://schemas.microsoft.com/office/drawing/2014/main" id="{00000000-0008-0000-0600-000041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44450</xdr:rowOff>
    </xdr:from>
    <xdr:to>
      <xdr:col>120</xdr:col>
      <xdr:colOff>114300</xdr:colOff>
      <xdr:row>79</xdr:row>
      <xdr:rowOff>44450</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73677</xdr:rowOff>
    </xdr:from>
    <xdr:ext cx="248786"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8039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a:extLst>
            <a:ext uri="{FF2B5EF4-FFF2-40B4-BE49-F238E27FC236}">
              <a16:creationId xmlns:a16="http://schemas.microsoft.com/office/drawing/2014/main" id="{00000000-0008-0000-0600-00004E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7810</xdr:rowOff>
    </xdr:from>
    <xdr:to>
      <xdr:col>116</xdr:col>
      <xdr:colOff>62864</xdr:colOff>
      <xdr:row>77</xdr:row>
      <xdr:rowOff>137477</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flipV="1">
          <a:off x="22159595" y="12009310"/>
          <a:ext cx="1269" cy="13298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7</xdr:row>
      <xdr:rowOff>141304</xdr:rowOff>
    </xdr:from>
    <xdr:ext cx="534377" cy="259045"/>
    <xdr:sp macro="" textlink="">
      <xdr:nvSpPr>
        <xdr:cNvPr id="848" name="繰出金最小値テキスト">
          <a:extLst>
            <a:ext uri="{FF2B5EF4-FFF2-40B4-BE49-F238E27FC236}">
              <a16:creationId xmlns:a16="http://schemas.microsoft.com/office/drawing/2014/main" id="{00000000-0008-0000-0600-000050030000}"/>
            </a:ext>
          </a:extLst>
        </xdr:cNvPr>
        <xdr:cNvSpPr txBox="1"/>
      </xdr:nvSpPr>
      <xdr:spPr>
        <a:xfrm>
          <a:off x="22212300" y="13342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6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37477</xdr:rowOff>
    </xdr:from>
    <xdr:to>
      <xdr:col>116</xdr:col>
      <xdr:colOff>152400</xdr:colOff>
      <xdr:row>77</xdr:row>
      <xdr:rowOff>137477</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a:off x="22072600" y="133391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25937</xdr:rowOff>
    </xdr:from>
    <xdr:ext cx="599010" cy="259045"/>
    <xdr:sp macro="" textlink="">
      <xdr:nvSpPr>
        <xdr:cNvPr id="850" name="繰出金最大値テキスト">
          <a:extLst>
            <a:ext uri="{FF2B5EF4-FFF2-40B4-BE49-F238E27FC236}">
              <a16:creationId xmlns:a16="http://schemas.microsoft.com/office/drawing/2014/main" id="{00000000-0008-0000-0600-000052030000}"/>
            </a:ext>
          </a:extLst>
        </xdr:cNvPr>
        <xdr:cNvSpPr txBox="1"/>
      </xdr:nvSpPr>
      <xdr:spPr>
        <a:xfrm>
          <a:off x="22212300" y="117845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3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7810</xdr:rowOff>
    </xdr:from>
    <xdr:to>
      <xdr:col>116</xdr:col>
      <xdr:colOff>152400</xdr:colOff>
      <xdr:row>70</xdr:row>
      <xdr:rowOff>7810</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22072600" y="120093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3</xdr:row>
      <xdr:rowOff>46050</xdr:rowOff>
    </xdr:from>
    <xdr:to>
      <xdr:col>116</xdr:col>
      <xdr:colOff>63500</xdr:colOff>
      <xdr:row>73</xdr:row>
      <xdr:rowOff>103365</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flipV="1">
          <a:off x="21323300" y="12561900"/>
          <a:ext cx="838200" cy="57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3</xdr:row>
      <xdr:rowOff>61689</xdr:rowOff>
    </xdr:from>
    <xdr:ext cx="534377" cy="259045"/>
    <xdr:sp macro="" textlink="">
      <xdr:nvSpPr>
        <xdr:cNvPr id="853" name="繰出金平均値テキスト">
          <a:extLst>
            <a:ext uri="{FF2B5EF4-FFF2-40B4-BE49-F238E27FC236}">
              <a16:creationId xmlns:a16="http://schemas.microsoft.com/office/drawing/2014/main" id="{00000000-0008-0000-0600-000055030000}"/>
            </a:ext>
          </a:extLst>
        </xdr:cNvPr>
        <xdr:cNvSpPr txBox="1"/>
      </xdr:nvSpPr>
      <xdr:spPr>
        <a:xfrm>
          <a:off x="22212300" y="125775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83262</xdr:rowOff>
    </xdr:from>
    <xdr:to>
      <xdr:col>116</xdr:col>
      <xdr:colOff>114300</xdr:colOff>
      <xdr:row>74</xdr:row>
      <xdr:rowOff>13412</xdr:rowOff>
    </xdr:to>
    <xdr:sp macro="" textlink="">
      <xdr:nvSpPr>
        <xdr:cNvPr id="854" name="フローチャート: 判断 853">
          <a:extLst>
            <a:ext uri="{FF2B5EF4-FFF2-40B4-BE49-F238E27FC236}">
              <a16:creationId xmlns:a16="http://schemas.microsoft.com/office/drawing/2014/main" id="{00000000-0008-0000-0600-000056030000}"/>
            </a:ext>
          </a:extLst>
        </xdr:cNvPr>
        <xdr:cNvSpPr/>
      </xdr:nvSpPr>
      <xdr:spPr>
        <a:xfrm>
          <a:off x="22110700" y="12599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3</xdr:row>
      <xdr:rowOff>24688</xdr:rowOff>
    </xdr:from>
    <xdr:to>
      <xdr:col>111</xdr:col>
      <xdr:colOff>177800</xdr:colOff>
      <xdr:row>73</xdr:row>
      <xdr:rowOff>103365</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a:off x="20434300" y="12540538"/>
          <a:ext cx="889000" cy="78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3</xdr:row>
      <xdr:rowOff>102857</xdr:rowOff>
    </xdr:from>
    <xdr:to>
      <xdr:col>112</xdr:col>
      <xdr:colOff>38100</xdr:colOff>
      <xdr:row>74</xdr:row>
      <xdr:rowOff>33007</xdr:rowOff>
    </xdr:to>
    <xdr:sp macro="" textlink="">
      <xdr:nvSpPr>
        <xdr:cNvPr id="856" name="フローチャート: 判断 855">
          <a:extLst>
            <a:ext uri="{FF2B5EF4-FFF2-40B4-BE49-F238E27FC236}">
              <a16:creationId xmlns:a16="http://schemas.microsoft.com/office/drawing/2014/main" id="{00000000-0008-0000-0600-000058030000}"/>
            </a:ext>
          </a:extLst>
        </xdr:cNvPr>
        <xdr:cNvSpPr/>
      </xdr:nvSpPr>
      <xdr:spPr>
        <a:xfrm>
          <a:off x="21272500" y="12618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24134</xdr:rowOff>
    </xdr:from>
    <xdr:ext cx="534377"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21056111" y="127114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3</xdr:row>
      <xdr:rowOff>24688</xdr:rowOff>
    </xdr:from>
    <xdr:to>
      <xdr:col>107</xdr:col>
      <xdr:colOff>50800</xdr:colOff>
      <xdr:row>73</xdr:row>
      <xdr:rowOff>130645</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flipV="1">
          <a:off x="19545300" y="12540538"/>
          <a:ext cx="889000" cy="105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3</xdr:row>
      <xdr:rowOff>64592</xdr:rowOff>
    </xdr:from>
    <xdr:to>
      <xdr:col>107</xdr:col>
      <xdr:colOff>101600</xdr:colOff>
      <xdr:row>73</xdr:row>
      <xdr:rowOff>166192</xdr:rowOff>
    </xdr:to>
    <xdr:sp macro="" textlink="">
      <xdr:nvSpPr>
        <xdr:cNvPr id="859" name="フローチャート: 判断 858">
          <a:extLst>
            <a:ext uri="{FF2B5EF4-FFF2-40B4-BE49-F238E27FC236}">
              <a16:creationId xmlns:a16="http://schemas.microsoft.com/office/drawing/2014/main" id="{00000000-0008-0000-0600-00005B030000}"/>
            </a:ext>
          </a:extLst>
        </xdr:cNvPr>
        <xdr:cNvSpPr/>
      </xdr:nvSpPr>
      <xdr:spPr>
        <a:xfrm>
          <a:off x="20383500" y="12580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57319</xdr:rowOff>
    </xdr:from>
    <xdr:ext cx="534377"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20167111" y="12673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130645</xdr:rowOff>
    </xdr:from>
    <xdr:to>
      <xdr:col>102</xdr:col>
      <xdr:colOff>114300</xdr:colOff>
      <xdr:row>73</xdr:row>
      <xdr:rowOff>166154</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flipV="1">
          <a:off x="18656300" y="12646495"/>
          <a:ext cx="889000" cy="35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3</xdr:row>
      <xdr:rowOff>47676</xdr:rowOff>
    </xdr:from>
    <xdr:to>
      <xdr:col>102</xdr:col>
      <xdr:colOff>165100</xdr:colOff>
      <xdr:row>73</xdr:row>
      <xdr:rowOff>149276</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19494500" y="12563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1</xdr:row>
      <xdr:rowOff>165803</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19278111" y="12338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80378</xdr:rowOff>
    </xdr:from>
    <xdr:to>
      <xdr:col>98</xdr:col>
      <xdr:colOff>38100</xdr:colOff>
      <xdr:row>74</xdr:row>
      <xdr:rowOff>10528</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18605500" y="12596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27055</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8389111" y="12371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2</xdr:row>
      <xdr:rowOff>166700</xdr:rowOff>
    </xdr:from>
    <xdr:to>
      <xdr:col>116</xdr:col>
      <xdr:colOff>114300</xdr:colOff>
      <xdr:row>73</xdr:row>
      <xdr:rowOff>96850</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2110700" y="12511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2</xdr:row>
      <xdr:rowOff>18127</xdr:rowOff>
    </xdr:from>
    <xdr:ext cx="534377" cy="259045"/>
    <xdr:sp macro="" textlink="">
      <xdr:nvSpPr>
        <xdr:cNvPr id="872" name="繰出金該当値テキスト">
          <a:extLst>
            <a:ext uri="{FF2B5EF4-FFF2-40B4-BE49-F238E27FC236}">
              <a16:creationId xmlns:a16="http://schemas.microsoft.com/office/drawing/2014/main" id="{00000000-0008-0000-0600-000068030000}"/>
            </a:ext>
          </a:extLst>
        </xdr:cNvPr>
        <xdr:cNvSpPr txBox="1"/>
      </xdr:nvSpPr>
      <xdr:spPr>
        <a:xfrm>
          <a:off x="22212300" y="12362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3</xdr:row>
      <xdr:rowOff>52565</xdr:rowOff>
    </xdr:from>
    <xdr:to>
      <xdr:col>112</xdr:col>
      <xdr:colOff>38100</xdr:colOff>
      <xdr:row>73</xdr:row>
      <xdr:rowOff>154165</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21272500" y="12568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1</xdr:row>
      <xdr:rowOff>170692</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1056111" y="12343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2</xdr:row>
      <xdr:rowOff>145338</xdr:rowOff>
    </xdr:from>
    <xdr:to>
      <xdr:col>107</xdr:col>
      <xdr:colOff>101600</xdr:colOff>
      <xdr:row>73</xdr:row>
      <xdr:rowOff>75488</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20383500" y="12489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1</xdr:row>
      <xdr:rowOff>92015</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0167111" y="122649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3</xdr:row>
      <xdr:rowOff>79845</xdr:rowOff>
    </xdr:from>
    <xdr:to>
      <xdr:col>102</xdr:col>
      <xdr:colOff>165100</xdr:colOff>
      <xdr:row>74</xdr:row>
      <xdr:rowOff>9995</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19494500" y="12595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122</xdr:rowOff>
    </xdr:from>
    <xdr:ext cx="534377"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9278111" y="12688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115354</xdr:rowOff>
    </xdr:from>
    <xdr:to>
      <xdr:col>98</xdr:col>
      <xdr:colOff>38100</xdr:colOff>
      <xdr:row>74</xdr:row>
      <xdr:rowOff>45504</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18605500" y="12631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36631</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18389111" y="12723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a:extLst>
            <a:ext uri="{FF2B5EF4-FFF2-40B4-BE49-F238E27FC236}">
              <a16:creationId xmlns:a16="http://schemas.microsoft.com/office/drawing/2014/main" id="{00000000-0008-0000-0600-000079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1" name="直線コネクタ 890">
          <a:extLst>
            <a:ext uri="{FF2B5EF4-FFF2-40B4-BE49-F238E27FC236}">
              <a16:creationId xmlns:a16="http://schemas.microsoft.com/office/drawing/2014/main" id="{00000000-0008-0000-0600-00007B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2" name="テキスト ボックス 891">
          <a:extLst>
            <a:ext uri="{FF2B5EF4-FFF2-40B4-BE49-F238E27FC236}">
              <a16:creationId xmlns:a16="http://schemas.microsoft.com/office/drawing/2014/main" id="{00000000-0008-0000-0600-00007C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5" name="前年度繰上充用金グラフ枠">
          <a:extLst>
            <a:ext uri="{FF2B5EF4-FFF2-40B4-BE49-F238E27FC236}">
              <a16:creationId xmlns:a16="http://schemas.microsoft.com/office/drawing/2014/main" id="{00000000-0008-0000-0600-00007F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7" name="前年度繰上充用金最小値テキスト">
          <a:extLst>
            <a:ext uri="{FF2B5EF4-FFF2-40B4-BE49-F238E27FC236}">
              <a16:creationId xmlns:a16="http://schemas.microsoft.com/office/drawing/2014/main" id="{00000000-0008-0000-0600-000081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9" name="前年度繰上充用金最大値テキスト">
          <a:extLst>
            <a:ext uri="{FF2B5EF4-FFF2-40B4-BE49-F238E27FC236}">
              <a16:creationId xmlns:a16="http://schemas.microsoft.com/office/drawing/2014/main" id="{00000000-0008-0000-0600-000083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2" name="前年度繰上充用金平均値テキスト">
          <a:extLst>
            <a:ext uri="{FF2B5EF4-FFF2-40B4-BE49-F238E27FC236}">
              <a16:creationId xmlns:a16="http://schemas.microsoft.com/office/drawing/2014/main" id="{00000000-0008-0000-0600-000086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3" name="フローチャート: 判断 902">
          <a:extLst>
            <a:ext uri="{FF2B5EF4-FFF2-40B4-BE49-F238E27FC236}">
              <a16:creationId xmlns:a16="http://schemas.microsoft.com/office/drawing/2014/main" id="{00000000-0008-0000-0600-000087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5" name="フローチャート: 判断 904">
          <a:extLst>
            <a:ext uri="{FF2B5EF4-FFF2-40B4-BE49-F238E27FC236}">
              <a16:creationId xmlns:a16="http://schemas.microsoft.com/office/drawing/2014/main" id="{00000000-0008-0000-0600-000089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8" name="フローチャート: 判断 907">
          <a:extLst>
            <a:ext uri="{FF2B5EF4-FFF2-40B4-BE49-F238E27FC236}">
              <a16:creationId xmlns:a16="http://schemas.microsoft.com/office/drawing/2014/main" id="{00000000-0008-0000-0600-00008C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9" name="テキスト ボックス 908">
          <a:extLst>
            <a:ext uri="{FF2B5EF4-FFF2-40B4-BE49-F238E27FC236}">
              <a16:creationId xmlns:a16="http://schemas.microsoft.com/office/drawing/2014/main" id="{00000000-0008-0000-0600-00008D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1" name="前年度繰上充用金該当値テキスト">
          <a:extLst>
            <a:ext uri="{FF2B5EF4-FFF2-40B4-BE49-F238E27FC236}">
              <a16:creationId xmlns:a16="http://schemas.microsoft.com/office/drawing/2014/main" id="{00000000-0008-0000-0600-000099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0" name="正方形/長方形 929">
          <a:extLst>
            <a:ext uri="{FF2B5EF4-FFF2-40B4-BE49-F238E27FC236}">
              <a16:creationId xmlns:a16="http://schemas.microsoft.com/office/drawing/2014/main" id="{00000000-0008-0000-0600-0000A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1" name="正方形/長方形 930">
          <a:extLst>
            <a:ext uri="{FF2B5EF4-FFF2-40B4-BE49-F238E27FC236}">
              <a16:creationId xmlns:a16="http://schemas.microsoft.com/office/drawing/2014/main" id="{00000000-0008-0000-0600-0000A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歳出決算総額は住民１人当た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98,97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となっており、前年度よりも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千円程度、増加している。類似団体平均と比較しても低い水準となっており、職員数、ラスパイレス指数が低いことなどが影響してい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物件費は住民１人当た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1,927</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維持補修費</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831</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扶助費</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3,89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補助費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17,181</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普通建設事業費</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7,508</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となっており、類似団体平均と比較して１人当たりコストは前年度に引き続きすべて低い状況となってい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880
6,805
7.05
4,303,093
4,120,947
181,921
2,467,769
3,262,6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4
8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60833</xdr:rowOff>
    </xdr:from>
    <xdr:to>
      <xdr:col>24</xdr:col>
      <xdr:colOff>62865</xdr:colOff>
      <xdr:row>39</xdr:row>
      <xdr:rowOff>57976</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204333"/>
          <a:ext cx="1270" cy="15401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61803</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7483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57976</xdr:rowOff>
    </xdr:from>
    <xdr:to>
      <xdr:col>24</xdr:col>
      <xdr:colOff>152400</xdr:colOff>
      <xdr:row>39</xdr:row>
      <xdr:rowOff>57976</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7445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7510</xdr:rowOff>
    </xdr:from>
    <xdr:ext cx="534377"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49795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01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60833</xdr:rowOff>
    </xdr:from>
    <xdr:to>
      <xdr:col>24</xdr:col>
      <xdr:colOff>152400</xdr:colOff>
      <xdr:row>30</xdr:row>
      <xdr:rowOff>60833</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2043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09029</xdr:rowOff>
    </xdr:from>
    <xdr:to>
      <xdr:col>24</xdr:col>
      <xdr:colOff>63500</xdr:colOff>
      <xdr:row>35</xdr:row>
      <xdr:rowOff>19304</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a:off x="3797300" y="5938329"/>
          <a:ext cx="838200" cy="81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21988</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0227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43561</xdr:rowOff>
    </xdr:from>
    <xdr:to>
      <xdr:col>24</xdr:col>
      <xdr:colOff>114300</xdr:colOff>
      <xdr:row>35</xdr:row>
      <xdr:rowOff>145161</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04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9208</xdr:rowOff>
    </xdr:from>
    <xdr:to>
      <xdr:col>19</xdr:col>
      <xdr:colOff>177800</xdr:colOff>
      <xdr:row>34</xdr:row>
      <xdr:rowOff>109029</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a:off x="2908300" y="5667058"/>
          <a:ext cx="889000" cy="2712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7084</xdr:rowOff>
    </xdr:from>
    <xdr:to>
      <xdr:col>20</xdr:col>
      <xdr:colOff>38100</xdr:colOff>
      <xdr:row>35</xdr:row>
      <xdr:rowOff>138684</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037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29811</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1305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9208</xdr:rowOff>
    </xdr:from>
    <xdr:to>
      <xdr:col>15</xdr:col>
      <xdr:colOff>50800</xdr:colOff>
      <xdr:row>33</xdr:row>
      <xdr:rowOff>108648</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flipV="1">
          <a:off x="2019300" y="5667058"/>
          <a:ext cx="889000" cy="99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48895</xdr:rowOff>
    </xdr:from>
    <xdr:to>
      <xdr:col>15</xdr:col>
      <xdr:colOff>101600</xdr:colOff>
      <xdr:row>35</xdr:row>
      <xdr:rowOff>150495</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6049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41622</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142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08648</xdr:rowOff>
    </xdr:from>
    <xdr:to>
      <xdr:col>10</xdr:col>
      <xdr:colOff>114300</xdr:colOff>
      <xdr:row>34</xdr:row>
      <xdr:rowOff>33591</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flipV="1">
          <a:off x="1130300" y="5766498"/>
          <a:ext cx="889000" cy="963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59004</xdr:rowOff>
    </xdr:from>
    <xdr:to>
      <xdr:col>10</xdr:col>
      <xdr:colOff>165100</xdr:colOff>
      <xdr:row>35</xdr:row>
      <xdr:rowOff>89154</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5988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80281</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6081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56528</xdr:rowOff>
    </xdr:from>
    <xdr:to>
      <xdr:col>6</xdr:col>
      <xdr:colOff>38100</xdr:colOff>
      <xdr:row>35</xdr:row>
      <xdr:rowOff>86678</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5985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77805</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6078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39954</xdr:rowOff>
    </xdr:from>
    <xdr:to>
      <xdr:col>24</xdr:col>
      <xdr:colOff>114300</xdr:colOff>
      <xdr:row>35</xdr:row>
      <xdr:rowOff>70104</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5969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62831</xdr:rowOff>
    </xdr:from>
    <xdr:ext cx="469744"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820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58229</xdr:rowOff>
    </xdr:from>
    <xdr:to>
      <xdr:col>20</xdr:col>
      <xdr:colOff>38100</xdr:colOff>
      <xdr:row>34</xdr:row>
      <xdr:rowOff>159829</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5887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4906</xdr:rowOff>
    </xdr:from>
    <xdr:ext cx="534377"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30111" y="56627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129858</xdr:rowOff>
    </xdr:from>
    <xdr:to>
      <xdr:col>15</xdr:col>
      <xdr:colOff>101600</xdr:colOff>
      <xdr:row>33</xdr:row>
      <xdr:rowOff>60008</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5616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1</xdr:row>
      <xdr:rowOff>76535</xdr:rowOff>
    </xdr:from>
    <xdr:ext cx="534377"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41111" y="5391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57848</xdr:rowOff>
    </xdr:from>
    <xdr:to>
      <xdr:col>10</xdr:col>
      <xdr:colOff>165100</xdr:colOff>
      <xdr:row>33</xdr:row>
      <xdr:rowOff>159448</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5715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2</xdr:row>
      <xdr:rowOff>4525</xdr:rowOff>
    </xdr:from>
    <xdr:ext cx="534377"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52111" y="5490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54241</xdr:rowOff>
    </xdr:from>
    <xdr:to>
      <xdr:col>6</xdr:col>
      <xdr:colOff>38100</xdr:colOff>
      <xdr:row>34</xdr:row>
      <xdr:rowOff>84391</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812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2</xdr:row>
      <xdr:rowOff>100918</xdr:rowOff>
    </xdr:from>
    <xdr:ext cx="534377"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63111" y="55873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9391</xdr:rowOff>
    </xdr:from>
    <xdr:to>
      <xdr:col>24</xdr:col>
      <xdr:colOff>62865</xdr:colOff>
      <xdr:row>58</xdr:row>
      <xdr:rowOff>154532</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8753341"/>
          <a:ext cx="1270" cy="13452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58359</xdr:rowOff>
    </xdr:from>
    <xdr:ext cx="534377" cy="259045"/>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10102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5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54532</xdr:rowOff>
    </xdr:from>
    <xdr:to>
      <xdr:col>24</xdr:col>
      <xdr:colOff>152400</xdr:colOff>
      <xdr:row>58</xdr:row>
      <xdr:rowOff>154532</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100986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27518</xdr:rowOff>
    </xdr:from>
    <xdr:ext cx="690189" cy="25904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852856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46,00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9391</xdr:rowOff>
    </xdr:from>
    <xdr:to>
      <xdr:col>24</xdr:col>
      <xdr:colOff>152400</xdr:colOff>
      <xdr:row>51</xdr:row>
      <xdr:rowOff>9391</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87533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15329</xdr:rowOff>
    </xdr:from>
    <xdr:to>
      <xdr:col>24</xdr:col>
      <xdr:colOff>63500</xdr:colOff>
      <xdr:row>58</xdr:row>
      <xdr:rowOff>117439</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flipV="1">
          <a:off x="3797300" y="10059429"/>
          <a:ext cx="838200" cy="21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5266</xdr:rowOff>
    </xdr:from>
    <xdr:ext cx="599010" cy="259045"/>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77791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9,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3839</xdr:rowOff>
    </xdr:from>
    <xdr:to>
      <xdr:col>24</xdr:col>
      <xdr:colOff>114300</xdr:colOff>
      <xdr:row>58</xdr:row>
      <xdr:rowOff>83989</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926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56221</xdr:rowOff>
    </xdr:from>
    <xdr:to>
      <xdr:col>19</xdr:col>
      <xdr:colOff>177800</xdr:colOff>
      <xdr:row>58</xdr:row>
      <xdr:rowOff>117439</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2908300" y="10000321"/>
          <a:ext cx="889000" cy="61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67019</xdr:rowOff>
    </xdr:from>
    <xdr:to>
      <xdr:col>20</xdr:col>
      <xdr:colOff>38100</xdr:colOff>
      <xdr:row>58</xdr:row>
      <xdr:rowOff>97169</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93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113696</xdr:rowOff>
    </xdr:from>
    <xdr:ext cx="599010" cy="25904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497795" y="97148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56221</xdr:rowOff>
    </xdr:from>
    <xdr:to>
      <xdr:col>15</xdr:col>
      <xdr:colOff>50800</xdr:colOff>
      <xdr:row>58</xdr:row>
      <xdr:rowOff>133743</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019300" y="10000321"/>
          <a:ext cx="889000" cy="77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17610</xdr:rowOff>
    </xdr:from>
    <xdr:to>
      <xdr:col>15</xdr:col>
      <xdr:colOff>101600</xdr:colOff>
      <xdr:row>58</xdr:row>
      <xdr:rowOff>47760</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9890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64287</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08795" y="96654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7,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33743</xdr:rowOff>
    </xdr:from>
    <xdr:to>
      <xdr:col>10</xdr:col>
      <xdr:colOff>114300</xdr:colOff>
      <xdr:row>58</xdr:row>
      <xdr:rowOff>151938</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1130300" y="10077843"/>
          <a:ext cx="889000" cy="18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37475</xdr:rowOff>
    </xdr:from>
    <xdr:to>
      <xdr:col>10</xdr:col>
      <xdr:colOff>165100</xdr:colOff>
      <xdr:row>58</xdr:row>
      <xdr:rowOff>139075</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9981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155602</xdr:rowOff>
    </xdr:from>
    <xdr:ext cx="59901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19795" y="97568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39837</xdr:rowOff>
    </xdr:from>
    <xdr:to>
      <xdr:col>6</xdr:col>
      <xdr:colOff>38100</xdr:colOff>
      <xdr:row>58</xdr:row>
      <xdr:rowOff>141437</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983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157964</xdr:rowOff>
    </xdr:from>
    <xdr:ext cx="59901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30795" y="97591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64529</xdr:rowOff>
    </xdr:from>
    <xdr:to>
      <xdr:col>24</xdr:col>
      <xdr:colOff>114300</xdr:colOff>
      <xdr:row>58</xdr:row>
      <xdr:rowOff>166129</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10008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50906</xdr:rowOff>
    </xdr:from>
    <xdr:ext cx="599010" cy="259045"/>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9235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66639</xdr:rowOff>
    </xdr:from>
    <xdr:to>
      <xdr:col>20</xdr:col>
      <xdr:colOff>38100</xdr:colOff>
      <xdr:row>58</xdr:row>
      <xdr:rowOff>168239</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10010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159366</xdr:rowOff>
    </xdr:from>
    <xdr:ext cx="599010"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497795" y="101034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5421</xdr:rowOff>
    </xdr:from>
    <xdr:to>
      <xdr:col>15</xdr:col>
      <xdr:colOff>101600</xdr:colOff>
      <xdr:row>58</xdr:row>
      <xdr:rowOff>107021</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9949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98148</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08795" y="100422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82943</xdr:rowOff>
    </xdr:from>
    <xdr:to>
      <xdr:col>10</xdr:col>
      <xdr:colOff>165100</xdr:colOff>
      <xdr:row>59</xdr:row>
      <xdr:rowOff>13093</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10027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9</xdr:row>
      <xdr:rowOff>4220</xdr:rowOff>
    </xdr:from>
    <xdr:ext cx="599010"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19795" y="101197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01138</xdr:rowOff>
    </xdr:from>
    <xdr:to>
      <xdr:col>6</xdr:col>
      <xdr:colOff>38100</xdr:colOff>
      <xdr:row>59</xdr:row>
      <xdr:rowOff>31288</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10045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22415</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63111" y="101379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25400</xdr:rowOff>
    </xdr:from>
    <xdr:to>
      <xdr:col>28</xdr:col>
      <xdr:colOff>114300</xdr:colOff>
      <xdr:row>78</xdr:row>
      <xdr:rowOff>2540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5462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256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0</xdr:row>
      <xdr:rowOff>11177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民生費グラフ枠">
          <a:extLst>
            <a:ext uri="{FF2B5EF4-FFF2-40B4-BE49-F238E27FC236}">
              <a16:creationId xmlns:a16="http://schemas.microsoft.com/office/drawing/2014/main" id="{00000000-0008-0000-0700-0000A6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67086</xdr:rowOff>
    </xdr:from>
    <xdr:to>
      <xdr:col>24</xdr:col>
      <xdr:colOff>62865</xdr:colOff>
      <xdr:row>77</xdr:row>
      <xdr:rowOff>57879</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flipV="1">
          <a:off x="4633595" y="12168586"/>
          <a:ext cx="1270" cy="10909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61706</xdr:rowOff>
    </xdr:from>
    <xdr:ext cx="599010" cy="259045"/>
    <xdr:sp macro="" textlink="">
      <xdr:nvSpPr>
        <xdr:cNvPr id="168" name="民生費最小値テキスト">
          <a:extLst>
            <a:ext uri="{FF2B5EF4-FFF2-40B4-BE49-F238E27FC236}">
              <a16:creationId xmlns:a16="http://schemas.microsoft.com/office/drawing/2014/main" id="{00000000-0008-0000-0700-0000A8000000}"/>
            </a:ext>
          </a:extLst>
        </xdr:cNvPr>
        <xdr:cNvSpPr txBox="1"/>
      </xdr:nvSpPr>
      <xdr:spPr>
        <a:xfrm>
          <a:off x="4686300" y="132633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3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57879</xdr:rowOff>
    </xdr:from>
    <xdr:to>
      <xdr:col>24</xdr:col>
      <xdr:colOff>152400</xdr:colOff>
      <xdr:row>77</xdr:row>
      <xdr:rowOff>57879</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4546600" y="132595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13763</xdr:rowOff>
    </xdr:from>
    <xdr:ext cx="599010" cy="259045"/>
    <xdr:sp macro="" textlink="">
      <xdr:nvSpPr>
        <xdr:cNvPr id="170" name="民生費最大値テキスト">
          <a:extLst>
            <a:ext uri="{FF2B5EF4-FFF2-40B4-BE49-F238E27FC236}">
              <a16:creationId xmlns:a16="http://schemas.microsoft.com/office/drawing/2014/main" id="{00000000-0008-0000-0700-0000AA000000}"/>
            </a:ext>
          </a:extLst>
        </xdr:cNvPr>
        <xdr:cNvSpPr txBox="1"/>
      </xdr:nvSpPr>
      <xdr:spPr>
        <a:xfrm>
          <a:off x="4686300" y="119438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5,20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67086</xdr:rowOff>
    </xdr:from>
    <xdr:to>
      <xdr:col>24</xdr:col>
      <xdr:colOff>152400</xdr:colOff>
      <xdr:row>70</xdr:row>
      <xdr:rowOff>167086</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4546600" y="12168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92357</xdr:rowOff>
    </xdr:from>
    <xdr:to>
      <xdr:col>24</xdr:col>
      <xdr:colOff>63500</xdr:colOff>
      <xdr:row>76</xdr:row>
      <xdr:rowOff>144649</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a:off x="3797300" y="13122557"/>
          <a:ext cx="838200" cy="52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43438</xdr:rowOff>
    </xdr:from>
    <xdr:ext cx="599010" cy="259045"/>
    <xdr:sp macro="" textlink="">
      <xdr:nvSpPr>
        <xdr:cNvPr id="173" name="民生費平均値テキスト">
          <a:extLst>
            <a:ext uri="{FF2B5EF4-FFF2-40B4-BE49-F238E27FC236}">
              <a16:creationId xmlns:a16="http://schemas.microsoft.com/office/drawing/2014/main" id="{00000000-0008-0000-0700-0000AD000000}"/>
            </a:ext>
          </a:extLst>
        </xdr:cNvPr>
        <xdr:cNvSpPr txBox="1"/>
      </xdr:nvSpPr>
      <xdr:spPr>
        <a:xfrm>
          <a:off x="4686300" y="1265928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20561</xdr:rowOff>
    </xdr:from>
    <xdr:to>
      <xdr:col>24</xdr:col>
      <xdr:colOff>114300</xdr:colOff>
      <xdr:row>75</xdr:row>
      <xdr:rowOff>50711</xdr:rowOff>
    </xdr:to>
    <xdr:sp macro="" textlink="">
      <xdr:nvSpPr>
        <xdr:cNvPr id="174" name="フローチャート: 判断 173">
          <a:extLst>
            <a:ext uri="{FF2B5EF4-FFF2-40B4-BE49-F238E27FC236}">
              <a16:creationId xmlns:a16="http://schemas.microsoft.com/office/drawing/2014/main" id="{00000000-0008-0000-0700-0000AE000000}"/>
            </a:ext>
          </a:extLst>
        </xdr:cNvPr>
        <xdr:cNvSpPr/>
      </xdr:nvSpPr>
      <xdr:spPr>
        <a:xfrm>
          <a:off x="4584700" y="1280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92357</xdr:rowOff>
    </xdr:from>
    <xdr:to>
      <xdr:col>19</xdr:col>
      <xdr:colOff>177800</xdr:colOff>
      <xdr:row>77</xdr:row>
      <xdr:rowOff>21326</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flipV="1">
          <a:off x="2908300" y="13122557"/>
          <a:ext cx="889000" cy="1004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70800</xdr:rowOff>
    </xdr:from>
    <xdr:to>
      <xdr:col>20</xdr:col>
      <xdr:colOff>38100</xdr:colOff>
      <xdr:row>75</xdr:row>
      <xdr:rowOff>950</xdr:rowOff>
    </xdr:to>
    <xdr:sp macro="" textlink="">
      <xdr:nvSpPr>
        <xdr:cNvPr id="176" name="フローチャート: 判断 175">
          <a:extLst>
            <a:ext uri="{FF2B5EF4-FFF2-40B4-BE49-F238E27FC236}">
              <a16:creationId xmlns:a16="http://schemas.microsoft.com/office/drawing/2014/main" id="{00000000-0008-0000-0700-0000B0000000}"/>
            </a:ext>
          </a:extLst>
        </xdr:cNvPr>
        <xdr:cNvSpPr/>
      </xdr:nvSpPr>
      <xdr:spPr>
        <a:xfrm>
          <a:off x="3746500" y="1275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7477</xdr:rowOff>
    </xdr:from>
    <xdr:ext cx="599010" cy="259045"/>
    <xdr:sp macro="" textlink="">
      <xdr:nvSpPr>
        <xdr:cNvPr id="177" name="テキスト ボックス 176">
          <a:extLst>
            <a:ext uri="{FF2B5EF4-FFF2-40B4-BE49-F238E27FC236}">
              <a16:creationId xmlns:a16="http://schemas.microsoft.com/office/drawing/2014/main" id="{00000000-0008-0000-0700-0000B1000000}"/>
            </a:ext>
          </a:extLst>
        </xdr:cNvPr>
        <xdr:cNvSpPr txBox="1"/>
      </xdr:nvSpPr>
      <xdr:spPr>
        <a:xfrm>
          <a:off x="3497795" y="125333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21326</xdr:rowOff>
    </xdr:from>
    <xdr:to>
      <xdr:col>15</xdr:col>
      <xdr:colOff>50800</xdr:colOff>
      <xdr:row>77</xdr:row>
      <xdr:rowOff>58502</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flipV="1">
          <a:off x="2019300" y="13222976"/>
          <a:ext cx="889000" cy="37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66915</xdr:rowOff>
    </xdr:from>
    <xdr:to>
      <xdr:col>15</xdr:col>
      <xdr:colOff>101600</xdr:colOff>
      <xdr:row>75</xdr:row>
      <xdr:rowOff>168514</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2857500" y="12925665"/>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3592</xdr:rowOff>
    </xdr:from>
    <xdr:ext cx="599010" cy="259045"/>
    <xdr:sp macro="" textlink="">
      <xdr:nvSpPr>
        <xdr:cNvPr id="180" name="テキスト ボックス 179">
          <a:extLst>
            <a:ext uri="{FF2B5EF4-FFF2-40B4-BE49-F238E27FC236}">
              <a16:creationId xmlns:a16="http://schemas.microsoft.com/office/drawing/2014/main" id="{00000000-0008-0000-0700-0000B4000000}"/>
            </a:ext>
          </a:extLst>
        </xdr:cNvPr>
        <xdr:cNvSpPr txBox="1"/>
      </xdr:nvSpPr>
      <xdr:spPr>
        <a:xfrm>
          <a:off x="2608795" y="127008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58502</xdr:rowOff>
    </xdr:from>
    <xdr:to>
      <xdr:col>10</xdr:col>
      <xdr:colOff>114300</xdr:colOff>
      <xdr:row>77</xdr:row>
      <xdr:rowOff>115514</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flipV="1">
          <a:off x="1130300" y="13260152"/>
          <a:ext cx="889000" cy="57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87031</xdr:rowOff>
    </xdr:from>
    <xdr:to>
      <xdr:col>10</xdr:col>
      <xdr:colOff>165100</xdr:colOff>
      <xdr:row>76</xdr:row>
      <xdr:rowOff>17180</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1968500" y="1294578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33708</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1719795" y="127210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10697</xdr:rowOff>
    </xdr:from>
    <xdr:to>
      <xdr:col>6</xdr:col>
      <xdr:colOff>38100</xdr:colOff>
      <xdr:row>76</xdr:row>
      <xdr:rowOff>40847</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1079500" y="12969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57374</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830795" y="127446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93849</xdr:rowOff>
    </xdr:from>
    <xdr:to>
      <xdr:col>24</xdr:col>
      <xdr:colOff>114300</xdr:colOff>
      <xdr:row>77</xdr:row>
      <xdr:rowOff>23999</xdr:rowOff>
    </xdr:to>
    <xdr:sp macro="" textlink="">
      <xdr:nvSpPr>
        <xdr:cNvPr id="191" name="楕円 190">
          <a:extLst>
            <a:ext uri="{FF2B5EF4-FFF2-40B4-BE49-F238E27FC236}">
              <a16:creationId xmlns:a16="http://schemas.microsoft.com/office/drawing/2014/main" id="{00000000-0008-0000-0700-0000BF000000}"/>
            </a:ext>
          </a:extLst>
        </xdr:cNvPr>
        <xdr:cNvSpPr/>
      </xdr:nvSpPr>
      <xdr:spPr>
        <a:xfrm>
          <a:off x="4584700" y="13124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8776</xdr:rowOff>
    </xdr:from>
    <xdr:ext cx="599010" cy="259045"/>
    <xdr:sp macro="" textlink="">
      <xdr:nvSpPr>
        <xdr:cNvPr id="192" name="民生費該当値テキスト">
          <a:extLst>
            <a:ext uri="{FF2B5EF4-FFF2-40B4-BE49-F238E27FC236}">
              <a16:creationId xmlns:a16="http://schemas.microsoft.com/office/drawing/2014/main" id="{00000000-0008-0000-0700-0000C0000000}"/>
            </a:ext>
          </a:extLst>
        </xdr:cNvPr>
        <xdr:cNvSpPr txBox="1"/>
      </xdr:nvSpPr>
      <xdr:spPr>
        <a:xfrm>
          <a:off x="4686300" y="130389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41557</xdr:rowOff>
    </xdr:from>
    <xdr:to>
      <xdr:col>20</xdr:col>
      <xdr:colOff>38100</xdr:colOff>
      <xdr:row>76</xdr:row>
      <xdr:rowOff>143157</xdr:rowOff>
    </xdr:to>
    <xdr:sp macro="" textlink="">
      <xdr:nvSpPr>
        <xdr:cNvPr id="193" name="楕円 192">
          <a:extLst>
            <a:ext uri="{FF2B5EF4-FFF2-40B4-BE49-F238E27FC236}">
              <a16:creationId xmlns:a16="http://schemas.microsoft.com/office/drawing/2014/main" id="{00000000-0008-0000-0700-0000C1000000}"/>
            </a:ext>
          </a:extLst>
        </xdr:cNvPr>
        <xdr:cNvSpPr/>
      </xdr:nvSpPr>
      <xdr:spPr>
        <a:xfrm>
          <a:off x="3746500" y="13071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34284</xdr:rowOff>
    </xdr:from>
    <xdr:ext cx="59901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3497795" y="131644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41976</xdr:rowOff>
    </xdr:from>
    <xdr:to>
      <xdr:col>15</xdr:col>
      <xdr:colOff>101600</xdr:colOff>
      <xdr:row>77</xdr:row>
      <xdr:rowOff>72126</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2857500" y="13172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63253</xdr:rowOff>
    </xdr:from>
    <xdr:ext cx="59901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2608795" y="132649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7702</xdr:rowOff>
    </xdr:from>
    <xdr:to>
      <xdr:col>10</xdr:col>
      <xdr:colOff>165100</xdr:colOff>
      <xdr:row>77</xdr:row>
      <xdr:rowOff>109302</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1968500" y="13209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00429</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1719795" y="133020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64714</xdr:rowOff>
    </xdr:from>
    <xdr:to>
      <xdr:col>6</xdr:col>
      <xdr:colOff>38100</xdr:colOff>
      <xdr:row>77</xdr:row>
      <xdr:rowOff>166314</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1079500" y="13266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57441</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830795" y="133590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a:extLst>
            <a:ext uri="{FF2B5EF4-FFF2-40B4-BE49-F238E27FC236}">
              <a16:creationId xmlns:a16="http://schemas.microsoft.com/office/drawing/2014/main" id="{00000000-0008-0000-0700-0000C9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a:extLst>
            <a:ext uri="{FF2B5EF4-FFF2-40B4-BE49-F238E27FC236}">
              <a16:creationId xmlns:a16="http://schemas.microsoft.com/office/drawing/2014/main" id="{00000000-0008-0000-0700-0000CA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a:extLst>
            <a:ext uri="{FF2B5EF4-FFF2-40B4-BE49-F238E27FC236}">
              <a16:creationId xmlns:a16="http://schemas.microsoft.com/office/drawing/2014/main" id="{00000000-0008-0000-0700-0000CB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700-0000CC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a:extLst>
            <a:ext uri="{FF2B5EF4-FFF2-40B4-BE49-F238E27FC236}">
              <a16:creationId xmlns:a16="http://schemas.microsoft.com/office/drawing/2014/main" id="{00000000-0008-0000-0700-0000D1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a:extLst>
            <a:ext uri="{FF2B5EF4-FFF2-40B4-BE49-F238E27FC236}">
              <a16:creationId xmlns:a16="http://schemas.microsoft.com/office/drawing/2014/main" id="{00000000-0008-0000-0700-0000D2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1" name="直線コネクタ 210">
          <a:extLst>
            <a:ext uri="{FF2B5EF4-FFF2-40B4-BE49-F238E27FC236}">
              <a16:creationId xmlns:a16="http://schemas.microsoft.com/office/drawing/2014/main" id="{00000000-0008-0000-0700-0000D3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2" name="テキスト ボックス 211">
          <a:extLst>
            <a:ext uri="{FF2B5EF4-FFF2-40B4-BE49-F238E27FC236}">
              <a16:creationId xmlns:a16="http://schemas.microsoft.com/office/drawing/2014/main" id="{00000000-0008-0000-0700-0000D4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3" name="直線コネクタ 212">
          <a:extLst>
            <a:ext uri="{FF2B5EF4-FFF2-40B4-BE49-F238E27FC236}">
              <a16:creationId xmlns:a16="http://schemas.microsoft.com/office/drawing/2014/main" id="{00000000-0008-0000-0700-0000D5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9</xdr:row>
      <xdr:rowOff>92727</xdr:rowOff>
    </xdr:from>
    <xdr:ext cx="685572"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76428" y="1535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7</xdr:row>
      <xdr:rowOff>54627</xdr:rowOff>
    </xdr:from>
    <xdr:ext cx="685572"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76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3" name="衛生費グラフ枠">
          <a:extLst>
            <a:ext uri="{FF2B5EF4-FFF2-40B4-BE49-F238E27FC236}">
              <a16:creationId xmlns:a16="http://schemas.microsoft.com/office/drawing/2014/main" id="{00000000-0008-0000-0700-0000DF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51002</xdr:rowOff>
    </xdr:from>
    <xdr:to>
      <xdr:col>24</xdr:col>
      <xdr:colOff>62865</xdr:colOff>
      <xdr:row>99</xdr:row>
      <xdr:rowOff>3527</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flipV="1">
          <a:off x="4633595" y="15652952"/>
          <a:ext cx="1270" cy="13241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7354</xdr:rowOff>
    </xdr:from>
    <xdr:ext cx="534377" cy="259045"/>
    <xdr:sp macro="" textlink="">
      <xdr:nvSpPr>
        <xdr:cNvPr id="225" name="衛生費最小値テキスト">
          <a:extLst>
            <a:ext uri="{FF2B5EF4-FFF2-40B4-BE49-F238E27FC236}">
              <a16:creationId xmlns:a16="http://schemas.microsoft.com/office/drawing/2014/main" id="{00000000-0008-0000-0700-0000E1000000}"/>
            </a:ext>
          </a:extLst>
        </xdr:cNvPr>
        <xdr:cNvSpPr txBox="1"/>
      </xdr:nvSpPr>
      <xdr:spPr>
        <a:xfrm>
          <a:off x="4686300" y="16980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3527</xdr:rowOff>
    </xdr:from>
    <xdr:to>
      <xdr:col>24</xdr:col>
      <xdr:colOff>152400</xdr:colOff>
      <xdr:row>99</xdr:row>
      <xdr:rowOff>3527</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4546600" y="16977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69129</xdr:rowOff>
    </xdr:from>
    <xdr:ext cx="690189" cy="259045"/>
    <xdr:sp macro="" textlink="">
      <xdr:nvSpPr>
        <xdr:cNvPr id="227" name="衛生費最大値テキスト">
          <a:extLst>
            <a:ext uri="{FF2B5EF4-FFF2-40B4-BE49-F238E27FC236}">
              <a16:creationId xmlns:a16="http://schemas.microsoft.com/office/drawing/2014/main" id="{00000000-0008-0000-0700-0000E3000000}"/>
            </a:ext>
          </a:extLst>
        </xdr:cNvPr>
        <xdr:cNvSpPr txBox="1"/>
      </xdr:nvSpPr>
      <xdr:spPr>
        <a:xfrm>
          <a:off x="4686300" y="1542817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74,84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51002</xdr:rowOff>
    </xdr:from>
    <xdr:to>
      <xdr:col>24</xdr:col>
      <xdr:colOff>152400</xdr:colOff>
      <xdr:row>91</xdr:row>
      <xdr:rowOff>51002</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4546600" y="156529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83919</xdr:rowOff>
    </xdr:from>
    <xdr:to>
      <xdr:col>24</xdr:col>
      <xdr:colOff>63500</xdr:colOff>
      <xdr:row>98</xdr:row>
      <xdr:rowOff>92917</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flipV="1">
          <a:off x="3797300" y="16886019"/>
          <a:ext cx="838200" cy="89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24444</xdr:rowOff>
    </xdr:from>
    <xdr:ext cx="534377" cy="259045"/>
    <xdr:sp macro="" textlink="">
      <xdr:nvSpPr>
        <xdr:cNvPr id="230" name="衛生費平均値テキスト">
          <a:extLst>
            <a:ext uri="{FF2B5EF4-FFF2-40B4-BE49-F238E27FC236}">
              <a16:creationId xmlns:a16="http://schemas.microsoft.com/office/drawing/2014/main" id="{00000000-0008-0000-0700-0000E6000000}"/>
            </a:ext>
          </a:extLst>
        </xdr:cNvPr>
        <xdr:cNvSpPr txBox="1"/>
      </xdr:nvSpPr>
      <xdr:spPr>
        <a:xfrm>
          <a:off x="4686300" y="168265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46017</xdr:rowOff>
    </xdr:from>
    <xdr:to>
      <xdr:col>24</xdr:col>
      <xdr:colOff>114300</xdr:colOff>
      <xdr:row>98</xdr:row>
      <xdr:rowOff>147617</xdr:rowOff>
    </xdr:to>
    <xdr:sp macro="" textlink="">
      <xdr:nvSpPr>
        <xdr:cNvPr id="231" name="フローチャート: 判断 230">
          <a:extLst>
            <a:ext uri="{FF2B5EF4-FFF2-40B4-BE49-F238E27FC236}">
              <a16:creationId xmlns:a16="http://schemas.microsoft.com/office/drawing/2014/main" id="{00000000-0008-0000-0700-0000E7000000}"/>
            </a:ext>
          </a:extLst>
        </xdr:cNvPr>
        <xdr:cNvSpPr/>
      </xdr:nvSpPr>
      <xdr:spPr>
        <a:xfrm>
          <a:off x="4584700" y="16848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92917</xdr:rowOff>
    </xdr:from>
    <xdr:to>
      <xdr:col>19</xdr:col>
      <xdr:colOff>177800</xdr:colOff>
      <xdr:row>98</xdr:row>
      <xdr:rowOff>100687</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flipV="1">
          <a:off x="2908300" y="16895017"/>
          <a:ext cx="889000" cy="7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55276</xdr:rowOff>
    </xdr:from>
    <xdr:to>
      <xdr:col>20</xdr:col>
      <xdr:colOff>38100</xdr:colOff>
      <xdr:row>98</xdr:row>
      <xdr:rowOff>156876</xdr:rowOff>
    </xdr:to>
    <xdr:sp macro="" textlink="">
      <xdr:nvSpPr>
        <xdr:cNvPr id="233" name="フローチャート: 判断 232">
          <a:extLst>
            <a:ext uri="{FF2B5EF4-FFF2-40B4-BE49-F238E27FC236}">
              <a16:creationId xmlns:a16="http://schemas.microsoft.com/office/drawing/2014/main" id="{00000000-0008-0000-0700-0000E9000000}"/>
            </a:ext>
          </a:extLst>
        </xdr:cNvPr>
        <xdr:cNvSpPr/>
      </xdr:nvSpPr>
      <xdr:spPr>
        <a:xfrm>
          <a:off x="3746500" y="16857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48003</xdr:rowOff>
    </xdr:from>
    <xdr:ext cx="534377" cy="259045"/>
    <xdr:sp macro="" textlink="">
      <xdr:nvSpPr>
        <xdr:cNvPr id="234" name="テキスト ボックス 233">
          <a:extLst>
            <a:ext uri="{FF2B5EF4-FFF2-40B4-BE49-F238E27FC236}">
              <a16:creationId xmlns:a16="http://schemas.microsoft.com/office/drawing/2014/main" id="{00000000-0008-0000-0700-0000EA000000}"/>
            </a:ext>
          </a:extLst>
        </xdr:cNvPr>
        <xdr:cNvSpPr txBox="1"/>
      </xdr:nvSpPr>
      <xdr:spPr>
        <a:xfrm>
          <a:off x="3530111" y="16950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00687</xdr:rowOff>
    </xdr:from>
    <xdr:to>
      <xdr:col>15</xdr:col>
      <xdr:colOff>50800</xdr:colOff>
      <xdr:row>98</xdr:row>
      <xdr:rowOff>114511</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flipV="1">
          <a:off x="2019300" y="16902787"/>
          <a:ext cx="889000" cy="13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67610</xdr:rowOff>
    </xdr:from>
    <xdr:to>
      <xdr:col>15</xdr:col>
      <xdr:colOff>101600</xdr:colOff>
      <xdr:row>98</xdr:row>
      <xdr:rowOff>169210</xdr:rowOff>
    </xdr:to>
    <xdr:sp macro="" textlink="">
      <xdr:nvSpPr>
        <xdr:cNvPr id="236" name="フローチャート: 判断 235">
          <a:extLst>
            <a:ext uri="{FF2B5EF4-FFF2-40B4-BE49-F238E27FC236}">
              <a16:creationId xmlns:a16="http://schemas.microsoft.com/office/drawing/2014/main" id="{00000000-0008-0000-0700-0000EC000000}"/>
            </a:ext>
          </a:extLst>
        </xdr:cNvPr>
        <xdr:cNvSpPr/>
      </xdr:nvSpPr>
      <xdr:spPr>
        <a:xfrm>
          <a:off x="2857500" y="16869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60337</xdr:rowOff>
    </xdr:from>
    <xdr:ext cx="534377" cy="259045"/>
    <xdr:sp macro="" textlink="">
      <xdr:nvSpPr>
        <xdr:cNvPr id="237" name="テキスト ボックス 236">
          <a:extLst>
            <a:ext uri="{FF2B5EF4-FFF2-40B4-BE49-F238E27FC236}">
              <a16:creationId xmlns:a16="http://schemas.microsoft.com/office/drawing/2014/main" id="{00000000-0008-0000-0700-0000ED000000}"/>
            </a:ext>
          </a:extLst>
        </xdr:cNvPr>
        <xdr:cNvSpPr txBox="1"/>
      </xdr:nvSpPr>
      <xdr:spPr>
        <a:xfrm>
          <a:off x="2641111" y="16962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02625</xdr:rowOff>
    </xdr:from>
    <xdr:to>
      <xdr:col>10</xdr:col>
      <xdr:colOff>114300</xdr:colOff>
      <xdr:row>98</xdr:row>
      <xdr:rowOff>114511</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a:off x="1130300" y="16904725"/>
          <a:ext cx="889000" cy="11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73422</xdr:rowOff>
    </xdr:from>
    <xdr:to>
      <xdr:col>10</xdr:col>
      <xdr:colOff>165100</xdr:colOff>
      <xdr:row>99</xdr:row>
      <xdr:rowOff>3572</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1968500" y="16875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66149</xdr:rowOff>
    </xdr:from>
    <xdr:ext cx="534377" cy="25904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1752111" y="16968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66602</xdr:rowOff>
    </xdr:from>
    <xdr:to>
      <xdr:col>6</xdr:col>
      <xdr:colOff>38100</xdr:colOff>
      <xdr:row>98</xdr:row>
      <xdr:rowOff>168202</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1079500" y="16868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59329</xdr:rowOff>
    </xdr:from>
    <xdr:ext cx="534377"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863111" y="16961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33119</xdr:rowOff>
    </xdr:from>
    <xdr:to>
      <xdr:col>24</xdr:col>
      <xdr:colOff>114300</xdr:colOff>
      <xdr:row>98</xdr:row>
      <xdr:rowOff>134719</xdr:rowOff>
    </xdr:to>
    <xdr:sp macro="" textlink="">
      <xdr:nvSpPr>
        <xdr:cNvPr id="248" name="楕円 247">
          <a:extLst>
            <a:ext uri="{FF2B5EF4-FFF2-40B4-BE49-F238E27FC236}">
              <a16:creationId xmlns:a16="http://schemas.microsoft.com/office/drawing/2014/main" id="{00000000-0008-0000-0700-0000F8000000}"/>
            </a:ext>
          </a:extLst>
        </xdr:cNvPr>
        <xdr:cNvSpPr/>
      </xdr:nvSpPr>
      <xdr:spPr>
        <a:xfrm>
          <a:off x="4584700" y="16835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63946</xdr:rowOff>
    </xdr:from>
    <xdr:ext cx="599010" cy="259045"/>
    <xdr:sp macro="" textlink="">
      <xdr:nvSpPr>
        <xdr:cNvPr id="249" name="衛生費該当値テキスト">
          <a:extLst>
            <a:ext uri="{FF2B5EF4-FFF2-40B4-BE49-F238E27FC236}">
              <a16:creationId xmlns:a16="http://schemas.microsoft.com/office/drawing/2014/main" id="{00000000-0008-0000-0700-0000F9000000}"/>
            </a:ext>
          </a:extLst>
        </xdr:cNvPr>
        <xdr:cNvSpPr txBox="1"/>
      </xdr:nvSpPr>
      <xdr:spPr>
        <a:xfrm>
          <a:off x="4686300" y="166231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42117</xdr:rowOff>
    </xdr:from>
    <xdr:to>
      <xdr:col>20</xdr:col>
      <xdr:colOff>38100</xdr:colOff>
      <xdr:row>98</xdr:row>
      <xdr:rowOff>143717</xdr:rowOff>
    </xdr:to>
    <xdr:sp macro="" textlink="">
      <xdr:nvSpPr>
        <xdr:cNvPr id="250" name="楕円 249">
          <a:extLst>
            <a:ext uri="{FF2B5EF4-FFF2-40B4-BE49-F238E27FC236}">
              <a16:creationId xmlns:a16="http://schemas.microsoft.com/office/drawing/2014/main" id="{00000000-0008-0000-0700-0000FA000000}"/>
            </a:ext>
          </a:extLst>
        </xdr:cNvPr>
        <xdr:cNvSpPr/>
      </xdr:nvSpPr>
      <xdr:spPr>
        <a:xfrm>
          <a:off x="3746500" y="16844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60244</xdr:rowOff>
    </xdr:from>
    <xdr:ext cx="534377"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530111" y="166194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49887</xdr:rowOff>
    </xdr:from>
    <xdr:to>
      <xdr:col>15</xdr:col>
      <xdr:colOff>101600</xdr:colOff>
      <xdr:row>98</xdr:row>
      <xdr:rowOff>151487</xdr:rowOff>
    </xdr:to>
    <xdr:sp macro="" textlink="">
      <xdr:nvSpPr>
        <xdr:cNvPr id="252" name="楕円 251">
          <a:extLst>
            <a:ext uri="{FF2B5EF4-FFF2-40B4-BE49-F238E27FC236}">
              <a16:creationId xmlns:a16="http://schemas.microsoft.com/office/drawing/2014/main" id="{00000000-0008-0000-0700-0000FC000000}"/>
            </a:ext>
          </a:extLst>
        </xdr:cNvPr>
        <xdr:cNvSpPr/>
      </xdr:nvSpPr>
      <xdr:spPr>
        <a:xfrm>
          <a:off x="2857500" y="16851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68014</xdr:rowOff>
    </xdr:from>
    <xdr:ext cx="534377"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2641111" y="16627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63711</xdr:rowOff>
    </xdr:from>
    <xdr:to>
      <xdr:col>10</xdr:col>
      <xdr:colOff>165100</xdr:colOff>
      <xdr:row>98</xdr:row>
      <xdr:rowOff>165311</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1968500" y="16865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0388</xdr:rowOff>
    </xdr:from>
    <xdr:ext cx="534377"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1752111" y="16641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51825</xdr:rowOff>
    </xdr:from>
    <xdr:to>
      <xdr:col>6</xdr:col>
      <xdr:colOff>38100</xdr:colOff>
      <xdr:row>98</xdr:row>
      <xdr:rowOff>153425</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1079500" y="16853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69952</xdr:rowOff>
    </xdr:from>
    <xdr:ext cx="534377"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863111" y="16629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8" name="正方形/長方形 257">
          <a:extLst>
            <a:ext uri="{FF2B5EF4-FFF2-40B4-BE49-F238E27FC236}">
              <a16:creationId xmlns:a16="http://schemas.microsoft.com/office/drawing/2014/main" id="{00000000-0008-0000-0700-000002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9" name="正方形/長方形 258">
          <a:extLst>
            <a:ext uri="{FF2B5EF4-FFF2-40B4-BE49-F238E27FC236}">
              <a16:creationId xmlns:a16="http://schemas.microsoft.com/office/drawing/2014/main" id="{00000000-0008-0000-0700-000003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0" name="正方形/長方形 259">
          <a:extLst>
            <a:ext uri="{FF2B5EF4-FFF2-40B4-BE49-F238E27FC236}">
              <a16:creationId xmlns:a16="http://schemas.microsoft.com/office/drawing/2014/main" id="{00000000-0008-0000-0700-000004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1" name="正方形/長方形 260">
          <a:extLst>
            <a:ext uri="{FF2B5EF4-FFF2-40B4-BE49-F238E27FC236}">
              <a16:creationId xmlns:a16="http://schemas.microsoft.com/office/drawing/2014/main" id="{00000000-0008-0000-0700-000005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6" name="テキスト ボックス 265">
          <a:extLst>
            <a:ext uri="{FF2B5EF4-FFF2-40B4-BE49-F238E27FC236}">
              <a16:creationId xmlns:a16="http://schemas.microsoft.com/office/drawing/2014/main" id="{00000000-0008-0000-0700-00000A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7" name="直線コネクタ 266">
          <a:extLst>
            <a:ext uri="{FF2B5EF4-FFF2-40B4-BE49-F238E27FC236}">
              <a16:creationId xmlns:a16="http://schemas.microsoft.com/office/drawing/2014/main" id="{00000000-0008-0000-0700-00000B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68" name="直線コネクタ 267">
          <a:extLst>
            <a:ext uri="{FF2B5EF4-FFF2-40B4-BE49-F238E27FC236}">
              <a16:creationId xmlns:a16="http://schemas.microsoft.com/office/drawing/2014/main" id="{00000000-0008-0000-0700-00000C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69" name="テキスト ボックス 268">
          <a:extLst>
            <a:ext uri="{FF2B5EF4-FFF2-40B4-BE49-F238E27FC236}">
              <a16:creationId xmlns:a16="http://schemas.microsoft.com/office/drawing/2014/main" id="{00000000-0008-0000-0700-00000D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0" name="直線コネクタ 269">
          <a:extLst>
            <a:ext uri="{FF2B5EF4-FFF2-40B4-BE49-F238E27FC236}">
              <a16:creationId xmlns:a16="http://schemas.microsoft.com/office/drawing/2014/main" id="{00000000-0008-0000-0700-00000E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54627</xdr:rowOff>
    </xdr:from>
    <xdr:ext cx="531299" cy="259045"/>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6072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11777</xdr:rowOff>
    </xdr:from>
    <xdr:ext cx="531299" cy="259045"/>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072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168927</xdr:rowOff>
    </xdr:from>
    <xdr:ext cx="531299"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072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8" name="労働費グラフ枠">
          <a:extLst>
            <a:ext uri="{FF2B5EF4-FFF2-40B4-BE49-F238E27FC236}">
              <a16:creationId xmlns:a16="http://schemas.microsoft.com/office/drawing/2014/main" id="{00000000-0008-0000-0700-000016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85979</xdr:rowOff>
    </xdr:from>
    <xdr:to>
      <xdr:col>54</xdr:col>
      <xdr:colOff>189865</xdr:colOff>
      <xdr:row>38</xdr:row>
      <xdr:rowOff>1397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flipV="1">
          <a:off x="10475595" y="5400929"/>
          <a:ext cx="1270" cy="12538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8150</xdr:rowOff>
    </xdr:from>
    <xdr:ext cx="249299" cy="259045"/>
    <xdr:sp macro="" textlink="">
      <xdr:nvSpPr>
        <xdr:cNvPr id="280" name="労働費最小値テキスト">
          <a:extLst>
            <a:ext uri="{FF2B5EF4-FFF2-40B4-BE49-F238E27FC236}">
              <a16:creationId xmlns:a16="http://schemas.microsoft.com/office/drawing/2014/main" id="{00000000-0008-0000-0700-000018010000}"/>
            </a:ext>
          </a:extLst>
        </xdr:cNvPr>
        <xdr:cNvSpPr txBox="1"/>
      </xdr:nvSpPr>
      <xdr:spPr>
        <a:xfrm>
          <a:off x="10528300" y="66632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32656</xdr:rowOff>
    </xdr:from>
    <xdr:ext cx="534377" cy="259045"/>
    <xdr:sp macro="" textlink="">
      <xdr:nvSpPr>
        <xdr:cNvPr id="282" name="労働費最大値テキスト">
          <a:extLst>
            <a:ext uri="{FF2B5EF4-FFF2-40B4-BE49-F238E27FC236}">
              <a16:creationId xmlns:a16="http://schemas.microsoft.com/office/drawing/2014/main" id="{00000000-0008-0000-0700-00001A010000}"/>
            </a:ext>
          </a:extLst>
        </xdr:cNvPr>
        <xdr:cNvSpPr txBox="1"/>
      </xdr:nvSpPr>
      <xdr:spPr>
        <a:xfrm>
          <a:off x="10528300" y="5176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42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85979</xdr:rowOff>
    </xdr:from>
    <xdr:to>
      <xdr:col>55</xdr:col>
      <xdr:colOff>88900</xdr:colOff>
      <xdr:row>31</xdr:row>
      <xdr:rowOff>85979</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10388600" y="54009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39700</xdr:rowOff>
    </xdr:from>
    <xdr:to>
      <xdr:col>55</xdr:col>
      <xdr:colOff>0</xdr:colOff>
      <xdr:row>38</xdr:row>
      <xdr:rowOff>13970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a:off x="9639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65600</xdr:rowOff>
    </xdr:from>
    <xdr:ext cx="469744" cy="259045"/>
    <xdr:sp macro="" textlink="">
      <xdr:nvSpPr>
        <xdr:cNvPr id="285" name="労働費平均値テキスト">
          <a:extLst>
            <a:ext uri="{FF2B5EF4-FFF2-40B4-BE49-F238E27FC236}">
              <a16:creationId xmlns:a16="http://schemas.microsoft.com/office/drawing/2014/main" id="{00000000-0008-0000-0700-00001D010000}"/>
            </a:ext>
          </a:extLst>
        </xdr:cNvPr>
        <xdr:cNvSpPr txBox="1"/>
      </xdr:nvSpPr>
      <xdr:spPr>
        <a:xfrm>
          <a:off x="10528300" y="64092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42723</xdr:rowOff>
    </xdr:from>
    <xdr:to>
      <xdr:col>55</xdr:col>
      <xdr:colOff>50800</xdr:colOff>
      <xdr:row>38</xdr:row>
      <xdr:rowOff>144323</xdr:rowOff>
    </xdr:to>
    <xdr:sp macro="" textlink="">
      <xdr:nvSpPr>
        <xdr:cNvPr id="286" name="フローチャート: 判断 285">
          <a:extLst>
            <a:ext uri="{FF2B5EF4-FFF2-40B4-BE49-F238E27FC236}">
              <a16:creationId xmlns:a16="http://schemas.microsoft.com/office/drawing/2014/main" id="{00000000-0008-0000-0700-00001E010000}"/>
            </a:ext>
          </a:extLst>
        </xdr:cNvPr>
        <xdr:cNvSpPr/>
      </xdr:nvSpPr>
      <xdr:spPr>
        <a:xfrm>
          <a:off x="10426700" y="6557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39700</xdr:rowOff>
    </xdr:from>
    <xdr:to>
      <xdr:col>50</xdr:col>
      <xdr:colOff>114300</xdr:colOff>
      <xdr:row>38</xdr:row>
      <xdr:rowOff>13970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8750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50998</xdr:rowOff>
    </xdr:from>
    <xdr:to>
      <xdr:col>50</xdr:col>
      <xdr:colOff>165100</xdr:colOff>
      <xdr:row>38</xdr:row>
      <xdr:rowOff>152598</xdr:rowOff>
    </xdr:to>
    <xdr:sp macro="" textlink="">
      <xdr:nvSpPr>
        <xdr:cNvPr id="288" name="フローチャート: 判断 287">
          <a:extLst>
            <a:ext uri="{FF2B5EF4-FFF2-40B4-BE49-F238E27FC236}">
              <a16:creationId xmlns:a16="http://schemas.microsoft.com/office/drawing/2014/main" id="{00000000-0008-0000-0700-000020010000}"/>
            </a:ext>
          </a:extLst>
        </xdr:cNvPr>
        <xdr:cNvSpPr/>
      </xdr:nvSpPr>
      <xdr:spPr>
        <a:xfrm>
          <a:off x="9588500" y="6566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69125</xdr:rowOff>
    </xdr:from>
    <xdr:ext cx="378565" cy="259045"/>
    <xdr:sp macro="" textlink="">
      <xdr:nvSpPr>
        <xdr:cNvPr id="289" name="テキスト ボックス 288">
          <a:extLst>
            <a:ext uri="{FF2B5EF4-FFF2-40B4-BE49-F238E27FC236}">
              <a16:creationId xmlns:a16="http://schemas.microsoft.com/office/drawing/2014/main" id="{00000000-0008-0000-0700-000021010000}"/>
            </a:ext>
          </a:extLst>
        </xdr:cNvPr>
        <xdr:cNvSpPr txBox="1"/>
      </xdr:nvSpPr>
      <xdr:spPr>
        <a:xfrm>
          <a:off x="9450017" y="63413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39700</xdr:rowOff>
    </xdr:from>
    <xdr:to>
      <xdr:col>45</xdr:col>
      <xdr:colOff>177800</xdr:colOff>
      <xdr:row>38</xdr:row>
      <xdr:rowOff>139700</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7861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41534</xdr:rowOff>
    </xdr:from>
    <xdr:to>
      <xdr:col>46</xdr:col>
      <xdr:colOff>38100</xdr:colOff>
      <xdr:row>38</xdr:row>
      <xdr:rowOff>143134</xdr:rowOff>
    </xdr:to>
    <xdr:sp macro="" textlink="">
      <xdr:nvSpPr>
        <xdr:cNvPr id="291" name="フローチャート: 判断 290">
          <a:extLst>
            <a:ext uri="{FF2B5EF4-FFF2-40B4-BE49-F238E27FC236}">
              <a16:creationId xmlns:a16="http://schemas.microsoft.com/office/drawing/2014/main" id="{00000000-0008-0000-0700-000023010000}"/>
            </a:ext>
          </a:extLst>
        </xdr:cNvPr>
        <xdr:cNvSpPr/>
      </xdr:nvSpPr>
      <xdr:spPr>
        <a:xfrm>
          <a:off x="8699500" y="6556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6</xdr:row>
      <xdr:rowOff>159661</xdr:rowOff>
    </xdr:from>
    <xdr:ext cx="469744" cy="259045"/>
    <xdr:sp macro="" textlink="">
      <xdr:nvSpPr>
        <xdr:cNvPr id="292" name="テキスト ボックス 291">
          <a:extLst>
            <a:ext uri="{FF2B5EF4-FFF2-40B4-BE49-F238E27FC236}">
              <a16:creationId xmlns:a16="http://schemas.microsoft.com/office/drawing/2014/main" id="{00000000-0008-0000-0700-000024010000}"/>
            </a:ext>
          </a:extLst>
        </xdr:cNvPr>
        <xdr:cNvSpPr txBox="1"/>
      </xdr:nvSpPr>
      <xdr:spPr>
        <a:xfrm>
          <a:off x="8515428" y="63318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39700</xdr:rowOff>
    </xdr:from>
    <xdr:to>
      <xdr:col>41</xdr:col>
      <xdr:colOff>50800</xdr:colOff>
      <xdr:row>38</xdr:row>
      <xdr:rowOff>139700</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a:off x="6972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34219</xdr:rowOff>
    </xdr:from>
    <xdr:to>
      <xdr:col>41</xdr:col>
      <xdr:colOff>101600</xdr:colOff>
      <xdr:row>38</xdr:row>
      <xdr:rowOff>135819</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7810500" y="6549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6</xdr:row>
      <xdr:rowOff>152346</xdr:rowOff>
    </xdr:from>
    <xdr:ext cx="469744" cy="259045"/>
    <xdr:sp macro="" textlink="">
      <xdr:nvSpPr>
        <xdr:cNvPr id="295" name="テキスト ボックス 294">
          <a:extLst>
            <a:ext uri="{FF2B5EF4-FFF2-40B4-BE49-F238E27FC236}">
              <a16:creationId xmlns:a16="http://schemas.microsoft.com/office/drawing/2014/main" id="{00000000-0008-0000-0700-000027010000}"/>
            </a:ext>
          </a:extLst>
        </xdr:cNvPr>
        <xdr:cNvSpPr txBox="1"/>
      </xdr:nvSpPr>
      <xdr:spPr>
        <a:xfrm>
          <a:off x="7626428" y="63245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32893</xdr:rowOff>
    </xdr:from>
    <xdr:to>
      <xdr:col>36</xdr:col>
      <xdr:colOff>165100</xdr:colOff>
      <xdr:row>38</xdr:row>
      <xdr:rowOff>134493</xdr:rowOff>
    </xdr:to>
    <xdr:sp macro="" textlink="">
      <xdr:nvSpPr>
        <xdr:cNvPr id="296" name="フローチャート: 判断 295">
          <a:extLst>
            <a:ext uri="{FF2B5EF4-FFF2-40B4-BE49-F238E27FC236}">
              <a16:creationId xmlns:a16="http://schemas.microsoft.com/office/drawing/2014/main" id="{00000000-0008-0000-0700-000028010000}"/>
            </a:ext>
          </a:extLst>
        </xdr:cNvPr>
        <xdr:cNvSpPr/>
      </xdr:nvSpPr>
      <xdr:spPr>
        <a:xfrm>
          <a:off x="6921500" y="6547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6</xdr:row>
      <xdr:rowOff>151020</xdr:rowOff>
    </xdr:from>
    <xdr:ext cx="469744" cy="259045"/>
    <xdr:sp macro="" textlink="">
      <xdr:nvSpPr>
        <xdr:cNvPr id="297" name="テキスト ボックス 296">
          <a:extLst>
            <a:ext uri="{FF2B5EF4-FFF2-40B4-BE49-F238E27FC236}">
              <a16:creationId xmlns:a16="http://schemas.microsoft.com/office/drawing/2014/main" id="{00000000-0008-0000-0700-000029010000}"/>
            </a:ext>
          </a:extLst>
        </xdr:cNvPr>
        <xdr:cNvSpPr txBox="1"/>
      </xdr:nvSpPr>
      <xdr:spPr>
        <a:xfrm>
          <a:off x="6737428" y="63232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88900</xdr:rowOff>
    </xdr:from>
    <xdr:to>
      <xdr:col>55</xdr:col>
      <xdr:colOff>50800</xdr:colOff>
      <xdr:row>39</xdr:row>
      <xdr:rowOff>19050</xdr:rowOff>
    </xdr:to>
    <xdr:sp macro="" textlink="">
      <xdr:nvSpPr>
        <xdr:cNvPr id="303" name="楕円 302">
          <a:extLst>
            <a:ext uri="{FF2B5EF4-FFF2-40B4-BE49-F238E27FC236}">
              <a16:creationId xmlns:a16="http://schemas.microsoft.com/office/drawing/2014/main" id="{00000000-0008-0000-0700-00002F010000}"/>
            </a:ext>
          </a:extLst>
        </xdr:cNvPr>
        <xdr:cNvSpPr/>
      </xdr:nvSpPr>
      <xdr:spPr>
        <a:xfrm>
          <a:off x="10426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21150</xdr:rowOff>
    </xdr:from>
    <xdr:ext cx="249299" cy="259045"/>
    <xdr:sp macro="" textlink="">
      <xdr:nvSpPr>
        <xdr:cNvPr id="304" name="労働費該当値テキスト">
          <a:extLst>
            <a:ext uri="{FF2B5EF4-FFF2-40B4-BE49-F238E27FC236}">
              <a16:creationId xmlns:a16="http://schemas.microsoft.com/office/drawing/2014/main" id="{00000000-0008-0000-0700-000030010000}"/>
            </a:ext>
          </a:extLst>
        </xdr:cNvPr>
        <xdr:cNvSpPr txBox="1"/>
      </xdr:nvSpPr>
      <xdr:spPr>
        <a:xfrm>
          <a:off x="10528300" y="65362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88900</xdr:rowOff>
    </xdr:from>
    <xdr:to>
      <xdr:col>50</xdr:col>
      <xdr:colOff>165100</xdr:colOff>
      <xdr:row>39</xdr:row>
      <xdr:rowOff>19050</xdr:rowOff>
    </xdr:to>
    <xdr:sp macro="" textlink="">
      <xdr:nvSpPr>
        <xdr:cNvPr id="305" name="楕円 304">
          <a:extLst>
            <a:ext uri="{FF2B5EF4-FFF2-40B4-BE49-F238E27FC236}">
              <a16:creationId xmlns:a16="http://schemas.microsoft.com/office/drawing/2014/main" id="{00000000-0008-0000-0700-000031010000}"/>
            </a:ext>
          </a:extLst>
        </xdr:cNvPr>
        <xdr:cNvSpPr/>
      </xdr:nvSpPr>
      <xdr:spPr>
        <a:xfrm>
          <a:off x="9588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39</xdr:row>
      <xdr:rowOff>10177</xdr:rowOff>
    </xdr:from>
    <xdr:ext cx="249299"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9514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88900</xdr:rowOff>
    </xdr:from>
    <xdr:to>
      <xdr:col>46</xdr:col>
      <xdr:colOff>38100</xdr:colOff>
      <xdr:row>39</xdr:row>
      <xdr:rowOff>19050</xdr:rowOff>
    </xdr:to>
    <xdr:sp macro="" textlink="">
      <xdr:nvSpPr>
        <xdr:cNvPr id="307" name="楕円 306">
          <a:extLst>
            <a:ext uri="{FF2B5EF4-FFF2-40B4-BE49-F238E27FC236}">
              <a16:creationId xmlns:a16="http://schemas.microsoft.com/office/drawing/2014/main" id="{00000000-0008-0000-0700-000033010000}"/>
            </a:ext>
          </a:extLst>
        </xdr:cNvPr>
        <xdr:cNvSpPr/>
      </xdr:nvSpPr>
      <xdr:spPr>
        <a:xfrm>
          <a:off x="8699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39</xdr:row>
      <xdr:rowOff>10177</xdr:rowOff>
    </xdr:from>
    <xdr:ext cx="249299"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8625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88900</xdr:rowOff>
    </xdr:from>
    <xdr:to>
      <xdr:col>41</xdr:col>
      <xdr:colOff>101600</xdr:colOff>
      <xdr:row>39</xdr:row>
      <xdr:rowOff>19050</xdr:rowOff>
    </xdr:to>
    <xdr:sp macro="" textlink="">
      <xdr:nvSpPr>
        <xdr:cNvPr id="309" name="楕円 308">
          <a:extLst>
            <a:ext uri="{FF2B5EF4-FFF2-40B4-BE49-F238E27FC236}">
              <a16:creationId xmlns:a16="http://schemas.microsoft.com/office/drawing/2014/main" id="{00000000-0008-0000-0700-000035010000}"/>
            </a:ext>
          </a:extLst>
        </xdr:cNvPr>
        <xdr:cNvSpPr/>
      </xdr:nvSpPr>
      <xdr:spPr>
        <a:xfrm>
          <a:off x="781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39</xdr:row>
      <xdr:rowOff>10177</xdr:rowOff>
    </xdr:from>
    <xdr:ext cx="249299"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773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8900</xdr:rowOff>
    </xdr:from>
    <xdr:to>
      <xdr:col>36</xdr:col>
      <xdr:colOff>165100</xdr:colOff>
      <xdr:row>39</xdr:row>
      <xdr:rowOff>19050</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692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39</xdr:row>
      <xdr:rowOff>10177</xdr:rowOff>
    </xdr:from>
    <xdr:ext cx="249299"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684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3" name="正方形/長方形 312">
          <a:extLst>
            <a:ext uri="{FF2B5EF4-FFF2-40B4-BE49-F238E27FC236}">
              <a16:creationId xmlns:a16="http://schemas.microsoft.com/office/drawing/2014/main" id="{00000000-0008-0000-0700-000039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4" name="正方形/長方形 313">
          <a:extLst>
            <a:ext uri="{FF2B5EF4-FFF2-40B4-BE49-F238E27FC236}">
              <a16:creationId xmlns:a16="http://schemas.microsoft.com/office/drawing/2014/main" id="{00000000-0008-0000-0700-00003A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5" name="正方形/長方形 314">
          <a:extLst>
            <a:ext uri="{FF2B5EF4-FFF2-40B4-BE49-F238E27FC236}">
              <a16:creationId xmlns:a16="http://schemas.microsoft.com/office/drawing/2014/main" id="{00000000-0008-0000-0700-00003B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6" name="正方形/長方形 315">
          <a:extLst>
            <a:ext uri="{FF2B5EF4-FFF2-40B4-BE49-F238E27FC236}">
              <a16:creationId xmlns:a16="http://schemas.microsoft.com/office/drawing/2014/main" id="{00000000-0008-0000-0700-00003C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7" name="正方形/長方形 316">
          <a:extLst>
            <a:ext uri="{FF2B5EF4-FFF2-40B4-BE49-F238E27FC236}">
              <a16:creationId xmlns:a16="http://schemas.microsoft.com/office/drawing/2014/main" id="{00000000-0008-0000-0700-00003D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2" name="直線コネクタ 321">
          <a:extLst>
            <a:ext uri="{FF2B5EF4-FFF2-40B4-BE49-F238E27FC236}">
              <a16:creationId xmlns:a16="http://schemas.microsoft.com/office/drawing/2014/main" id="{00000000-0008-0000-0700-000042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3" name="直線コネクタ 322">
          <a:extLst>
            <a:ext uri="{FF2B5EF4-FFF2-40B4-BE49-F238E27FC236}">
              <a16:creationId xmlns:a16="http://schemas.microsoft.com/office/drawing/2014/main" id="{00000000-0008-0000-0700-000043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4" name="テキスト ボックス 323">
          <a:extLst>
            <a:ext uri="{FF2B5EF4-FFF2-40B4-BE49-F238E27FC236}">
              <a16:creationId xmlns:a16="http://schemas.microsoft.com/office/drawing/2014/main" id="{00000000-0008-0000-0700-000044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5" name="直線コネクタ 324">
          <a:extLst>
            <a:ext uri="{FF2B5EF4-FFF2-40B4-BE49-F238E27FC236}">
              <a16:creationId xmlns:a16="http://schemas.microsoft.com/office/drawing/2014/main" id="{00000000-0008-0000-0700-000045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26" name="テキスト ボックス 325">
          <a:extLst>
            <a:ext uri="{FF2B5EF4-FFF2-40B4-BE49-F238E27FC236}">
              <a16:creationId xmlns:a16="http://schemas.microsoft.com/office/drawing/2014/main" id="{00000000-0008-0000-0700-000046010000}"/>
            </a:ext>
          </a:extLst>
        </xdr:cNvPr>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7" name="直線コネクタ 326">
          <a:extLst>
            <a:ext uri="{FF2B5EF4-FFF2-40B4-BE49-F238E27FC236}">
              <a16:creationId xmlns:a16="http://schemas.microsoft.com/office/drawing/2014/main" id="{00000000-0008-0000-0700-000047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5" name="農林水産業費グラフ枠">
          <a:extLst>
            <a:ext uri="{FF2B5EF4-FFF2-40B4-BE49-F238E27FC236}">
              <a16:creationId xmlns:a16="http://schemas.microsoft.com/office/drawing/2014/main" id="{00000000-0008-0000-0700-00004F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71867</xdr:rowOff>
    </xdr:from>
    <xdr:to>
      <xdr:col>54</xdr:col>
      <xdr:colOff>189865</xdr:colOff>
      <xdr:row>59</xdr:row>
      <xdr:rowOff>36293</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flipV="1">
          <a:off x="10475595" y="8815817"/>
          <a:ext cx="1270" cy="13360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0120</xdr:rowOff>
    </xdr:from>
    <xdr:ext cx="469744" cy="259045"/>
    <xdr:sp macro="" textlink="">
      <xdr:nvSpPr>
        <xdr:cNvPr id="337" name="農林水産業費最小値テキスト">
          <a:extLst>
            <a:ext uri="{FF2B5EF4-FFF2-40B4-BE49-F238E27FC236}">
              <a16:creationId xmlns:a16="http://schemas.microsoft.com/office/drawing/2014/main" id="{00000000-0008-0000-0700-000051010000}"/>
            </a:ext>
          </a:extLst>
        </xdr:cNvPr>
        <xdr:cNvSpPr txBox="1"/>
      </xdr:nvSpPr>
      <xdr:spPr>
        <a:xfrm>
          <a:off x="10528300" y="10155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6293</xdr:rowOff>
    </xdr:from>
    <xdr:to>
      <xdr:col>55</xdr:col>
      <xdr:colOff>88900</xdr:colOff>
      <xdr:row>59</xdr:row>
      <xdr:rowOff>36293</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10388600" y="10151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8544</xdr:rowOff>
    </xdr:from>
    <xdr:ext cx="599010" cy="259045"/>
    <xdr:sp macro="" textlink="">
      <xdr:nvSpPr>
        <xdr:cNvPr id="339" name="農林水産業費最大値テキスト">
          <a:extLst>
            <a:ext uri="{FF2B5EF4-FFF2-40B4-BE49-F238E27FC236}">
              <a16:creationId xmlns:a16="http://schemas.microsoft.com/office/drawing/2014/main" id="{00000000-0008-0000-0700-000053010000}"/>
            </a:ext>
          </a:extLst>
        </xdr:cNvPr>
        <xdr:cNvSpPr txBox="1"/>
      </xdr:nvSpPr>
      <xdr:spPr>
        <a:xfrm>
          <a:off x="10528300" y="85910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2,80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71867</xdr:rowOff>
    </xdr:from>
    <xdr:to>
      <xdr:col>55</xdr:col>
      <xdr:colOff>88900</xdr:colOff>
      <xdr:row>51</xdr:row>
      <xdr:rowOff>71867</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10388600" y="88158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8186</xdr:rowOff>
    </xdr:from>
    <xdr:to>
      <xdr:col>55</xdr:col>
      <xdr:colOff>0</xdr:colOff>
      <xdr:row>59</xdr:row>
      <xdr:rowOff>12888</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9639300" y="10123736"/>
          <a:ext cx="838200" cy="4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6453</xdr:rowOff>
    </xdr:from>
    <xdr:ext cx="534377" cy="259045"/>
    <xdr:sp macro="" textlink="">
      <xdr:nvSpPr>
        <xdr:cNvPr id="342" name="農林水産業費平均値テキスト">
          <a:extLst>
            <a:ext uri="{FF2B5EF4-FFF2-40B4-BE49-F238E27FC236}">
              <a16:creationId xmlns:a16="http://schemas.microsoft.com/office/drawing/2014/main" id="{00000000-0008-0000-0700-000056010000}"/>
            </a:ext>
          </a:extLst>
        </xdr:cNvPr>
        <xdr:cNvSpPr txBox="1"/>
      </xdr:nvSpPr>
      <xdr:spPr>
        <a:xfrm>
          <a:off x="10528300" y="977910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5026</xdr:rowOff>
    </xdr:from>
    <xdr:to>
      <xdr:col>55</xdr:col>
      <xdr:colOff>50800</xdr:colOff>
      <xdr:row>58</xdr:row>
      <xdr:rowOff>85176</xdr:rowOff>
    </xdr:to>
    <xdr:sp macro="" textlink="">
      <xdr:nvSpPr>
        <xdr:cNvPr id="343" name="フローチャート: 判断 342">
          <a:extLst>
            <a:ext uri="{FF2B5EF4-FFF2-40B4-BE49-F238E27FC236}">
              <a16:creationId xmlns:a16="http://schemas.microsoft.com/office/drawing/2014/main" id="{00000000-0008-0000-0700-000057010000}"/>
            </a:ext>
          </a:extLst>
        </xdr:cNvPr>
        <xdr:cNvSpPr/>
      </xdr:nvSpPr>
      <xdr:spPr>
        <a:xfrm>
          <a:off x="10426700" y="9927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45483</xdr:rowOff>
    </xdr:from>
    <xdr:to>
      <xdr:col>50</xdr:col>
      <xdr:colOff>114300</xdr:colOff>
      <xdr:row>59</xdr:row>
      <xdr:rowOff>8186</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8750300" y="10089583"/>
          <a:ext cx="889000" cy="34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43189</xdr:rowOff>
    </xdr:from>
    <xdr:to>
      <xdr:col>50</xdr:col>
      <xdr:colOff>165100</xdr:colOff>
      <xdr:row>58</xdr:row>
      <xdr:rowOff>73339</xdr:rowOff>
    </xdr:to>
    <xdr:sp macro="" textlink="">
      <xdr:nvSpPr>
        <xdr:cNvPr id="345" name="フローチャート: 判断 344">
          <a:extLst>
            <a:ext uri="{FF2B5EF4-FFF2-40B4-BE49-F238E27FC236}">
              <a16:creationId xmlns:a16="http://schemas.microsoft.com/office/drawing/2014/main" id="{00000000-0008-0000-0700-000059010000}"/>
            </a:ext>
          </a:extLst>
        </xdr:cNvPr>
        <xdr:cNvSpPr/>
      </xdr:nvSpPr>
      <xdr:spPr>
        <a:xfrm>
          <a:off x="9588500" y="9915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89866</xdr:rowOff>
    </xdr:from>
    <xdr:ext cx="534377" cy="259045"/>
    <xdr:sp macro="" textlink="">
      <xdr:nvSpPr>
        <xdr:cNvPr id="346" name="テキスト ボックス 345">
          <a:extLst>
            <a:ext uri="{FF2B5EF4-FFF2-40B4-BE49-F238E27FC236}">
              <a16:creationId xmlns:a16="http://schemas.microsoft.com/office/drawing/2014/main" id="{00000000-0008-0000-0700-00005A010000}"/>
            </a:ext>
          </a:extLst>
        </xdr:cNvPr>
        <xdr:cNvSpPr txBox="1"/>
      </xdr:nvSpPr>
      <xdr:spPr>
        <a:xfrm>
          <a:off x="9372111" y="9691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45483</xdr:rowOff>
    </xdr:from>
    <xdr:to>
      <xdr:col>45</xdr:col>
      <xdr:colOff>177800</xdr:colOff>
      <xdr:row>59</xdr:row>
      <xdr:rowOff>18435</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flipV="1">
          <a:off x="7861300" y="10089583"/>
          <a:ext cx="889000" cy="444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66453</xdr:rowOff>
    </xdr:from>
    <xdr:to>
      <xdr:col>46</xdr:col>
      <xdr:colOff>38100</xdr:colOff>
      <xdr:row>58</xdr:row>
      <xdr:rowOff>96603</xdr:rowOff>
    </xdr:to>
    <xdr:sp macro="" textlink="">
      <xdr:nvSpPr>
        <xdr:cNvPr id="348" name="フローチャート: 判断 347">
          <a:extLst>
            <a:ext uri="{FF2B5EF4-FFF2-40B4-BE49-F238E27FC236}">
              <a16:creationId xmlns:a16="http://schemas.microsoft.com/office/drawing/2014/main" id="{00000000-0008-0000-0700-00005C010000}"/>
            </a:ext>
          </a:extLst>
        </xdr:cNvPr>
        <xdr:cNvSpPr/>
      </xdr:nvSpPr>
      <xdr:spPr>
        <a:xfrm>
          <a:off x="8699500" y="9939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13130</xdr:rowOff>
    </xdr:from>
    <xdr:ext cx="534377" cy="259045"/>
    <xdr:sp macro="" textlink="">
      <xdr:nvSpPr>
        <xdr:cNvPr id="349" name="テキスト ボックス 348">
          <a:extLst>
            <a:ext uri="{FF2B5EF4-FFF2-40B4-BE49-F238E27FC236}">
              <a16:creationId xmlns:a16="http://schemas.microsoft.com/office/drawing/2014/main" id="{00000000-0008-0000-0700-00005D010000}"/>
            </a:ext>
          </a:extLst>
        </xdr:cNvPr>
        <xdr:cNvSpPr txBox="1"/>
      </xdr:nvSpPr>
      <xdr:spPr>
        <a:xfrm>
          <a:off x="8483111" y="9714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4929</xdr:rowOff>
    </xdr:from>
    <xdr:to>
      <xdr:col>41</xdr:col>
      <xdr:colOff>50800</xdr:colOff>
      <xdr:row>59</xdr:row>
      <xdr:rowOff>18435</xdr:rowOff>
    </xdr:to>
    <xdr:cxnSp macro="">
      <xdr:nvCxnSpPr>
        <xdr:cNvPr id="350" name="直線コネクタ 349">
          <a:extLst>
            <a:ext uri="{FF2B5EF4-FFF2-40B4-BE49-F238E27FC236}">
              <a16:creationId xmlns:a16="http://schemas.microsoft.com/office/drawing/2014/main" id="{00000000-0008-0000-0700-00005E010000}"/>
            </a:ext>
          </a:extLst>
        </xdr:cNvPr>
        <xdr:cNvCxnSpPr/>
      </xdr:nvCxnSpPr>
      <xdr:spPr>
        <a:xfrm>
          <a:off x="6972300" y="10120479"/>
          <a:ext cx="889000" cy="135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57114</xdr:rowOff>
    </xdr:from>
    <xdr:to>
      <xdr:col>41</xdr:col>
      <xdr:colOff>101600</xdr:colOff>
      <xdr:row>58</xdr:row>
      <xdr:rowOff>87264</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7810500" y="9929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03791</xdr:rowOff>
    </xdr:from>
    <xdr:ext cx="534377" cy="259045"/>
    <xdr:sp macro="" textlink="">
      <xdr:nvSpPr>
        <xdr:cNvPr id="352" name="テキスト ボックス 351">
          <a:extLst>
            <a:ext uri="{FF2B5EF4-FFF2-40B4-BE49-F238E27FC236}">
              <a16:creationId xmlns:a16="http://schemas.microsoft.com/office/drawing/2014/main" id="{00000000-0008-0000-0700-000060010000}"/>
            </a:ext>
          </a:extLst>
        </xdr:cNvPr>
        <xdr:cNvSpPr txBox="1"/>
      </xdr:nvSpPr>
      <xdr:spPr>
        <a:xfrm>
          <a:off x="7594111" y="9704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64589</xdr:rowOff>
    </xdr:from>
    <xdr:to>
      <xdr:col>36</xdr:col>
      <xdr:colOff>165100</xdr:colOff>
      <xdr:row>58</xdr:row>
      <xdr:rowOff>94739</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6921500" y="9937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11266</xdr:rowOff>
    </xdr:from>
    <xdr:ext cx="534377"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6705111" y="9712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33538</xdr:rowOff>
    </xdr:from>
    <xdr:to>
      <xdr:col>55</xdr:col>
      <xdr:colOff>50800</xdr:colOff>
      <xdr:row>59</xdr:row>
      <xdr:rowOff>63688</xdr:rowOff>
    </xdr:to>
    <xdr:sp macro="" textlink="">
      <xdr:nvSpPr>
        <xdr:cNvPr id="360" name="楕円 359">
          <a:extLst>
            <a:ext uri="{FF2B5EF4-FFF2-40B4-BE49-F238E27FC236}">
              <a16:creationId xmlns:a16="http://schemas.microsoft.com/office/drawing/2014/main" id="{00000000-0008-0000-0700-000068010000}"/>
            </a:ext>
          </a:extLst>
        </xdr:cNvPr>
        <xdr:cNvSpPr/>
      </xdr:nvSpPr>
      <xdr:spPr>
        <a:xfrm>
          <a:off x="10426700" y="10077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48465</xdr:rowOff>
    </xdr:from>
    <xdr:ext cx="469744" cy="259045"/>
    <xdr:sp macro="" textlink="">
      <xdr:nvSpPr>
        <xdr:cNvPr id="361" name="農林水産業費該当値テキスト">
          <a:extLst>
            <a:ext uri="{FF2B5EF4-FFF2-40B4-BE49-F238E27FC236}">
              <a16:creationId xmlns:a16="http://schemas.microsoft.com/office/drawing/2014/main" id="{00000000-0008-0000-0700-000069010000}"/>
            </a:ext>
          </a:extLst>
        </xdr:cNvPr>
        <xdr:cNvSpPr txBox="1"/>
      </xdr:nvSpPr>
      <xdr:spPr>
        <a:xfrm>
          <a:off x="10528300" y="99925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28836</xdr:rowOff>
    </xdr:from>
    <xdr:to>
      <xdr:col>50</xdr:col>
      <xdr:colOff>165100</xdr:colOff>
      <xdr:row>59</xdr:row>
      <xdr:rowOff>58986</xdr:rowOff>
    </xdr:to>
    <xdr:sp macro="" textlink="">
      <xdr:nvSpPr>
        <xdr:cNvPr id="362" name="楕円 361">
          <a:extLst>
            <a:ext uri="{FF2B5EF4-FFF2-40B4-BE49-F238E27FC236}">
              <a16:creationId xmlns:a16="http://schemas.microsoft.com/office/drawing/2014/main" id="{00000000-0008-0000-0700-00006A010000}"/>
            </a:ext>
          </a:extLst>
        </xdr:cNvPr>
        <xdr:cNvSpPr/>
      </xdr:nvSpPr>
      <xdr:spPr>
        <a:xfrm>
          <a:off x="9588500" y="10072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50113</xdr:rowOff>
    </xdr:from>
    <xdr:ext cx="469744"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9404428" y="10165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94683</xdr:rowOff>
    </xdr:from>
    <xdr:to>
      <xdr:col>46</xdr:col>
      <xdr:colOff>38100</xdr:colOff>
      <xdr:row>59</xdr:row>
      <xdr:rowOff>24833</xdr:rowOff>
    </xdr:to>
    <xdr:sp macro="" textlink="">
      <xdr:nvSpPr>
        <xdr:cNvPr id="364" name="楕円 363">
          <a:extLst>
            <a:ext uri="{FF2B5EF4-FFF2-40B4-BE49-F238E27FC236}">
              <a16:creationId xmlns:a16="http://schemas.microsoft.com/office/drawing/2014/main" id="{00000000-0008-0000-0700-00006C010000}"/>
            </a:ext>
          </a:extLst>
        </xdr:cNvPr>
        <xdr:cNvSpPr/>
      </xdr:nvSpPr>
      <xdr:spPr>
        <a:xfrm>
          <a:off x="8699500" y="10038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15960</xdr:rowOff>
    </xdr:from>
    <xdr:ext cx="534377"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8483111" y="10131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39085</xdr:rowOff>
    </xdr:from>
    <xdr:to>
      <xdr:col>41</xdr:col>
      <xdr:colOff>101600</xdr:colOff>
      <xdr:row>59</xdr:row>
      <xdr:rowOff>69235</xdr:rowOff>
    </xdr:to>
    <xdr:sp macro="" textlink="">
      <xdr:nvSpPr>
        <xdr:cNvPr id="366" name="楕円 365">
          <a:extLst>
            <a:ext uri="{FF2B5EF4-FFF2-40B4-BE49-F238E27FC236}">
              <a16:creationId xmlns:a16="http://schemas.microsoft.com/office/drawing/2014/main" id="{00000000-0008-0000-0700-00006E010000}"/>
            </a:ext>
          </a:extLst>
        </xdr:cNvPr>
        <xdr:cNvSpPr/>
      </xdr:nvSpPr>
      <xdr:spPr>
        <a:xfrm>
          <a:off x="7810500" y="10083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60362</xdr:rowOff>
    </xdr:from>
    <xdr:ext cx="469744"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7626428" y="10175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25579</xdr:rowOff>
    </xdr:from>
    <xdr:to>
      <xdr:col>36</xdr:col>
      <xdr:colOff>165100</xdr:colOff>
      <xdr:row>59</xdr:row>
      <xdr:rowOff>55729</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6921500" y="10069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9</xdr:row>
      <xdr:rowOff>46856</xdr:rowOff>
    </xdr:from>
    <xdr:ext cx="534377"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6705111" y="10162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0" name="正方形/長方形 369">
          <a:extLst>
            <a:ext uri="{FF2B5EF4-FFF2-40B4-BE49-F238E27FC236}">
              <a16:creationId xmlns:a16="http://schemas.microsoft.com/office/drawing/2014/main" id="{00000000-0008-0000-0700-000072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1" name="正方形/長方形 370">
          <a:extLst>
            <a:ext uri="{FF2B5EF4-FFF2-40B4-BE49-F238E27FC236}">
              <a16:creationId xmlns:a16="http://schemas.microsoft.com/office/drawing/2014/main" id="{00000000-0008-0000-0700-000073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2" name="正方形/長方形 371">
          <a:extLst>
            <a:ext uri="{FF2B5EF4-FFF2-40B4-BE49-F238E27FC236}">
              <a16:creationId xmlns:a16="http://schemas.microsoft.com/office/drawing/2014/main" id="{00000000-0008-0000-0700-000074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3" name="正方形/長方形 372">
          <a:extLst>
            <a:ext uri="{FF2B5EF4-FFF2-40B4-BE49-F238E27FC236}">
              <a16:creationId xmlns:a16="http://schemas.microsoft.com/office/drawing/2014/main" id="{00000000-0008-0000-0700-000075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8" name="テキスト ボックス 377">
          <a:extLst>
            <a:ext uri="{FF2B5EF4-FFF2-40B4-BE49-F238E27FC236}">
              <a16:creationId xmlns:a16="http://schemas.microsoft.com/office/drawing/2014/main" id="{00000000-0008-0000-0700-00007A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9" name="直線コネクタ 378">
          <a:extLst>
            <a:ext uri="{FF2B5EF4-FFF2-40B4-BE49-F238E27FC236}">
              <a16:creationId xmlns:a16="http://schemas.microsoft.com/office/drawing/2014/main" id="{00000000-0008-0000-0700-00007B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0" name="直線コネクタ 379">
          <a:extLst>
            <a:ext uri="{FF2B5EF4-FFF2-40B4-BE49-F238E27FC236}">
              <a16:creationId xmlns:a16="http://schemas.microsoft.com/office/drawing/2014/main" id="{00000000-0008-0000-0700-00007C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1" name="テキスト ボックス 380">
          <a:extLst>
            <a:ext uri="{FF2B5EF4-FFF2-40B4-BE49-F238E27FC236}">
              <a16:creationId xmlns:a16="http://schemas.microsoft.com/office/drawing/2014/main" id="{00000000-0008-0000-0700-00007D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2" name="直線コネクタ 381">
          <a:extLst>
            <a:ext uri="{FF2B5EF4-FFF2-40B4-BE49-F238E27FC236}">
              <a16:creationId xmlns:a16="http://schemas.microsoft.com/office/drawing/2014/main" id="{00000000-0008-0000-0700-00007E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2" name="商工費グラフ枠">
          <a:extLst>
            <a:ext uri="{FF2B5EF4-FFF2-40B4-BE49-F238E27FC236}">
              <a16:creationId xmlns:a16="http://schemas.microsoft.com/office/drawing/2014/main" id="{00000000-0008-0000-0700-000088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4868</xdr:rowOff>
    </xdr:from>
    <xdr:to>
      <xdr:col>54</xdr:col>
      <xdr:colOff>189865</xdr:colOff>
      <xdr:row>79</xdr:row>
      <xdr:rowOff>40997</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flipV="1">
          <a:off x="10475595" y="12177818"/>
          <a:ext cx="1270" cy="14077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4824</xdr:rowOff>
    </xdr:from>
    <xdr:ext cx="378565" cy="259045"/>
    <xdr:sp macro="" textlink="">
      <xdr:nvSpPr>
        <xdr:cNvPr id="394" name="商工費最小値テキスト">
          <a:extLst>
            <a:ext uri="{FF2B5EF4-FFF2-40B4-BE49-F238E27FC236}">
              <a16:creationId xmlns:a16="http://schemas.microsoft.com/office/drawing/2014/main" id="{00000000-0008-0000-0700-00008A010000}"/>
            </a:ext>
          </a:extLst>
        </xdr:cNvPr>
        <xdr:cNvSpPr txBox="1"/>
      </xdr:nvSpPr>
      <xdr:spPr>
        <a:xfrm>
          <a:off x="10528300" y="1358937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0997</xdr:rowOff>
    </xdr:from>
    <xdr:to>
      <xdr:col>55</xdr:col>
      <xdr:colOff>88900</xdr:colOff>
      <xdr:row>79</xdr:row>
      <xdr:rowOff>40997</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10388600" y="135855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22995</xdr:rowOff>
    </xdr:from>
    <xdr:ext cx="599010" cy="259045"/>
    <xdr:sp macro="" textlink="">
      <xdr:nvSpPr>
        <xdr:cNvPr id="396" name="商工費最大値テキスト">
          <a:extLst>
            <a:ext uri="{FF2B5EF4-FFF2-40B4-BE49-F238E27FC236}">
              <a16:creationId xmlns:a16="http://schemas.microsoft.com/office/drawing/2014/main" id="{00000000-0008-0000-0700-00008C010000}"/>
            </a:ext>
          </a:extLst>
        </xdr:cNvPr>
        <xdr:cNvSpPr txBox="1"/>
      </xdr:nvSpPr>
      <xdr:spPr>
        <a:xfrm>
          <a:off x="10528300" y="119530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70,38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4868</xdr:rowOff>
    </xdr:from>
    <xdr:to>
      <xdr:col>55</xdr:col>
      <xdr:colOff>88900</xdr:colOff>
      <xdr:row>71</xdr:row>
      <xdr:rowOff>4868</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10388600" y="121778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71216</xdr:rowOff>
    </xdr:from>
    <xdr:to>
      <xdr:col>55</xdr:col>
      <xdr:colOff>0</xdr:colOff>
      <xdr:row>79</xdr:row>
      <xdr:rowOff>2845</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9639300" y="13544316"/>
          <a:ext cx="838200" cy="30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3662</xdr:rowOff>
    </xdr:from>
    <xdr:ext cx="534377" cy="259045"/>
    <xdr:sp macro="" textlink="">
      <xdr:nvSpPr>
        <xdr:cNvPr id="399" name="商工費平均値テキスト">
          <a:extLst>
            <a:ext uri="{FF2B5EF4-FFF2-40B4-BE49-F238E27FC236}">
              <a16:creationId xmlns:a16="http://schemas.microsoft.com/office/drawing/2014/main" id="{00000000-0008-0000-0700-00008F010000}"/>
            </a:ext>
          </a:extLst>
        </xdr:cNvPr>
        <xdr:cNvSpPr txBox="1"/>
      </xdr:nvSpPr>
      <xdr:spPr>
        <a:xfrm>
          <a:off x="10528300" y="1321531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2235</xdr:rowOff>
    </xdr:from>
    <xdr:to>
      <xdr:col>55</xdr:col>
      <xdr:colOff>50800</xdr:colOff>
      <xdr:row>78</xdr:row>
      <xdr:rowOff>92385</xdr:rowOff>
    </xdr:to>
    <xdr:sp macro="" textlink="">
      <xdr:nvSpPr>
        <xdr:cNvPr id="400" name="フローチャート: 判断 399">
          <a:extLst>
            <a:ext uri="{FF2B5EF4-FFF2-40B4-BE49-F238E27FC236}">
              <a16:creationId xmlns:a16="http://schemas.microsoft.com/office/drawing/2014/main" id="{00000000-0008-0000-0700-000090010000}"/>
            </a:ext>
          </a:extLst>
        </xdr:cNvPr>
        <xdr:cNvSpPr/>
      </xdr:nvSpPr>
      <xdr:spPr>
        <a:xfrm>
          <a:off x="10426700" y="13363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03281</xdr:rowOff>
    </xdr:from>
    <xdr:to>
      <xdr:col>50</xdr:col>
      <xdr:colOff>114300</xdr:colOff>
      <xdr:row>78</xdr:row>
      <xdr:rowOff>171216</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8750300" y="13476381"/>
          <a:ext cx="889000" cy="679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0959</xdr:rowOff>
    </xdr:from>
    <xdr:to>
      <xdr:col>50</xdr:col>
      <xdr:colOff>165100</xdr:colOff>
      <xdr:row>78</xdr:row>
      <xdr:rowOff>112559</xdr:rowOff>
    </xdr:to>
    <xdr:sp macro="" textlink="">
      <xdr:nvSpPr>
        <xdr:cNvPr id="402" name="フローチャート: 判断 401">
          <a:extLst>
            <a:ext uri="{FF2B5EF4-FFF2-40B4-BE49-F238E27FC236}">
              <a16:creationId xmlns:a16="http://schemas.microsoft.com/office/drawing/2014/main" id="{00000000-0008-0000-0700-000092010000}"/>
            </a:ext>
          </a:extLst>
        </xdr:cNvPr>
        <xdr:cNvSpPr/>
      </xdr:nvSpPr>
      <xdr:spPr>
        <a:xfrm>
          <a:off x="9588500" y="133840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29086</xdr:rowOff>
    </xdr:from>
    <xdr:ext cx="534377" cy="259045"/>
    <xdr:sp macro="" textlink="">
      <xdr:nvSpPr>
        <xdr:cNvPr id="403" name="テキスト ボックス 402">
          <a:extLst>
            <a:ext uri="{FF2B5EF4-FFF2-40B4-BE49-F238E27FC236}">
              <a16:creationId xmlns:a16="http://schemas.microsoft.com/office/drawing/2014/main" id="{00000000-0008-0000-0700-000093010000}"/>
            </a:ext>
          </a:extLst>
        </xdr:cNvPr>
        <xdr:cNvSpPr txBox="1"/>
      </xdr:nvSpPr>
      <xdr:spPr>
        <a:xfrm>
          <a:off x="9372111" y="13159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03281</xdr:rowOff>
    </xdr:from>
    <xdr:to>
      <xdr:col>45</xdr:col>
      <xdr:colOff>177800</xdr:colOff>
      <xdr:row>78</xdr:row>
      <xdr:rowOff>169692</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flipV="1">
          <a:off x="7861300" y="13476381"/>
          <a:ext cx="889000" cy="66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4101</xdr:rowOff>
    </xdr:from>
    <xdr:to>
      <xdr:col>46</xdr:col>
      <xdr:colOff>38100</xdr:colOff>
      <xdr:row>78</xdr:row>
      <xdr:rowOff>115701</xdr:rowOff>
    </xdr:to>
    <xdr:sp macro="" textlink="">
      <xdr:nvSpPr>
        <xdr:cNvPr id="405" name="フローチャート: 判断 404">
          <a:extLst>
            <a:ext uri="{FF2B5EF4-FFF2-40B4-BE49-F238E27FC236}">
              <a16:creationId xmlns:a16="http://schemas.microsoft.com/office/drawing/2014/main" id="{00000000-0008-0000-0700-000095010000}"/>
            </a:ext>
          </a:extLst>
        </xdr:cNvPr>
        <xdr:cNvSpPr/>
      </xdr:nvSpPr>
      <xdr:spPr>
        <a:xfrm>
          <a:off x="8699500" y="13387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32228</xdr:rowOff>
    </xdr:from>
    <xdr:ext cx="534377" cy="259045"/>
    <xdr:sp macro="" textlink="">
      <xdr:nvSpPr>
        <xdr:cNvPr id="406" name="テキスト ボックス 405">
          <a:extLst>
            <a:ext uri="{FF2B5EF4-FFF2-40B4-BE49-F238E27FC236}">
              <a16:creationId xmlns:a16="http://schemas.microsoft.com/office/drawing/2014/main" id="{00000000-0008-0000-0700-000096010000}"/>
            </a:ext>
          </a:extLst>
        </xdr:cNvPr>
        <xdr:cNvSpPr txBox="1"/>
      </xdr:nvSpPr>
      <xdr:spPr>
        <a:xfrm>
          <a:off x="8483111" y="13162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69692</xdr:rowOff>
    </xdr:from>
    <xdr:to>
      <xdr:col>41</xdr:col>
      <xdr:colOff>50800</xdr:colOff>
      <xdr:row>78</xdr:row>
      <xdr:rowOff>170808</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flipV="1">
          <a:off x="6972300" y="13542792"/>
          <a:ext cx="889000" cy="1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27262</xdr:rowOff>
    </xdr:from>
    <xdr:to>
      <xdr:col>41</xdr:col>
      <xdr:colOff>101600</xdr:colOff>
      <xdr:row>78</xdr:row>
      <xdr:rowOff>128862</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7810500" y="13400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45389</xdr:rowOff>
    </xdr:from>
    <xdr:ext cx="534377" cy="259045"/>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7594111" y="13175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53586</xdr:rowOff>
    </xdr:from>
    <xdr:to>
      <xdr:col>36</xdr:col>
      <xdr:colOff>165100</xdr:colOff>
      <xdr:row>78</xdr:row>
      <xdr:rowOff>155186</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6921500" y="13426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263</xdr:rowOff>
    </xdr:from>
    <xdr:ext cx="534377"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6705111" y="13201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23495</xdr:rowOff>
    </xdr:from>
    <xdr:to>
      <xdr:col>55</xdr:col>
      <xdr:colOff>50800</xdr:colOff>
      <xdr:row>79</xdr:row>
      <xdr:rowOff>53645</xdr:rowOff>
    </xdr:to>
    <xdr:sp macro="" textlink="">
      <xdr:nvSpPr>
        <xdr:cNvPr id="417" name="楕円 416">
          <a:extLst>
            <a:ext uri="{FF2B5EF4-FFF2-40B4-BE49-F238E27FC236}">
              <a16:creationId xmlns:a16="http://schemas.microsoft.com/office/drawing/2014/main" id="{00000000-0008-0000-0700-0000A1010000}"/>
            </a:ext>
          </a:extLst>
        </xdr:cNvPr>
        <xdr:cNvSpPr/>
      </xdr:nvSpPr>
      <xdr:spPr>
        <a:xfrm>
          <a:off x="10426700" y="13496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38422</xdr:rowOff>
    </xdr:from>
    <xdr:ext cx="534377" cy="259045"/>
    <xdr:sp macro="" textlink="">
      <xdr:nvSpPr>
        <xdr:cNvPr id="418" name="商工費該当値テキスト">
          <a:extLst>
            <a:ext uri="{FF2B5EF4-FFF2-40B4-BE49-F238E27FC236}">
              <a16:creationId xmlns:a16="http://schemas.microsoft.com/office/drawing/2014/main" id="{00000000-0008-0000-0700-0000A2010000}"/>
            </a:ext>
          </a:extLst>
        </xdr:cNvPr>
        <xdr:cNvSpPr txBox="1"/>
      </xdr:nvSpPr>
      <xdr:spPr>
        <a:xfrm>
          <a:off x="10528300" y="13411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20416</xdr:rowOff>
    </xdr:from>
    <xdr:to>
      <xdr:col>50</xdr:col>
      <xdr:colOff>165100</xdr:colOff>
      <xdr:row>79</xdr:row>
      <xdr:rowOff>50566</xdr:rowOff>
    </xdr:to>
    <xdr:sp macro="" textlink="">
      <xdr:nvSpPr>
        <xdr:cNvPr id="419" name="楕円 418">
          <a:extLst>
            <a:ext uri="{FF2B5EF4-FFF2-40B4-BE49-F238E27FC236}">
              <a16:creationId xmlns:a16="http://schemas.microsoft.com/office/drawing/2014/main" id="{00000000-0008-0000-0700-0000A3010000}"/>
            </a:ext>
          </a:extLst>
        </xdr:cNvPr>
        <xdr:cNvSpPr/>
      </xdr:nvSpPr>
      <xdr:spPr>
        <a:xfrm>
          <a:off x="9588500" y="13493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9</xdr:row>
      <xdr:rowOff>41693</xdr:rowOff>
    </xdr:from>
    <xdr:ext cx="534377"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9372111" y="13586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52481</xdr:rowOff>
    </xdr:from>
    <xdr:to>
      <xdr:col>46</xdr:col>
      <xdr:colOff>38100</xdr:colOff>
      <xdr:row>78</xdr:row>
      <xdr:rowOff>154081</xdr:rowOff>
    </xdr:to>
    <xdr:sp macro="" textlink="">
      <xdr:nvSpPr>
        <xdr:cNvPr id="421" name="楕円 420">
          <a:extLst>
            <a:ext uri="{FF2B5EF4-FFF2-40B4-BE49-F238E27FC236}">
              <a16:creationId xmlns:a16="http://schemas.microsoft.com/office/drawing/2014/main" id="{00000000-0008-0000-0700-0000A5010000}"/>
            </a:ext>
          </a:extLst>
        </xdr:cNvPr>
        <xdr:cNvSpPr/>
      </xdr:nvSpPr>
      <xdr:spPr>
        <a:xfrm>
          <a:off x="8699500" y="13425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45208</xdr:rowOff>
    </xdr:from>
    <xdr:ext cx="534377"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8483111" y="13518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18892</xdr:rowOff>
    </xdr:from>
    <xdr:to>
      <xdr:col>41</xdr:col>
      <xdr:colOff>101600</xdr:colOff>
      <xdr:row>79</xdr:row>
      <xdr:rowOff>49042</xdr:rowOff>
    </xdr:to>
    <xdr:sp macro="" textlink="">
      <xdr:nvSpPr>
        <xdr:cNvPr id="423" name="楕円 422">
          <a:extLst>
            <a:ext uri="{FF2B5EF4-FFF2-40B4-BE49-F238E27FC236}">
              <a16:creationId xmlns:a16="http://schemas.microsoft.com/office/drawing/2014/main" id="{00000000-0008-0000-0700-0000A7010000}"/>
            </a:ext>
          </a:extLst>
        </xdr:cNvPr>
        <xdr:cNvSpPr/>
      </xdr:nvSpPr>
      <xdr:spPr>
        <a:xfrm>
          <a:off x="7810500" y="13491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9</xdr:row>
      <xdr:rowOff>40169</xdr:rowOff>
    </xdr:from>
    <xdr:ext cx="534377"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7594111" y="13584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20008</xdr:rowOff>
    </xdr:from>
    <xdr:to>
      <xdr:col>36</xdr:col>
      <xdr:colOff>165100</xdr:colOff>
      <xdr:row>79</xdr:row>
      <xdr:rowOff>50158</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6921500" y="13493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9</xdr:row>
      <xdr:rowOff>41285</xdr:rowOff>
    </xdr:from>
    <xdr:ext cx="534377"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6705111" y="13585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7" name="正方形/長方形 426">
          <a:extLst>
            <a:ext uri="{FF2B5EF4-FFF2-40B4-BE49-F238E27FC236}">
              <a16:creationId xmlns:a16="http://schemas.microsoft.com/office/drawing/2014/main" id="{00000000-0008-0000-0700-0000AB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8" name="正方形/長方形 427">
          <a:extLst>
            <a:ext uri="{FF2B5EF4-FFF2-40B4-BE49-F238E27FC236}">
              <a16:creationId xmlns:a16="http://schemas.microsoft.com/office/drawing/2014/main" id="{00000000-0008-0000-0700-0000AC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9" name="正方形/長方形 428">
          <a:extLst>
            <a:ext uri="{FF2B5EF4-FFF2-40B4-BE49-F238E27FC236}">
              <a16:creationId xmlns:a16="http://schemas.microsoft.com/office/drawing/2014/main" id="{00000000-0008-0000-0700-0000AD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0" name="正方形/長方形 429">
          <a:extLst>
            <a:ext uri="{FF2B5EF4-FFF2-40B4-BE49-F238E27FC236}">
              <a16:creationId xmlns:a16="http://schemas.microsoft.com/office/drawing/2014/main" id="{00000000-0008-0000-0700-0000AE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5" name="テキスト ボックス 434">
          <a:extLst>
            <a:ext uri="{FF2B5EF4-FFF2-40B4-BE49-F238E27FC236}">
              <a16:creationId xmlns:a16="http://schemas.microsoft.com/office/drawing/2014/main" id="{00000000-0008-0000-0700-0000B3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6" name="直線コネクタ 435">
          <a:extLst>
            <a:ext uri="{FF2B5EF4-FFF2-40B4-BE49-F238E27FC236}">
              <a16:creationId xmlns:a16="http://schemas.microsoft.com/office/drawing/2014/main" id="{00000000-0008-0000-0700-0000B4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7" name="直線コネクタ 436">
          <a:extLst>
            <a:ext uri="{FF2B5EF4-FFF2-40B4-BE49-F238E27FC236}">
              <a16:creationId xmlns:a16="http://schemas.microsoft.com/office/drawing/2014/main" id="{00000000-0008-0000-0700-0000B5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38" name="テキスト ボックス 437">
          <a:extLst>
            <a:ext uri="{FF2B5EF4-FFF2-40B4-BE49-F238E27FC236}">
              <a16:creationId xmlns:a16="http://schemas.microsoft.com/office/drawing/2014/main" id="{00000000-0008-0000-0700-0000B6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39" name="直線コネクタ 438">
          <a:extLst>
            <a:ext uri="{FF2B5EF4-FFF2-40B4-BE49-F238E27FC236}">
              <a16:creationId xmlns:a16="http://schemas.microsoft.com/office/drawing/2014/main" id="{00000000-0008-0000-0700-0000B7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7" name="土木費グラフ枠">
          <a:extLst>
            <a:ext uri="{FF2B5EF4-FFF2-40B4-BE49-F238E27FC236}">
              <a16:creationId xmlns:a16="http://schemas.microsoft.com/office/drawing/2014/main" id="{00000000-0008-0000-0700-0000BF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61486</xdr:rowOff>
    </xdr:from>
    <xdr:to>
      <xdr:col>54</xdr:col>
      <xdr:colOff>189865</xdr:colOff>
      <xdr:row>98</xdr:row>
      <xdr:rowOff>60367</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flipV="1">
          <a:off x="10475595" y="15834886"/>
          <a:ext cx="1270" cy="10275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64194</xdr:rowOff>
    </xdr:from>
    <xdr:ext cx="534377" cy="259045"/>
    <xdr:sp macro="" textlink="">
      <xdr:nvSpPr>
        <xdr:cNvPr id="449" name="土木費最小値テキスト">
          <a:extLst>
            <a:ext uri="{FF2B5EF4-FFF2-40B4-BE49-F238E27FC236}">
              <a16:creationId xmlns:a16="http://schemas.microsoft.com/office/drawing/2014/main" id="{00000000-0008-0000-0700-0000C1010000}"/>
            </a:ext>
          </a:extLst>
        </xdr:cNvPr>
        <xdr:cNvSpPr txBox="1"/>
      </xdr:nvSpPr>
      <xdr:spPr>
        <a:xfrm>
          <a:off x="10528300" y="16866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60367</xdr:rowOff>
    </xdr:from>
    <xdr:to>
      <xdr:col>55</xdr:col>
      <xdr:colOff>88900</xdr:colOff>
      <xdr:row>98</xdr:row>
      <xdr:rowOff>60367</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10388600" y="16862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1</xdr:row>
      <xdr:rowOff>8163</xdr:rowOff>
    </xdr:from>
    <xdr:ext cx="599010" cy="259045"/>
    <xdr:sp macro="" textlink="">
      <xdr:nvSpPr>
        <xdr:cNvPr id="451" name="土木費最大値テキスト">
          <a:extLst>
            <a:ext uri="{FF2B5EF4-FFF2-40B4-BE49-F238E27FC236}">
              <a16:creationId xmlns:a16="http://schemas.microsoft.com/office/drawing/2014/main" id="{00000000-0008-0000-0700-0000C3010000}"/>
            </a:ext>
          </a:extLst>
        </xdr:cNvPr>
        <xdr:cNvSpPr txBox="1"/>
      </xdr:nvSpPr>
      <xdr:spPr>
        <a:xfrm>
          <a:off x="10528300" y="156101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2,10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2</xdr:row>
      <xdr:rowOff>61486</xdr:rowOff>
    </xdr:from>
    <xdr:to>
      <xdr:col>55</xdr:col>
      <xdr:colOff>88900</xdr:colOff>
      <xdr:row>92</xdr:row>
      <xdr:rowOff>61486</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10388600" y="15834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96540</xdr:rowOff>
    </xdr:from>
    <xdr:to>
      <xdr:col>55</xdr:col>
      <xdr:colOff>0</xdr:colOff>
      <xdr:row>97</xdr:row>
      <xdr:rowOff>124526</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flipV="1">
          <a:off x="9639300" y="16727190"/>
          <a:ext cx="838200" cy="27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79897</xdr:rowOff>
    </xdr:from>
    <xdr:ext cx="534377" cy="259045"/>
    <xdr:sp macro="" textlink="">
      <xdr:nvSpPr>
        <xdr:cNvPr id="454" name="土木費平均値テキスト">
          <a:extLst>
            <a:ext uri="{FF2B5EF4-FFF2-40B4-BE49-F238E27FC236}">
              <a16:creationId xmlns:a16="http://schemas.microsoft.com/office/drawing/2014/main" id="{00000000-0008-0000-0700-0000C6010000}"/>
            </a:ext>
          </a:extLst>
        </xdr:cNvPr>
        <xdr:cNvSpPr txBox="1"/>
      </xdr:nvSpPr>
      <xdr:spPr>
        <a:xfrm>
          <a:off x="10528300" y="163676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57020</xdr:rowOff>
    </xdr:from>
    <xdr:to>
      <xdr:col>55</xdr:col>
      <xdr:colOff>50800</xdr:colOff>
      <xdr:row>96</xdr:row>
      <xdr:rowOff>158620</xdr:rowOff>
    </xdr:to>
    <xdr:sp macro="" textlink="">
      <xdr:nvSpPr>
        <xdr:cNvPr id="455" name="フローチャート: 判断 454">
          <a:extLst>
            <a:ext uri="{FF2B5EF4-FFF2-40B4-BE49-F238E27FC236}">
              <a16:creationId xmlns:a16="http://schemas.microsoft.com/office/drawing/2014/main" id="{00000000-0008-0000-0700-0000C7010000}"/>
            </a:ext>
          </a:extLst>
        </xdr:cNvPr>
        <xdr:cNvSpPr/>
      </xdr:nvSpPr>
      <xdr:spPr>
        <a:xfrm>
          <a:off x="10426700" y="165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24526</xdr:rowOff>
    </xdr:from>
    <xdr:to>
      <xdr:col>50</xdr:col>
      <xdr:colOff>114300</xdr:colOff>
      <xdr:row>97</xdr:row>
      <xdr:rowOff>147673</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flipV="1">
          <a:off x="8750300" y="16755176"/>
          <a:ext cx="889000" cy="23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53394</xdr:rowOff>
    </xdr:from>
    <xdr:to>
      <xdr:col>50</xdr:col>
      <xdr:colOff>165100</xdr:colOff>
      <xdr:row>96</xdr:row>
      <xdr:rowOff>154994</xdr:rowOff>
    </xdr:to>
    <xdr:sp macro="" textlink="">
      <xdr:nvSpPr>
        <xdr:cNvPr id="457" name="フローチャート: 判断 456">
          <a:extLst>
            <a:ext uri="{FF2B5EF4-FFF2-40B4-BE49-F238E27FC236}">
              <a16:creationId xmlns:a16="http://schemas.microsoft.com/office/drawing/2014/main" id="{00000000-0008-0000-0700-0000C9010000}"/>
            </a:ext>
          </a:extLst>
        </xdr:cNvPr>
        <xdr:cNvSpPr/>
      </xdr:nvSpPr>
      <xdr:spPr>
        <a:xfrm>
          <a:off x="9588500" y="16512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71</xdr:rowOff>
    </xdr:from>
    <xdr:ext cx="534377" cy="259045"/>
    <xdr:sp macro="" textlink="">
      <xdr:nvSpPr>
        <xdr:cNvPr id="458" name="テキスト ボックス 457">
          <a:extLst>
            <a:ext uri="{FF2B5EF4-FFF2-40B4-BE49-F238E27FC236}">
              <a16:creationId xmlns:a16="http://schemas.microsoft.com/office/drawing/2014/main" id="{00000000-0008-0000-0700-0000CA010000}"/>
            </a:ext>
          </a:extLst>
        </xdr:cNvPr>
        <xdr:cNvSpPr txBox="1"/>
      </xdr:nvSpPr>
      <xdr:spPr>
        <a:xfrm>
          <a:off x="9372111" y="162878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47673</xdr:rowOff>
    </xdr:from>
    <xdr:to>
      <xdr:col>45</xdr:col>
      <xdr:colOff>177800</xdr:colOff>
      <xdr:row>97</xdr:row>
      <xdr:rowOff>157042</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flipV="1">
          <a:off x="7861300" y="16778323"/>
          <a:ext cx="889000" cy="93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73644</xdr:rowOff>
    </xdr:from>
    <xdr:to>
      <xdr:col>46</xdr:col>
      <xdr:colOff>38100</xdr:colOff>
      <xdr:row>97</xdr:row>
      <xdr:rowOff>3794</xdr:rowOff>
    </xdr:to>
    <xdr:sp macro="" textlink="">
      <xdr:nvSpPr>
        <xdr:cNvPr id="460" name="フローチャート: 判断 459">
          <a:extLst>
            <a:ext uri="{FF2B5EF4-FFF2-40B4-BE49-F238E27FC236}">
              <a16:creationId xmlns:a16="http://schemas.microsoft.com/office/drawing/2014/main" id="{00000000-0008-0000-0700-0000CC010000}"/>
            </a:ext>
          </a:extLst>
        </xdr:cNvPr>
        <xdr:cNvSpPr/>
      </xdr:nvSpPr>
      <xdr:spPr>
        <a:xfrm>
          <a:off x="8699500" y="16532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20321</xdr:rowOff>
    </xdr:from>
    <xdr:ext cx="534377" cy="25904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8483111" y="16308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23437</xdr:rowOff>
    </xdr:from>
    <xdr:to>
      <xdr:col>41</xdr:col>
      <xdr:colOff>50800</xdr:colOff>
      <xdr:row>97</xdr:row>
      <xdr:rowOff>157042</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6972300" y="16754087"/>
          <a:ext cx="889000" cy="33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3728</xdr:rowOff>
    </xdr:from>
    <xdr:to>
      <xdr:col>41</xdr:col>
      <xdr:colOff>101600</xdr:colOff>
      <xdr:row>96</xdr:row>
      <xdr:rowOff>115328</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7810500" y="16472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31855</xdr:rowOff>
    </xdr:from>
    <xdr:ext cx="534377" cy="259045"/>
    <xdr:sp macro="" textlink="">
      <xdr:nvSpPr>
        <xdr:cNvPr id="464" name="テキスト ボックス 463">
          <a:extLst>
            <a:ext uri="{FF2B5EF4-FFF2-40B4-BE49-F238E27FC236}">
              <a16:creationId xmlns:a16="http://schemas.microsoft.com/office/drawing/2014/main" id="{00000000-0008-0000-0700-0000D0010000}"/>
            </a:ext>
          </a:extLst>
        </xdr:cNvPr>
        <xdr:cNvSpPr txBox="1"/>
      </xdr:nvSpPr>
      <xdr:spPr>
        <a:xfrm>
          <a:off x="7594111" y="16248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63539</xdr:rowOff>
    </xdr:from>
    <xdr:to>
      <xdr:col>36</xdr:col>
      <xdr:colOff>165100</xdr:colOff>
      <xdr:row>96</xdr:row>
      <xdr:rowOff>165139</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6921500" y="16522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0216</xdr:rowOff>
    </xdr:from>
    <xdr:ext cx="534377" cy="259045"/>
    <xdr:sp macro="" textlink="">
      <xdr:nvSpPr>
        <xdr:cNvPr id="466" name="テキスト ボックス 465">
          <a:extLst>
            <a:ext uri="{FF2B5EF4-FFF2-40B4-BE49-F238E27FC236}">
              <a16:creationId xmlns:a16="http://schemas.microsoft.com/office/drawing/2014/main" id="{00000000-0008-0000-0700-0000D2010000}"/>
            </a:ext>
          </a:extLst>
        </xdr:cNvPr>
        <xdr:cNvSpPr txBox="1"/>
      </xdr:nvSpPr>
      <xdr:spPr>
        <a:xfrm>
          <a:off x="6705111" y="16297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8" name="テキスト ボックス 467">
          <a:extLst>
            <a:ext uri="{FF2B5EF4-FFF2-40B4-BE49-F238E27FC236}">
              <a16:creationId xmlns:a16="http://schemas.microsoft.com/office/drawing/2014/main" id="{00000000-0008-0000-0700-0000D4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5740</xdr:rowOff>
    </xdr:from>
    <xdr:to>
      <xdr:col>55</xdr:col>
      <xdr:colOff>50800</xdr:colOff>
      <xdr:row>97</xdr:row>
      <xdr:rowOff>147340</xdr:rowOff>
    </xdr:to>
    <xdr:sp macro="" textlink="">
      <xdr:nvSpPr>
        <xdr:cNvPr id="472" name="楕円 471">
          <a:extLst>
            <a:ext uri="{FF2B5EF4-FFF2-40B4-BE49-F238E27FC236}">
              <a16:creationId xmlns:a16="http://schemas.microsoft.com/office/drawing/2014/main" id="{00000000-0008-0000-0700-0000D8010000}"/>
            </a:ext>
          </a:extLst>
        </xdr:cNvPr>
        <xdr:cNvSpPr/>
      </xdr:nvSpPr>
      <xdr:spPr>
        <a:xfrm>
          <a:off x="10426700" y="16676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24167</xdr:rowOff>
    </xdr:from>
    <xdr:ext cx="534377" cy="259045"/>
    <xdr:sp macro="" textlink="">
      <xdr:nvSpPr>
        <xdr:cNvPr id="473" name="土木費該当値テキスト">
          <a:extLst>
            <a:ext uri="{FF2B5EF4-FFF2-40B4-BE49-F238E27FC236}">
              <a16:creationId xmlns:a16="http://schemas.microsoft.com/office/drawing/2014/main" id="{00000000-0008-0000-0700-0000D9010000}"/>
            </a:ext>
          </a:extLst>
        </xdr:cNvPr>
        <xdr:cNvSpPr txBox="1"/>
      </xdr:nvSpPr>
      <xdr:spPr>
        <a:xfrm>
          <a:off x="10528300" y="166548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73726</xdr:rowOff>
    </xdr:from>
    <xdr:to>
      <xdr:col>50</xdr:col>
      <xdr:colOff>165100</xdr:colOff>
      <xdr:row>98</xdr:row>
      <xdr:rowOff>3876</xdr:rowOff>
    </xdr:to>
    <xdr:sp macro="" textlink="">
      <xdr:nvSpPr>
        <xdr:cNvPr id="474" name="楕円 473">
          <a:extLst>
            <a:ext uri="{FF2B5EF4-FFF2-40B4-BE49-F238E27FC236}">
              <a16:creationId xmlns:a16="http://schemas.microsoft.com/office/drawing/2014/main" id="{00000000-0008-0000-0700-0000DA010000}"/>
            </a:ext>
          </a:extLst>
        </xdr:cNvPr>
        <xdr:cNvSpPr/>
      </xdr:nvSpPr>
      <xdr:spPr>
        <a:xfrm>
          <a:off x="9588500" y="16704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66453</xdr:rowOff>
    </xdr:from>
    <xdr:ext cx="534377"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9372111" y="16797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96873</xdr:rowOff>
    </xdr:from>
    <xdr:to>
      <xdr:col>46</xdr:col>
      <xdr:colOff>38100</xdr:colOff>
      <xdr:row>98</xdr:row>
      <xdr:rowOff>27023</xdr:rowOff>
    </xdr:to>
    <xdr:sp macro="" textlink="">
      <xdr:nvSpPr>
        <xdr:cNvPr id="476" name="楕円 475">
          <a:extLst>
            <a:ext uri="{FF2B5EF4-FFF2-40B4-BE49-F238E27FC236}">
              <a16:creationId xmlns:a16="http://schemas.microsoft.com/office/drawing/2014/main" id="{00000000-0008-0000-0700-0000DC010000}"/>
            </a:ext>
          </a:extLst>
        </xdr:cNvPr>
        <xdr:cNvSpPr/>
      </xdr:nvSpPr>
      <xdr:spPr>
        <a:xfrm>
          <a:off x="8699500" y="16727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8150</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8483111" y="16820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06242</xdr:rowOff>
    </xdr:from>
    <xdr:to>
      <xdr:col>41</xdr:col>
      <xdr:colOff>101600</xdr:colOff>
      <xdr:row>98</xdr:row>
      <xdr:rowOff>36392</xdr:rowOff>
    </xdr:to>
    <xdr:sp macro="" textlink="">
      <xdr:nvSpPr>
        <xdr:cNvPr id="478" name="楕円 477">
          <a:extLst>
            <a:ext uri="{FF2B5EF4-FFF2-40B4-BE49-F238E27FC236}">
              <a16:creationId xmlns:a16="http://schemas.microsoft.com/office/drawing/2014/main" id="{00000000-0008-0000-0700-0000DE010000}"/>
            </a:ext>
          </a:extLst>
        </xdr:cNvPr>
        <xdr:cNvSpPr/>
      </xdr:nvSpPr>
      <xdr:spPr>
        <a:xfrm>
          <a:off x="7810500" y="16736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27519</xdr:rowOff>
    </xdr:from>
    <xdr:ext cx="534377"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7594111" y="16829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72637</xdr:rowOff>
    </xdr:from>
    <xdr:to>
      <xdr:col>36</xdr:col>
      <xdr:colOff>165100</xdr:colOff>
      <xdr:row>98</xdr:row>
      <xdr:rowOff>2787</xdr:rowOff>
    </xdr:to>
    <xdr:sp macro="" textlink="">
      <xdr:nvSpPr>
        <xdr:cNvPr id="480" name="楕円 479">
          <a:extLst>
            <a:ext uri="{FF2B5EF4-FFF2-40B4-BE49-F238E27FC236}">
              <a16:creationId xmlns:a16="http://schemas.microsoft.com/office/drawing/2014/main" id="{00000000-0008-0000-0700-0000E0010000}"/>
            </a:ext>
          </a:extLst>
        </xdr:cNvPr>
        <xdr:cNvSpPr/>
      </xdr:nvSpPr>
      <xdr:spPr>
        <a:xfrm>
          <a:off x="6921500" y="16703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65364</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6705111" y="16796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2" name="正方形/長方形 481">
          <a:extLst>
            <a:ext uri="{FF2B5EF4-FFF2-40B4-BE49-F238E27FC236}">
              <a16:creationId xmlns:a16="http://schemas.microsoft.com/office/drawing/2014/main" id="{00000000-0008-0000-0700-0000E2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3" name="正方形/長方形 482">
          <a:extLst>
            <a:ext uri="{FF2B5EF4-FFF2-40B4-BE49-F238E27FC236}">
              <a16:creationId xmlns:a16="http://schemas.microsoft.com/office/drawing/2014/main" id="{00000000-0008-0000-0700-0000E3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4" name="正方形/長方形 483">
          <a:extLst>
            <a:ext uri="{FF2B5EF4-FFF2-40B4-BE49-F238E27FC236}">
              <a16:creationId xmlns:a16="http://schemas.microsoft.com/office/drawing/2014/main" id="{00000000-0008-0000-0700-0000E4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6" name="正方形/長方形 485">
          <a:extLst>
            <a:ext uri="{FF2B5EF4-FFF2-40B4-BE49-F238E27FC236}">
              <a16:creationId xmlns:a16="http://schemas.microsoft.com/office/drawing/2014/main" id="{00000000-0008-0000-0700-0000E6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0" name="テキスト ボックス 489">
          <a:extLst>
            <a:ext uri="{FF2B5EF4-FFF2-40B4-BE49-F238E27FC236}">
              <a16:creationId xmlns:a16="http://schemas.microsoft.com/office/drawing/2014/main" id="{00000000-0008-0000-0700-0000EA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1" name="直線コネクタ 490">
          <a:extLst>
            <a:ext uri="{FF2B5EF4-FFF2-40B4-BE49-F238E27FC236}">
              <a16:creationId xmlns:a16="http://schemas.microsoft.com/office/drawing/2014/main" id="{00000000-0008-0000-0700-0000EB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493" name="直線コネクタ 492">
          <a:extLst>
            <a:ext uri="{FF2B5EF4-FFF2-40B4-BE49-F238E27FC236}">
              <a16:creationId xmlns:a16="http://schemas.microsoft.com/office/drawing/2014/main" id="{00000000-0008-0000-0700-0000ED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73677</xdr:rowOff>
    </xdr:from>
    <xdr:ext cx="531299" cy="259045"/>
    <xdr:sp macro="" textlink="">
      <xdr:nvSpPr>
        <xdr:cNvPr id="494" name="テキスト ボックス 493">
          <a:extLst>
            <a:ext uri="{FF2B5EF4-FFF2-40B4-BE49-F238E27FC236}">
              <a16:creationId xmlns:a16="http://schemas.microsoft.com/office/drawing/2014/main" id="{00000000-0008-0000-0700-0000EE010000}"/>
            </a:ext>
          </a:extLst>
        </xdr:cNvPr>
        <xdr:cNvSpPr txBox="1"/>
      </xdr:nvSpPr>
      <xdr:spPr>
        <a:xfrm>
          <a:off x="11914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5" name="直線コネクタ 494">
          <a:extLst>
            <a:ext uri="{FF2B5EF4-FFF2-40B4-BE49-F238E27FC236}">
              <a16:creationId xmlns:a16="http://schemas.microsoft.com/office/drawing/2014/main" id="{00000000-0008-0000-0700-0000EF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7" name="直線コネクタ 496">
          <a:extLst>
            <a:ext uri="{FF2B5EF4-FFF2-40B4-BE49-F238E27FC236}">
              <a16:creationId xmlns:a16="http://schemas.microsoft.com/office/drawing/2014/main" id="{00000000-0008-0000-0700-0000F1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499" name="直線コネクタ 498">
          <a:extLst>
            <a:ext uri="{FF2B5EF4-FFF2-40B4-BE49-F238E27FC236}">
              <a16:creationId xmlns:a16="http://schemas.microsoft.com/office/drawing/2014/main" id="{00000000-0008-0000-0700-0000F3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5" name="消防費グラフ枠">
          <a:extLst>
            <a:ext uri="{FF2B5EF4-FFF2-40B4-BE49-F238E27FC236}">
              <a16:creationId xmlns:a16="http://schemas.microsoft.com/office/drawing/2014/main" id="{00000000-0008-0000-0700-0000F9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9590</xdr:rowOff>
    </xdr:from>
    <xdr:to>
      <xdr:col>85</xdr:col>
      <xdr:colOff>126364</xdr:colOff>
      <xdr:row>39</xdr:row>
      <xdr:rowOff>72492</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flipV="1">
          <a:off x="16317595" y="5334540"/>
          <a:ext cx="1269" cy="14245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6319</xdr:rowOff>
    </xdr:from>
    <xdr:ext cx="534377" cy="259045"/>
    <xdr:sp macro="" textlink="">
      <xdr:nvSpPr>
        <xdr:cNvPr id="507" name="消防費最小値テキスト">
          <a:extLst>
            <a:ext uri="{FF2B5EF4-FFF2-40B4-BE49-F238E27FC236}">
              <a16:creationId xmlns:a16="http://schemas.microsoft.com/office/drawing/2014/main" id="{00000000-0008-0000-0700-0000FB010000}"/>
            </a:ext>
          </a:extLst>
        </xdr:cNvPr>
        <xdr:cNvSpPr txBox="1"/>
      </xdr:nvSpPr>
      <xdr:spPr>
        <a:xfrm>
          <a:off x="16370300" y="6762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72492</xdr:rowOff>
    </xdr:from>
    <xdr:to>
      <xdr:col>86</xdr:col>
      <xdr:colOff>25400</xdr:colOff>
      <xdr:row>39</xdr:row>
      <xdr:rowOff>72492</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6230600" y="67590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37717</xdr:rowOff>
    </xdr:from>
    <xdr:ext cx="534377" cy="259045"/>
    <xdr:sp macro="" textlink="">
      <xdr:nvSpPr>
        <xdr:cNvPr id="509" name="消防費最大値テキスト">
          <a:extLst>
            <a:ext uri="{FF2B5EF4-FFF2-40B4-BE49-F238E27FC236}">
              <a16:creationId xmlns:a16="http://schemas.microsoft.com/office/drawing/2014/main" id="{00000000-0008-0000-0700-0000FD010000}"/>
            </a:ext>
          </a:extLst>
        </xdr:cNvPr>
        <xdr:cNvSpPr txBox="1"/>
      </xdr:nvSpPr>
      <xdr:spPr>
        <a:xfrm>
          <a:off x="16370300" y="5109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3,30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19590</xdr:rowOff>
    </xdr:from>
    <xdr:to>
      <xdr:col>86</xdr:col>
      <xdr:colOff>25400</xdr:colOff>
      <xdr:row>31</xdr:row>
      <xdr:rowOff>1959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6230600" y="53345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39192</xdr:rowOff>
    </xdr:from>
    <xdr:to>
      <xdr:col>85</xdr:col>
      <xdr:colOff>127000</xdr:colOff>
      <xdr:row>38</xdr:row>
      <xdr:rowOff>46851</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5481300" y="6554292"/>
          <a:ext cx="838200" cy="7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3440</xdr:rowOff>
    </xdr:from>
    <xdr:ext cx="534377" cy="259045"/>
    <xdr:sp macro="" textlink="">
      <xdr:nvSpPr>
        <xdr:cNvPr id="512" name="消防費平均値テキスト">
          <a:extLst>
            <a:ext uri="{FF2B5EF4-FFF2-40B4-BE49-F238E27FC236}">
              <a16:creationId xmlns:a16="http://schemas.microsoft.com/office/drawing/2014/main" id="{00000000-0008-0000-0700-000000020000}"/>
            </a:ext>
          </a:extLst>
        </xdr:cNvPr>
        <xdr:cNvSpPr txBox="1"/>
      </xdr:nvSpPr>
      <xdr:spPr>
        <a:xfrm>
          <a:off x="16370300" y="61756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52013</xdr:rowOff>
    </xdr:from>
    <xdr:to>
      <xdr:col>85</xdr:col>
      <xdr:colOff>177800</xdr:colOff>
      <xdr:row>37</xdr:row>
      <xdr:rowOff>82163</xdr:rowOff>
    </xdr:to>
    <xdr:sp macro="" textlink="">
      <xdr:nvSpPr>
        <xdr:cNvPr id="513" name="フローチャート: 判断 512">
          <a:extLst>
            <a:ext uri="{FF2B5EF4-FFF2-40B4-BE49-F238E27FC236}">
              <a16:creationId xmlns:a16="http://schemas.microsoft.com/office/drawing/2014/main" id="{00000000-0008-0000-0700-000001020000}"/>
            </a:ext>
          </a:extLst>
        </xdr:cNvPr>
        <xdr:cNvSpPr/>
      </xdr:nvSpPr>
      <xdr:spPr>
        <a:xfrm>
          <a:off x="16268700" y="6324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66008</xdr:rowOff>
    </xdr:from>
    <xdr:to>
      <xdr:col>81</xdr:col>
      <xdr:colOff>50800</xdr:colOff>
      <xdr:row>38</xdr:row>
      <xdr:rowOff>39192</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4592300" y="6509658"/>
          <a:ext cx="889000" cy="44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66967</xdr:rowOff>
    </xdr:from>
    <xdr:to>
      <xdr:col>81</xdr:col>
      <xdr:colOff>101600</xdr:colOff>
      <xdr:row>37</xdr:row>
      <xdr:rowOff>97117</xdr:rowOff>
    </xdr:to>
    <xdr:sp macro="" textlink="">
      <xdr:nvSpPr>
        <xdr:cNvPr id="515" name="フローチャート: 判断 514">
          <a:extLst>
            <a:ext uri="{FF2B5EF4-FFF2-40B4-BE49-F238E27FC236}">
              <a16:creationId xmlns:a16="http://schemas.microsoft.com/office/drawing/2014/main" id="{00000000-0008-0000-0700-000003020000}"/>
            </a:ext>
          </a:extLst>
        </xdr:cNvPr>
        <xdr:cNvSpPr/>
      </xdr:nvSpPr>
      <xdr:spPr>
        <a:xfrm>
          <a:off x="15430500" y="6339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13644</xdr:rowOff>
    </xdr:from>
    <xdr:ext cx="534377" cy="259045"/>
    <xdr:sp macro="" textlink="">
      <xdr:nvSpPr>
        <xdr:cNvPr id="516" name="テキスト ボックス 515">
          <a:extLst>
            <a:ext uri="{FF2B5EF4-FFF2-40B4-BE49-F238E27FC236}">
              <a16:creationId xmlns:a16="http://schemas.microsoft.com/office/drawing/2014/main" id="{00000000-0008-0000-0700-000004020000}"/>
            </a:ext>
          </a:extLst>
        </xdr:cNvPr>
        <xdr:cNvSpPr txBox="1"/>
      </xdr:nvSpPr>
      <xdr:spPr>
        <a:xfrm>
          <a:off x="15214111" y="6114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4</xdr:row>
      <xdr:rowOff>107924</xdr:rowOff>
    </xdr:from>
    <xdr:to>
      <xdr:col>76</xdr:col>
      <xdr:colOff>114300</xdr:colOff>
      <xdr:row>37</xdr:row>
      <xdr:rowOff>166008</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3703300" y="5937224"/>
          <a:ext cx="889000" cy="572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43097</xdr:rowOff>
    </xdr:from>
    <xdr:to>
      <xdr:col>76</xdr:col>
      <xdr:colOff>165100</xdr:colOff>
      <xdr:row>37</xdr:row>
      <xdr:rowOff>73247</xdr:rowOff>
    </xdr:to>
    <xdr:sp macro="" textlink="">
      <xdr:nvSpPr>
        <xdr:cNvPr id="518" name="フローチャート: 判断 517">
          <a:extLst>
            <a:ext uri="{FF2B5EF4-FFF2-40B4-BE49-F238E27FC236}">
              <a16:creationId xmlns:a16="http://schemas.microsoft.com/office/drawing/2014/main" id="{00000000-0008-0000-0700-000006020000}"/>
            </a:ext>
          </a:extLst>
        </xdr:cNvPr>
        <xdr:cNvSpPr/>
      </xdr:nvSpPr>
      <xdr:spPr>
        <a:xfrm>
          <a:off x="14541500" y="6315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89774</xdr:rowOff>
    </xdr:from>
    <xdr:ext cx="534377"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4325111" y="6090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4</xdr:row>
      <xdr:rowOff>107924</xdr:rowOff>
    </xdr:from>
    <xdr:to>
      <xdr:col>71</xdr:col>
      <xdr:colOff>177800</xdr:colOff>
      <xdr:row>38</xdr:row>
      <xdr:rowOff>121165</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flipV="1">
          <a:off x="12814300" y="5937224"/>
          <a:ext cx="889000" cy="6990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20034</xdr:rowOff>
    </xdr:from>
    <xdr:to>
      <xdr:col>72</xdr:col>
      <xdr:colOff>38100</xdr:colOff>
      <xdr:row>37</xdr:row>
      <xdr:rowOff>121634</xdr:rowOff>
    </xdr:to>
    <xdr:sp macro="" textlink="">
      <xdr:nvSpPr>
        <xdr:cNvPr id="521" name="フローチャート: 判断 520">
          <a:extLst>
            <a:ext uri="{FF2B5EF4-FFF2-40B4-BE49-F238E27FC236}">
              <a16:creationId xmlns:a16="http://schemas.microsoft.com/office/drawing/2014/main" id="{00000000-0008-0000-0700-000009020000}"/>
            </a:ext>
          </a:extLst>
        </xdr:cNvPr>
        <xdr:cNvSpPr/>
      </xdr:nvSpPr>
      <xdr:spPr>
        <a:xfrm>
          <a:off x="13652500" y="6363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12761</xdr:rowOff>
    </xdr:from>
    <xdr:ext cx="534377" cy="259045"/>
    <xdr:sp macro="" textlink="">
      <xdr:nvSpPr>
        <xdr:cNvPr id="522" name="テキスト ボックス 521">
          <a:extLst>
            <a:ext uri="{FF2B5EF4-FFF2-40B4-BE49-F238E27FC236}">
              <a16:creationId xmlns:a16="http://schemas.microsoft.com/office/drawing/2014/main" id="{00000000-0008-0000-0700-00000A020000}"/>
            </a:ext>
          </a:extLst>
        </xdr:cNvPr>
        <xdr:cNvSpPr txBox="1"/>
      </xdr:nvSpPr>
      <xdr:spPr>
        <a:xfrm>
          <a:off x="13436111" y="6456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55448</xdr:rowOff>
    </xdr:from>
    <xdr:to>
      <xdr:col>67</xdr:col>
      <xdr:colOff>101600</xdr:colOff>
      <xdr:row>37</xdr:row>
      <xdr:rowOff>157048</xdr:rowOff>
    </xdr:to>
    <xdr:sp macro="" textlink="">
      <xdr:nvSpPr>
        <xdr:cNvPr id="523" name="フローチャート: 判断 522">
          <a:extLst>
            <a:ext uri="{FF2B5EF4-FFF2-40B4-BE49-F238E27FC236}">
              <a16:creationId xmlns:a16="http://schemas.microsoft.com/office/drawing/2014/main" id="{00000000-0008-0000-0700-00000B020000}"/>
            </a:ext>
          </a:extLst>
        </xdr:cNvPr>
        <xdr:cNvSpPr/>
      </xdr:nvSpPr>
      <xdr:spPr>
        <a:xfrm>
          <a:off x="12763500" y="6399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2125</xdr:rowOff>
    </xdr:from>
    <xdr:ext cx="534377" cy="259045"/>
    <xdr:sp macro="" textlink="">
      <xdr:nvSpPr>
        <xdr:cNvPr id="524" name="テキスト ボックス 523">
          <a:extLst>
            <a:ext uri="{FF2B5EF4-FFF2-40B4-BE49-F238E27FC236}">
              <a16:creationId xmlns:a16="http://schemas.microsoft.com/office/drawing/2014/main" id="{00000000-0008-0000-0700-00000C020000}"/>
            </a:ext>
          </a:extLst>
        </xdr:cNvPr>
        <xdr:cNvSpPr txBox="1"/>
      </xdr:nvSpPr>
      <xdr:spPr>
        <a:xfrm>
          <a:off x="12547111" y="6174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67501</xdr:rowOff>
    </xdr:from>
    <xdr:to>
      <xdr:col>85</xdr:col>
      <xdr:colOff>177800</xdr:colOff>
      <xdr:row>38</xdr:row>
      <xdr:rowOff>97651</xdr:rowOff>
    </xdr:to>
    <xdr:sp macro="" textlink="">
      <xdr:nvSpPr>
        <xdr:cNvPr id="530" name="楕円 529">
          <a:extLst>
            <a:ext uri="{FF2B5EF4-FFF2-40B4-BE49-F238E27FC236}">
              <a16:creationId xmlns:a16="http://schemas.microsoft.com/office/drawing/2014/main" id="{00000000-0008-0000-0700-000012020000}"/>
            </a:ext>
          </a:extLst>
        </xdr:cNvPr>
        <xdr:cNvSpPr/>
      </xdr:nvSpPr>
      <xdr:spPr>
        <a:xfrm>
          <a:off x="16268700" y="6511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45928</xdr:rowOff>
    </xdr:from>
    <xdr:ext cx="534377" cy="259045"/>
    <xdr:sp macro="" textlink="">
      <xdr:nvSpPr>
        <xdr:cNvPr id="531" name="消防費該当値テキスト">
          <a:extLst>
            <a:ext uri="{FF2B5EF4-FFF2-40B4-BE49-F238E27FC236}">
              <a16:creationId xmlns:a16="http://schemas.microsoft.com/office/drawing/2014/main" id="{00000000-0008-0000-0700-000013020000}"/>
            </a:ext>
          </a:extLst>
        </xdr:cNvPr>
        <xdr:cNvSpPr txBox="1"/>
      </xdr:nvSpPr>
      <xdr:spPr>
        <a:xfrm>
          <a:off x="16370300" y="6489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59842</xdr:rowOff>
    </xdr:from>
    <xdr:to>
      <xdr:col>81</xdr:col>
      <xdr:colOff>101600</xdr:colOff>
      <xdr:row>38</xdr:row>
      <xdr:rowOff>89992</xdr:rowOff>
    </xdr:to>
    <xdr:sp macro="" textlink="">
      <xdr:nvSpPr>
        <xdr:cNvPr id="532" name="楕円 531">
          <a:extLst>
            <a:ext uri="{FF2B5EF4-FFF2-40B4-BE49-F238E27FC236}">
              <a16:creationId xmlns:a16="http://schemas.microsoft.com/office/drawing/2014/main" id="{00000000-0008-0000-0700-000014020000}"/>
            </a:ext>
          </a:extLst>
        </xdr:cNvPr>
        <xdr:cNvSpPr/>
      </xdr:nvSpPr>
      <xdr:spPr>
        <a:xfrm>
          <a:off x="15430500" y="6503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81119</xdr:rowOff>
    </xdr:from>
    <xdr:ext cx="534377"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5214111" y="6596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15208</xdr:rowOff>
    </xdr:from>
    <xdr:to>
      <xdr:col>76</xdr:col>
      <xdr:colOff>165100</xdr:colOff>
      <xdr:row>38</xdr:row>
      <xdr:rowOff>45358</xdr:rowOff>
    </xdr:to>
    <xdr:sp macro="" textlink="">
      <xdr:nvSpPr>
        <xdr:cNvPr id="534" name="楕円 533">
          <a:extLst>
            <a:ext uri="{FF2B5EF4-FFF2-40B4-BE49-F238E27FC236}">
              <a16:creationId xmlns:a16="http://schemas.microsoft.com/office/drawing/2014/main" id="{00000000-0008-0000-0700-000016020000}"/>
            </a:ext>
          </a:extLst>
        </xdr:cNvPr>
        <xdr:cNvSpPr/>
      </xdr:nvSpPr>
      <xdr:spPr>
        <a:xfrm>
          <a:off x="14541500" y="6458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36485</xdr:rowOff>
    </xdr:from>
    <xdr:ext cx="534377"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4325111" y="65515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4</xdr:row>
      <xdr:rowOff>57124</xdr:rowOff>
    </xdr:from>
    <xdr:to>
      <xdr:col>72</xdr:col>
      <xdr:colOff>38100</xdr:colOff>
      <xdr:row>34</xdr:row>
      <xdr:rowOff>158724</xdr:rowOff>
    </xdr:to>
    <xdr:sp macro="" textlink="">
      <xdr:nvSpPr>
        <xdr:cNvPr id="536" name="楕円 535">
          <a:extLst>
            <a:ext uri="{FF2B5EF4-FFF2-40B4-BE49-F238E27FC236}">
              <a16:creationId xmlns:a16="http://schemas.microsoft.com/office/drawing/2014/main" id="{00000000-0008-0000-0700-000018020000}"/>
            </a:ext>
          </a:extLst>
        </xdr:cNvPr>
        <xdr:cNvSpPr/>
      </xdr:nvSpPr>
      <xdr:spPr>
        <a:xfrm>
          <a:off x="13652500" y="5886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3801</xdr:rowOff>
    </xdr:from>
    <xdr:ext cx="534377"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3436111" y="5661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70365</xdr:rowOff>
    </xdr:from>
    <xdr:to>
      <xdr:col>67</xdr:col>
      <xdr:colOff>101600</xdr:colOff>
      <xdr:row>39</xdr:row>
      <xdr:rowOff>515</xdr:rowOff>
    </xdr:to>
    <xdr:sp macro="" textlink="">
      <xdr:nvSpPr>
        <xdr:cNvPr id="538" name="楕円 537">
          <a:extLst>
            <a:ext uri="{FF2B5EF4-FFF2-40B4-BE49-F238E27FC236}">
              <a16:creationId xmlns:a16="http://schemas.microsoft.com/office/drawing/2014/main" id="{00000000-0008-0000-0700-00001A020000}"/>
            </a:ext>
          </a:extLst>
        </xdr:cNvPr>
        <xdr:cNvSpPr/>
      </xdr:nvSpPr>
      <xdr:spPr>
        <a:xfrm>
          <a:off x="12763500" y="6585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163092</xdr:rowOff>
    </xdr:from>
    <xdr:ext cx="534377"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2547111" y="6678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0" name="正方形/長方形 539">
          <a:extLst>
            <a:ext uri="{FF2B5EF4-FFF2-40B4-BE49-F238E27FC236}">
              <a16:creationId xmlns:a16="http://schemas.microsoft.com/office/drawing/2014/main" id="{00000000-0008-0000-0700-00001C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1" name="正方形/長方形 540">
          <a:extLst>
            <a:ext uri="{FF2B5EF4-FFF2-40B4-BE49-F238E27FC236}">
              <a16:creationId xmlns:a16="http://schemas.microsoft.com/office/drawing/2014/main" id="{00000000-0008-0000-0700-00001D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2" name="正方形/長方形 541">
          <a:extLst>
            <a:ext uri="{FF2B5EF4-FFF2-40B4-BE49-F238E27FC236}">
              <a16:creationId xmlns:a16="http://schemas.microsoft.com/office/drawing/2014/main" id="{00000000-0008-0000-0700-00001E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3" name="正方形/長方形 542">
          <a:extLst>
            <a:ext uri="{FF2B5EF4-FFF2-40B4-BE49-F238E27FC236}">
              <a16:creationId xmlns:a16="http://schemas.microsoft.com/office/drawing/2014/main" id="{00000000-0008-0000-0700-00001F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8" name="テキスト ボックス 547">
          <a:extLst>
            <a:ext uri="{FF2B5EF4-FFF2-40B4-BE49-F238E27FC236}">
              <a16:creationId xmlns:a16="http://schemas.microsoft.com/office/drawing/2014/main" id="{00000000-0008-0000-0700-000024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9" name="直線コネクタ 548">
          <a:extLst>
            <a:ext uri="{FF2B5EF4-FFF2-40B4-BE49-F238E27FC236}">
              <a16:creationId xmlns:a16="http://schemas.microsoft.com/office/drawing/2014/main" id="{00000000-0008-0000-0700-000025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44450</xdr:rowOff>
    </xdr:from>
    <xdr:to>
      <xdr:col>89</xdr:col>
      <xdr:colOff>177800</xdr:colOff>
      <xdr:row>59</xdr:row>
      <xdr:rowOff>44450</xdr:rowOff>
    </xdr:to>
    <xdr:cxnSp macro="">
      <xdr:nvCxnSpPr>
        <xdr:cNvPr id="550" name="直線コネクタ 549">
          <a:extLst>
            <a:ext uri="{FF2B5EF4-FFF2-40B4-BE49-F238E27FC236}">
              <a16:creationId xmlns:a16="http://schemas.microsoft.com/office/drawing/2014/main" id="{00000000-0008-0000-0700-000026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73677</xdr:rowOff>
    </xdr:from>
    <xdr:ext cx="248786" cy="259045"/>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2197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2" name="直線コネクタ 551">
          <a:extLst>
            <a:ext uri="{FF2B5EF4-FFF2-40B4-BE49-F238E27FC236}">
              <a16:creationId xmlns:a16="http://schemas.microsoft.com/office/drawing/2014/main" id="{00000000-0008-0000-0700-000028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6</xdr:row>
      <xdr:rowOff>35577</xdr:rowOff>
    </xdr:from>
    <xdr:ext cx="595419" cy="259045"/>
    <xdr:sp macro="" textlink="">
      <xdr:nvSpPr>
        <xdr:cNvPr id="553" name="テキスト ボックス 552">
          <a:extLst>
            <a:ext uri="{FF2B5EF4-FFF2-40B4-BE49-F238E27FC236}">
              <a16:creationId xmlns:a16="http://schemas.microsoft.com/office/drawing/2014/main" id="{00000000-0008-0000-0700-000029020000}"/>
            </a:ext>
          </a:extLst>
        </xdr:cNvPr>
        <xdr:cNvSpPr txBox="1"/>
      </xdr:nvSpPr>
      <xdr:spPr>
        <a:xfrm>
          <a:off x="11850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54" name="直線コネクタ 553">
          <a:extLst>
            <a:ext uri="{FF2B5EF4-FFF2-40B4-BE49-F238E27FC236}">
              <a16:creationId xmlns:a16="http://schemas.microsoft.com/office/drawing/2014/main" id="{00000000-0008-0000-0700-00002A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168927</xdr:rowOff>
    </xdr:from>
    <xdr:ext cx="595419" cy="259045"/>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1850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56" name="直線コネクタ 555">
          <a:extLst>
            <a:ext uri="{FF2B5EF4-FFF2-40B4-BE49-F238E27FC236}">
              <a16:creationId xmlns:a16="http://schemas.microsoft.com/office/drawing/2014/main" id="{00000000-0008-0000-0700-00002C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57" name="テキスト ボックス 556">
          <a:extLst>
            <a:ext uri="{FF2B5EF4-FFF2-40B4-BE49-F238E27FC236}">
              <a16:creationId xmlns:a16="http://schemas.microsoft.com/office/drawing/2014/main" id="{00000000-0008-0000-0700-00002D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教育費グラフ枠">
          <a:extLst>
            <a:ext uri="{FF2B5EF4-FFF2-40B4-BE49-F238E27FC236}">
              <a16:creationId xmlns:a16="http://schemas.microsoft.com/office/drawing/2014/main" id="{00000000-0008-0000-0700-000032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31017</xdr:rowOff>
    </xdr:from>
    <xdr:to>
      <xdr:col>85</xdr:col>
      <xdr:colOff>126364</xdr:colOff>
      <xdr:row>58</xdr:row>
      <xdr:rowOff>55228</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flipV="1">
          <a:off x="16317595" y="8874967"/>
          <a:ext cx="1269" cy="11243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59055</xdr:rowOff>
    </xdr:from>
    <xdr:ext cx="534377" cy="259045"/>
    <xdr:sp macro="" textlink="">
      <xdr:nvSpPr>
        <xdr:cNvPr id="564" name="教育費最小値テキスト">
          <a:extLst>
            <a:ext uri="{FF2B5EF4-FFF2-40B4-BE49-F238E27FC236}">
              <a16:creationId xmlns:a16="http://schemas.microsoft.com/office/drawing/2014/main" id="{00000000-0008-0000-0700-000034020000}"/>
            </a:ext>
          </a:extLst>
        </xdr:cNvPr>
        <xdr:cNvSpPr txBox="1"/>
      </xdr:nvSpPr>
      <xdr:spPr>
        <a:xfrm>
          <a:off x="16370300" y="10003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55228</xdr:rowOff>
    </xdr:from>
    <xdr:to>
      <xdr:col>86</xdr:col>
      <xdr:colOff>25400</xdr:colOff>
      <xdr:row>58</xdr:row>
      <xdr:rowOff>55228</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6230600" y="9999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77694</xdr:rowOff>
    </xdr:from>
    <xdr:ext cx="599010" cy="259045"/>
    <xdr:sp macro="" textlink="">
      <xdr:nvSpPr>
        <xdr:cNvPr id="566" name="教育費最大値テキスト">
          <a:extLst>
            <a:ext uri="{FF2B5EF4-FFF2-40B4-BE49-F238E27FC236}">
              <a16:creationId xmlns:a16="http://schemas.microsoft.com/office/drawing/2014/main" id="{00000000-0008-0000-0700-000036020000}"/>
            </a:ext>
          </a:extLst>
        </xdr:cNvPr>
        <xdr:cNvSpPr txBox="1"/>
      </xdr:nvSpPr>
      <xdr:spPr>
        <a:xfrm>
          <a:off x="16370300" y="86501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7,27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31017</xdr:rowOff>
    </xdr:from>
    <xdr:to>
      <xdr:col>86</xdr:col>
      <xdr:colOff>25400</xdr:colOff>
      <xdr:row>51</xdr:row>
      <xdr:rowOff>131017</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6230600" y="88749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57866</xdr:rowOff>
    </xdr:from>
    <xdr:to>
      <xdr:col>85</xdr:col>
      <xdr:colOff>127000</xdr:colOff>
      <xdr:row>58</xdr:row>
      <xdr:rowOff>30010</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flipV="1">
          <a:off x="15481300" y="9930516"/>
          <a:ext cx="838200" cy="43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9457</xdr:rowOff>
    </xdr:from>
    <xdr:ext cx="534377" cy="259045"/>
    <xdr:sp macro="" textlink="">
      <xdr:nvSpPr>
        <xdr:cNvPr id="569" name="教育費平均値テキスト">
          <a:extLst>
            <a:ext uri="{FF2B5EF4-FFF2-40B4-BE49-F238E27FC236}">
              <a16:creationId xmlns:a16="http://schemas.microsoft.com/office/drawing/2014/main" id="{00000000-0008-0000-0700-000039020000}"/>
            </a:ext>
          </a:extLst>
        </xdr:cNvPr>
        <xdr:cNvSpPr txBox="1"/>
      </xdr:nvSpPr>
      <xdr:spPr>
        <a:xfrm>
          <a:off x="16370300" y="96206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68030</xdr:rowOff>
    </xdr:from>
    <xdr:to>
      <xdr:col>85</xdr:col>
      <xdr:colOff>177800</xdr:colOff>
      <xdr:row>57</xdr:row>
      <xdr:rowOff>98180</xdr:rowOff>
    </xdr:to>
    <xdr:sp macro="" textlink="">
      <xdr:nvSpPr>
        <xdr:cNvPr id="570" name="フローチャート: 判断 569">
          <a:extLst>
            <a:ext uri="{FF2B5EF4-FFF2-40B4-BE49-F238E27FC236}">
              <a16:creationId xmlns:a16="http://schemas.microsoft.com/office/drawing/2014/main" id="{00000000-0008-0000-0700-00003A020000}"/>
            </a:ext>
          </a:extLst>
        </xdr:cNvPr>
        <xdr:cNvSpPr/>
      </xdr:nvSpPr>
      <xdr:spPr>
        <a:xfrm>
          <a:off x="16268700" y="9769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66881</xdr:rowOff>
    </xdr:from>
    <xdr:to>
      <xdr:col>81</xdr:col>
      <xdr:colOff>50800</xdr:colOff>
      <xdr:row>58</xdr:row>
      <xdr:rowOff>30010</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4592300" y="9939531"/>
          <a:ext cx="889000" cy="34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29033</xdr:rowOff>
    </xdr:from>
    <xdr:to>
      <xdr:col>81</xdr:col>
      <xdr:colOff>101600</xdr:colOff>
      <xdr:row>57</xdr:row>
      <xdr:rowOff>130633</xdr:rowOff>
    </xdr:to>
    <xdr:sp macro="" textlink="">
      <xdr:nvSpPr>
        <xdr:cNvPr id="572" name="フローチャート: 判断 571">
          <a:extLst>
            <a:ext uri="{FF2B5EF4-FFF2-40B4-BE49-F238E27FC236}">
              <a16:creationId xmlns:a16="http://schemas.microsoft.com/office/drawing/2014/main" id="{00000000-0008-0000-0700-00003C020000}"/>
            </a:ext>
          </a:extLst>
        </xdr:cNvPr>
        <xdr:cNvSpPr/>
      </xdr:nvSpPr>
      <xdr:spPr>
        <a:xfrm>
          <a:off x="15430500" y="9801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47160</xdr:rowOff>
    </xdr:from>
    <xdr:ext cx="534377" cy="259045"/>
    <xdr:sp macro="" textlink="">
      <xdr:nvSpPr>
        <xdr:cNvPr id="573" name="テキスト ボックス 572">
          <a:extLst>
            <a:ext uri="{FF2B5EF4-FFF2-40B4-BE49-F238E27FC236}">
              <a16:creationId xmlns:a16="http://schemas.microsoft.com/office/drawing/2014/main" id="{00000000-0008-0000-0700-00003D020000}"/>
            </a:ext>
          </a:extLst>
        </xdr:cNvPr>
        <xdr:cNvSpPr txBox="1"/>
      </xdr:nvSpPr>
      <xdr:spPr>
        <a:xfrm>
          <a:off x="15214111" y="9576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66881</xdr:rowOff>
    </xdr:from>
    <xdr:to>
      <xdr:col>76</xdr:col>
      <xdr:colOff>114300</xdr:colOff>
      <xdr:row>57</xdr:row>
      <xdr:rowOff>169681</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flipV="1">
          <a:off x="13703300" y="9939531"/>
          <a:ext cx="889000" cy="2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9945</xdr:rowOff>
    </xdr:from>
    <xdr:to>
      <xdr:col>76</xdr:col>
      <xdr:colOff>165100</xdr:colOff>
      <xdr:row>57</xdr:row>
      <xdr:rowOff>111545</xdr:rowOff>
    </xdr:to>
    <xdr:sp macro="" textlink="">
      <xdr:nvSpPr>
        <xdr:cNvPr id="575" name="フローチャート: 判断 574">
          <a:extLst>
            <a:ext uri="{FF2B5EF4-FFF2-40B4-BE49-F238E27FC236}">
              <a16:creationId xmlns:a16="http://schemas.microsoft.com/office/drawing/2014/main" id="{00000000-0008-0000-0700-00003F020000}"/>
            </a:ext>
          </a:extLst>
        </xdr:cNvPr>
        <xdr:cNvSpPr/>
      </xdr:nvSpPr>
      <xdr:spPr>
        <a:xfrm>
          <a:off x="14541500" y="9782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28072</xdr:rowOff>
    </xdr:from>
    <xdr:ext cx="534377" cy="259045"/>
    <xdr:sp macro="" textlink="">
      <xdr:nvSpPr>
        <xdr:cNvPr id="576" name="テキスト ボックス 575">
          <a:extLst>
            <a:ext uri="{FF2B5EF4-FFF2-40B4-BE49-F238E27FC236}">
              <a16:creationId xmlns:a16="http://schemas.microsoft.com/office/drawing/2014/main" id="{00000000-0008-0000-0700-000040020000}"/>
            </a:ext>
          </a:extLst>
        </xdr:cNvPr>
        <xdr:cNvSpPr txBox="1"/>
      </xdr:nvSpPr>
      <xdr:spPr>
        <a:xfrm>
          <a:off x="14325111" y="9557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69681</xdr:rowOff>
    </xdr:from>
    <xdr:to>
      <xdr:col>71</xdr:col>
      <xdr:colOff>177800</xdr:colOff>
      <xdr:row>58</xdr:row>
      <xdr:rowOff>51936</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flipV="1">
          <a:off x="12814300" y="9942331"/>
          <a:ext cx="889000" cy="53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6094</xdr:rowOff>
    </xdr:from>
    <xdr:to>
      <xdr:col>72</xdr:col>
      <xdr:colOff>38100</xdr:colOff>
      <xdr:row>57</xdr:row>
      <xdr:rowOff>117694</xdr:rowOff>
    </xdr:to>
    <xdr:sp macro="" textlink="">
      <xdr:nvSpPr>
        <xdr:cNvPr id="578" name="フローチャート: 判断 577">
          <a:extLst>
            <a:ext uri="{FF2B5EF4-FFF2-40B4-BE49-F238E27FC236}">
              <a16:creationId xmlns:a16="http://schemas.microsoft.com/office/drawing/2014/main" id="{00000000-0008-0000-0700-000042020000}"/>
            </a:ext>
          </a:extLst>
        </xdr:cNvPr>
        <xdr:cNvSpPr/>
      </xdr:nvSpPr>
      <xdr:spPr>
        <a:xfrm>
          <a:off x="13652500" y="9788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34221</xdr:rowOff>
    </xdr:from>
    <xdr:ext cx="534377" cy="259045"/>
    <xdr:sp macro="" textlink="">
      <xdr:nvSpPr>
        <xdr:cNvPr id="579" name="テキスト ボックス 578">
          <a:extLst>
            <a:ext uri="{FF2B5EF4-FFF2-40B4-BE49-F238E27FC236}">
              <a16:creationId xmlns:a16="http://schemas.microsoft.com/office/drawing/2014/main" id="{00000000-0008-0000-0700-000043020000}"/>
            </a:ext>
          </a:extLst>
        </xdr:cNvPr>
        <xdr:cNvSpPr txBox="1"/>
      </xdr:nvSpPr>
      <xdr:spPr>
        <a:xfrm>
          <a:off x="13436111" y="9563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66722</xdr:rowOff>
    </xdr:from>
    <xdr:to>
      <xdr:col>67</xdr:col>
      <xdr:colOff>101600</xdr:colOff>
      <xdr:row>57</xdr:row>
      <xdr:rowOff>168322</xdr:rowOff>
    </xdr:to>
    <xdr:sp macro="" textlink="">
      <xdr:nvSpPr>
        <xdr:cNvPr id="580" name="フローチャート: 判断 579">
          <a:extLst>
            <a:ext uri="{FF2B5EF4-FFF2-40B4-BE49-F238E27FC236}">
              <a16:creationId xmlns:a16="http://schemas.microsoft.com/office/drawing/2014/main" id="{00000000-0008-0000-0700-000044020000}"/>
            </a:ext>
          </a:extLst>
        </xdr:cNvPr>
        <xdr:cNvSpPr/>
      </xdr:nvSpPr>
      <xdr:spPr>
        <a:xfrm>
          <a:off x="12763500" y="983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13399</xdr:rowOff>
    </xdr:from>
    <xdr:ext cx="534377" cy="259045"/>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2547111" y="9614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700-000046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700-000047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07066</xdr:rowOff>
    </xdr:from>
    <xdr:to>
      <xdr:col>85</xdr:col>
      <xdr:colOff>177800</xdr:colOff>
      <xdr:row>58</xdr:row>
      <xdr:rowOff>37216</xdr:rowOff>
    </xdr:to>
    <xdr:sp macro="" textlink="">
      <xdr:nvSpPr>
        <xdr:cNvPr id="587" name="楕円 586">
          <a:extLst>
            <a:ext uri="{FF2B5EF4-FFF2-40B4-BE49-F238E27FC236}">
              <a16:creationId xmlns:a16="http://schemas.microsoft.com/office/drawing/2014/main" id="{00000000-0008-0000-0700-00004B020000}"/>
            </a:ext>
          </a:extLst>
        </xdr:cNvPr>
        <xdr:cNvSpPr/>
      </xdr:nvSpPr>
      <xdr:spPr>
        <a:xfrm>
          <a:off x="16268700" y="9879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21993</xdr:rowOff>
    </xdr:from>
    <xdr:ext cx="534377" cy="259045"/>
    <xdr:sp macro="" textlink="">
      <xdr:nvSpPr>
        <xdr:cNvPr id="588" name="教育費該当値テキスト">
          <a:extLst>
            <a:ext uri="{FF2B5EF4-FFF2-40B4-BE49-F238E27FC236}">
              <a16:creationId xmlns:a16="http://schemas.microsoft.com/office/drawing/2014/main" id="{00000000-0008-0000-0700-00004C020000}"/>
            </a:ext>
          </a:extLst>
        </xdr:cNvPr>
        <xdr:cNvSpPr txBox="1"/>
      </xdr:nvSpPr>
      <xdr:spPr>
        <a:xfrm>
          <a:off x="16370300" y="9794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50660</xdr:rowOff>
    </xdr:from>
    <xdr:to>
      <xdr:col>81</xdr:col>
      <xdr:colOff>101600</xdr:colOff>
      <xdr:row>58</xdr:row>
      <xdr:rowOff>80810</xdr:rowOff>
    </xdr:to>
    <xdr:sp macro="" textlink="">
      <xdr:nvSpPr>
        <xdr:cNvPr id="589" name="楕円 588">
          <a:extLst>
            <a:ext uri="{FF2B5EF4-FFF2-40B4-BE49-F238E27FC236}">
              <a16:creationId xmlns:a16="http://schemas.microsoft.com/office/drawing/2014/main" id="{00000000-0008-0000-0700-00004D020000}"/>
            </a:ext>
          </a:extLst>
        </xdr:cNvPr>
        <xdr:cNvSpPr/>
      </xdr:nvSpPr>
      <xdr:spPr>
        <a:xfrm>
          <a:off x="15430500" y="9923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71937</xdr:rowOff>
    </xdr:from>
    <xdr:ext cx="534377"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5214111" y="10016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16081</xdr:rowOff>
    </xdr:from>
    <xdr:to>
      <xdr:col>76</xdr:col>
      <xdr:colOff>165100</xdr:colOff>
      <xdr:row>58</xdr:row>
      <xdr:rowOff>46231</xdr:rowOff>
    </xdr:to>
    <xdr:sp macro="" textlink="">
      <xdr:nvSpPr>
        <xdr:cNvPr id="591" name="楕円 590">
          <a:extLst>
            <a:ext uri="{FF2B5EF4-FFF2-40B4-BE49-F238E27FC236}">
              <a16:creationId xmlns:a16="http://schemas.microsoft.com/office/drawing/2014/main" id="{00000000-0008-0000-0700-00004F020000}"/>
            </a:ext>
          </a:extLst>
        </xdr:cNvPr>
        <xdr:cNvSpPr/>
      </xdr:nvSpPr>
      <xdr:spPr>
        <a:xfrm>
          <a:off x="14541500" y="9888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37358</xdr:rowOff>
    </xdr:from>
    <xdr:ext cx="534377"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4325111" y="9981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18881</xdr:rowOff>
    </xdr:from>
    <xdr:to>
      <xdr:col>72</xdr:col>
      <xdr:colOff>38100</xdr:colOff>
      <xdr:row>58</xdr:row>
      <xdr:rowOff>49031</xdr:rowOff>
    </xdr:to>
    <xdr:sp macro="" textlink="">
      <xdr:nvSpPr>
        <xdr:cNvPr id="593" name="楕円 592">
          <a:extLst>
            <a:ext uri="{FF2B5EF4-FFF2-40B4-BE49-F238E27FC236}">
              <a16:creationId xmlns:a16="http://schemas.microsoft.com/office/drawing/2014/main" id="{00000000-0008-0000-0700-000051020000}"/>
            </a:ext>
          </a:extLst>
        </xdr:cNvPr>
        <xdr:cNvSpPr/>
      </xdr:nvSpPr>
      <xdr:spPr>
        <a:xfrm>
          <a:off x="13652500" y="9891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40158</xdr:rowOff>
    </xdr:from>
    <xdr:ext cx="534377"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3436111" y="9984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136</xdr:rowOff>
    </xdr:from>
    <xdr:to>
      <xdr:col>67</xdr:col>
      <xdr:colOff>101600</xdr:colOff>
      <xdr:row>58</xdr:row>
      <xdr:rowOff>102736</xdr:rowOff>
    </xdr:to>
    <xdr:sp macro="" textlink="">
      <xdr:nvSpPr>
        <xdr:cNvPr id="595" name="楕円 594">
          <a:extLst>
            <a:ext uri="{FF2B5EF4-FFF2-40B4-BE49-F238E27FC236}">
              <a16:creationId xmlns:a16="http://schemas.microsoft.com/office/drawing/2014/main" id="{00000000-0008-0000-0700-000053020000}"/>
            </a:ext>
          </a:extLst>
        </xdr:cNvPr>
        <xdr:cNvSpPr/>
      </xdr:nvSpPr>
      <xdr:spPr>
        <a:xfrm>
          <a:off x="12763500" y="9945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93863</xdr:rowOff>
    </xdr:from>
    <xdr:ext cx="534377"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2547111" y="100379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a:extLst>
            <a:ext uri="{FF2B5EF4-FFF2-40B4-BE49-F238E27FC236}">
              <a16:creationId xmlns:a16="http://schemas.microsoft.com/office/drawing/2014/main" id="{00000000-0008-0000-0700-000055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a:extLst>
            <a:ext uri="{FF2B5EF4-FFF2-40B4-BE49-F238E27FC236}">
              <a16:creationId xmlns:a16="http://schemas.microsoft.com/office/drawing/2014/main" id="{00000000-0008-0000-0700-000056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a:extLst>
            <a:ext uri="{FF2B5EF4-FFF2-40B4-BE49-F238E27FC236}">
              <a16:creationId xmlns:a16="http://schemas.microsoft.com/office/drawing/2014/main" id="{00000000-0008-0000-0700-000057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a:extLst>
            <a:ext uri="{FF2B5EF4-FFF2-40B4-BE49-F238E27FC236}">
              <a16:creationId xmlns:a16="http://schemas.microsoft.com/office/drawing/2014/main" id="{00000000-0008-0000-0700-000058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a:extLst>
            <a:ext uri="{FF2B5EF4-FFF2-40B4-BE49-F238E27FC236}">
              <a16:creationId xmlns:a16="http://schemas.microsoft.com/office/drawing/2014/main" id="{00000000-0008-0000-0700-000059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a:extLst>
            <a:ext uri="{FF2B5EF4-FFF2-40B4-BE49-F238E27FC236}">
              <a16:creationId xmlns:a16="http://schemas.microsoft.com/office/drawing/2014/main" id="{00000000-0008-0000-0700-00005E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7" name="直線コネクタ 606">
          <a:extLst>
            <a:ext uri="{FF2B5EF4-FFF2-40B4-BE49-F238E27FC236}">
              <a16:creationId xmlns:a16="http://schemas.microsoft.com/office/drawing/2014/main" id="{00000000-0008-0000-0700-00005F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8" name="テキスト ボックス 607">
          <a:extLst>
            <a:ext uri="{FF2B5EF4-FFF2-40B4-BE49-F238E27FC236}">
              <a16:creationId xmlns:a16="http://schemas.microsoft.com/office/drawing/2014/main" id="{00000000-0008-0000-0700-000060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9" name="直線コネクタ 608">
          <a:extLst>
            <a:ext uri="{FF2B5EF4-FFF2-40B4-BE49-F238E27FC236}">
              <a16:creationId xmlns:a16="http://schemas.microsoft.com/office/drawing/2014/main" id="{00000000-0008-0000-0700-000061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1" name="直線コネクタ 610">
          <a:extLst>
            <a:ext uri="{FF2B5EF4-FFF2-40B4-BE49-F238E27FC236}">
              <a16:creationId xmlns:a16="http://schemas.microsoft.com/office/drawing/2014/main" id="{00000000-0008-0000-0700-000063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2" name="テキスト ボックス 611">
          <a:extLst>
            <a:ext uri="{FF2B5EF4-FFF2-40B4-BE49-F238E27FC236}">
              <a16:creationId xmlns:a16="http://schemas.microsoft.com/office/drawing/2014/main" id="{00000000-0008-0000-0700-000064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3" name="直線コネクタ 612">
          <a:extLst>
            <a:ext uri="{FF2B5EF4-FFF2-40B4-BE49-F238E27FC236}">
              <a16:creationId xmlns:a16="http://schemas.microsoft.com/office/drawing/2014/main" id="{00000000-0008-0000-0700-000065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災害復旧費グラフ枠">
          <a:extLst>
            <a:ext uri="{FF2B5EF4-FFF2-40B4-BE49-F238E27FC236}">
              <a16:creationId xmlns:a16="http://schemas.microsoft.com/office/drawing/2014/main" id="{00000000-0008-0000-0700-00006B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26548</xdr:rowOff>
    </xdr:from>
    <xdr:to>
      <xdr:col>85</xdr:col>
      <xdr:colOff>126364</xdr:colOff>
      <xdr:row>79</xdr:row>
      <xdr:rowOff>4445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flipV="1">
          <a:off x="16317595" y="12128048"/>
          <a:ext cx="1269" cy="14609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21" name="災害復旧費最小値テキスト">
          <a:extLst>
            <a:ext uri="{FF2B5EF4-FFF2-40B4-BE49-F238E27FC236}">
              <a16:creationId xmlns:a16="http://schemas.microsoft.com/office/drawing/2014/main" id="{00000000-0008-0000-0700-00006D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3225</xdr:rowOff>
    </xdr:from>
    <xdr:ext cx="599010" cy="259045"/>
    <xdr:sp macro="" textlink="">
      <xdr:nvSpPr>
        <xdr:cNvPr id="623" name="災害復旧費最大値テキスト">
          <a:extLst>
            <a:ext uri="{FF2B5EF4-FFF2-40B4-BE49-F238E27FC236}">
              <a16:creationId xmlns:a16="http://schemas.microsoft.com/office/drawing/2014/main" id="{00000000-0008-0000-0700-00006F020000}"/>
            </a:ext>
          </a:extLst>
        </xdr:cNvPr>
        <xdr:cNvSpPr txBox="1"/>
      </xdr:nvSpPr>
      <xdr:spPr>
        <a:xfrm>
          <a:off x="16370300" y="119032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1,72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26548</xdr:rowOff>
    </xdr:from>
    <xdr:to>
      <xdr:col>86</xdr:col>
      <xdr:colOff>25400</xdr:colOff>
      <xdr:row>70</xdr:row>
      <xdr:rowOff>126548</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6230600" y="121280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17993</xdr:rowOff>
    </xdr:from>
    <xdr:to>
      <xdr:col>85</xdr:col>
      <xdr:colOff>127000</xdr:colOff>
      <xdr:row>79</xdr:row>
      <xdr:rowOff>44450</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5481300" y="13562543"/>
          <a:ext cx="838200" cy="26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24472</xdr:rowOff>
    </xdr:from>
    <xdr:ext cx="469744" cy="259045"/>
    <xdr:sp macro="" textlink="">
      <xdr:nvSpPr>
        <xdr:cNvPr id="626" name="災害復旧費平均値テキスト">
          <a:extLst>
            <a:ext uri="{FF2B5EF4-FFF2-40B4-BE49-F238E27FC236}">
              <a16:creationId xmlns:a16="http://schemas.microsoft.com/office/drawing/2014/main" id="{00000000-0008-0000-0700-000072020000}"/>
            </a:ext>
          </a:extLst>
        </xdr:cNvPr>
        <xdr:cNvSpPr txBox="1"/>
      </xdr:nvSpPr>
      <xdr:spPr>
        <a:xfrm>
          <a:off x="16370300" y="133261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01595</xdr:rowOff>
    </xdr:from>
    <xdr:to>
      <xdr:col>85</xdr:col>
      <xdr:colOff>177800</xdr:colOff>
      <xdr:row>79</xdr:row>
      <xdr:rowOff>31745</xdr:rowOff>
    </xdr:to>
    <xdr:sp macro="" textlink="">
      <xdr:nvSpPr>
        <xdr:cNvPr id="627" name="フローチャート: 判断 626">
          <a:extLst>
            <a:ext uri="{FF2B5EF4-FFF2-40B4-BE49-F238E27FC236}">
              <a16:creationId xmlns:a16="http://schemas.microsoft.com/office/drawing/2014/main" id="{00000000-0008-0000-0700-000073020000}"/>
            </a:ext>
          </a:extLst>
        </xdr:cNvPr>
        <xdr:cNvSpPr/>
      </xdr:nvSpPr>
      <xdr:spPr>
        <a:xfrm>
          <a:off x="16268700" y="13474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17993</xdr:rowOff>
    </xdr:from>
    <xdr:to>
      <xdr:col>81</xdr:col>
      <xdr:colOff>50800</xdr:colOff>
      <xdr:row>79</xdr:row>
      <xdr:rowOff>35215</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flipV="1">
          <a:off x="14592300" y="13562543"/>
          <a:ext cx="889000" cy="17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88236</xdr:rowOff>
    </xdr:from>
    <xdr:to>
      <xdr:col>81</xdr:col>
      <xdr:colOff>101600</xdr:colOff>
      <xdr:row>79</xdr:row>
      <xdr:rowOff>18386</xdr:rowOff>
    </xdr:to>
    <xdr:sp macro="" textlink="">
      <xdr:nvSpPr>
        <xdr:cNvPr id="629" name="フローチャート: 判断 628">
          <a:extLst>
            <a:ext uri="{FF2B5EF4-FFF2-40B4-BE49-F238E27FC236}">
              <a16:creationId xmlns:a16="http://schemas.microsoft.com/office/drawing/2014/main" id="{00000000-0008-0000-0700-000075020000}"/>
            </a:ext>
          </a:extLst>
        </xdr:cNvPr>
        <xdr:cNvSpPr/>
      </xdr:nvSpPr>
      <xdr:spPr>
        <a:xfrm>
          <a:off x="15430500" y="13461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34913</xdr:rowOff>
    </xdr:from>
    <xdr:ext cx="534377" cy="25904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5214111" y="13236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26726</xdr:rowOff>
    </xdr:from>
    <xdr:to>
      <xdr:col>76</xdr:col>
      <xdr:colOff>114300</xdr:colOff>
      <xdr:row>79</xdr:row>
      <xdr:rowOff>35215</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3703300" y="13571276"/>
          <a:ext cx="889000" cy="8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64813</xdr:rowOff>
    </xdr:from>
    <xdr:to>
      <xdr:col>76</xdr:col>
      <xdr:colOff>165100</xdr:colOff>
      <xdr:row>78</xdr:row>
      <xdr:rowOff>166413</xdr:rowOff>
    </xdr:to>
    <xdr:sp macro="" textlink="">
      <xdr:nvSpPr>
        <xdr:cNvPr id="632" name="フローチャート: 判断 631">
          <a:extLst>
            <a:ext uri="{FF2B5EF4-FFF2-40B4-BE49-F238E27FC236}">
              <a16:creationId xmlns:a16="http://schemas.microsoft.com/office/drawing/2014/main" id="{00000000-0008-0000-0700-000078020000}"/>
            </a:ext>
          </a:extLst>
        </xdr:cNvPr>
        <xdr:cNvSpPr/>
      </xdr:nvSpPr>
      <xdr:spPr>
        <a:xfrm>
          <a:off x="14541500" y="13437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1490</xdr:rowOff>
    </xdr:from>
    <xdr:ext cx="534377" cy="259045"/>
    <xdr:sp macro="" textlink="">
      <xdr:nvSpPr>
        <xdr:cNvPr id="633" name="テキスト ボックス 632">
          <a:extLst>
            <a:ext uri="{FF2B5EF4-FFF2-40B4-BE49-F238E27FC236}">
              <a16:creationId xmlns:a16="http://schemas.microsoft.com/office/drawing/2014/main" id="{00000000-0008-0000-0700-000079020000}"/>
            </a:ext>
          </a:extLst>
        </xdr:cNvPr>
        <xdr:cNvSpPr txBox="1"/>
      </xdr:nvSpPr>
      <xdr:spPr>
        <a:xfrm>
          <a:off x="14325111" y="13213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26726</xdr:rowOff>
    </xdr:from>
    <xdr:to>
      <xdr:col>71</xdr:col>
      <xdr:colOff>177800</xdr:colOff>
      <xdr:row>79</xdr:row>
      <xdr:rowOff>41920</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flipV="1">
          <a:off x="12814300" y="13571276"/>
          <a:ext cx="889000" cy="15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68624</xdr:rowOff>
    </xdr:from>
    <xdr:to>
      <xdr:col>72</xdr:col>
      <xdr:colOff>38100</xdr:colOff>
      <xdr:row>78</xdr:row>
      <xdr:rowOff>170224</xdr:rowOff>
    </xdr:to>
    <xdr:sp macro="" textlink="">
      <xdr:nvSpPr>
        <xdr:cNvPr id="635" name="フローチャート: 判断 634">
          <a:extLst>
            <a:ext uri="{FF2B5EF4-FFF2-40B4-BE49-F238E27FC236}">
              <a16:creationId xmlns:a16="http://schemas.microsoft.com/office/drawing/2014/main" id="{00000000-0008-0000-0700-00007B020000}"/>
            </a:ext>
          </a:extLst>
        </xdr:cNvPr>
        <xdr:cNvSpPr/>
      </xdr:nvSpPr>
      <xdr:spPr>
        <a:xfrm>
          <a:off x="13652500" y="134417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5301</xdr:rowOff>
    </xdr:from>
    <xdr:ext cx="534377" cy="25904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3436111" y="13216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68852</xdr:rowOff>
    </xdr:from>
    <xdr:to>
      <xdr:col>67</xdr:col>
      <xdr:colOff>101600</xdr:colOff>
      <xdr:row>78</xdr:row>
      <xdr:rowOff>170452</xdr:rowOff>
    </xdr:to>
    <xdr:sp macro="" textlink="">
      <xdr:nvSpPr>
        <xdr:cNvPr id="637" name="フローチャート: 判断 636">
          <a:extLst>
            <a:ext uri="{FF2B5EF4-FFF2-40B4-BE49-F238E27FC236}">
              <a16:creationId xmlns:a16="http://schemas.microsoft.com/office/drawing/2014/main" id="{00000000-0008-0000-0700-00007D020000}"/>
            </a:ext>
          </a:extLst>
        </xdr:cNvPr>
        <xdr:cNvSpPr/>
      </xdr:nvSpPr>
      <xdr:spPr>
        <a:xfrm>
          <a:off x="12763500" y="13441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5529</xdr:rowOff>
    </xdr:from>
    <xdr:ext cx="534377"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2547111" y="13217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700-000080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44" name="楕円 643">
          <a:extLst>
            <a:ext uri="{FF2B5EF4-FFF2-40B4-BE49-F238E27FC236}">
              <a16:creationId xmlns:a16="http://schemas.microsoft.com/office/drawing/2014/main" id="{00000000-0008-0000-0700-000084020000}"/>
            </a:ext>
          </a:extLst>
        </xdr:cNvPr>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45" name="災害復旧費該当値テキスト">
          <a:extLst>
            <a:ext uri="{FF2B5EF4-FFF2-40B4-BE49-F238E27FC236}">
              <a16:creationId xmlns:a16="http://schemas.microsoft.com/office/drawing/2014/main" id="{00000000-0008-0000-0700-000085020000}"/>
            </a:ext>
          </a:extLst>
        </xdr:cNvPr>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38643</xdr:rowOff>
    </xdr:from>
    <xdr:to>
      <xdr:col>81</xdr:col>
      <xdr:colOff>101600</xdr:colOff>
      <xdr:row>79</xdr:row>
      <xdr:rowOff>68793</xdr:rowOff>
    </xdr:to>
    <xdr:sp macro="" textlink="">
      <xdr:nvSpPr>
        <xdr:cNvPr id="646" name="楕円 645">
          <a:extLst>
            <a:ext uri="{FF2B5EF4-FFF2-40B4-BE49-F238E27FC236}">
              <a16:creationId xmlns:a16="http://schemas.microsoft.com/office/drawing/2014/main" id="{00000000-0008-0000-0700-000086020000}"/>
            </a:ext>
          </a:extLst>
        </xdr:cNvPr>
        <xdr:cNvSpPr/>
      </xdr:nvSpPr>
      <xdr:spPr>
        <a:xfrm>
          <a:off x="15430500" y="13511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9</xdr:row>
      <xdr:rowOff>59920</xdr:rowOff>
    </xdr:from>
    <xdr:ext cx="469744"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5246428" y="13604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55865</xdr:rowOff>
    </xdr:from>
    <xdr:to>
      <xdr:col>76</xdr:col>
      <xdr:colOff>165100</xdr:colOff>
      <xdr:row>79</xdr:row>
      <xdr:rowOff>86015</xdr:rowOff>
    </xdr:to>
    <xdr:sp macro="" textlink="">
      <xdr:nvSpPr>
        <xdr:cNvPr id="648" name="楕円 647">
          <a:extLst>
            <a:ext uri="{FF2B5EF4-FFF2-40B4-BE49-F238E27FC236}">
              <a16:creationId xmlns:a16="http://schemas.microsoft.com/office/drawing/2014/main" id="{00000000-0008-0000-0700-000088020000}"/>
            </a:ext>
          </a:extLst>
        </xdr:cNvPr>
        <xdr:cNvSpPr/>
      </xdr:nvSpPr>
      <xdr:spPr>
        <a:xfrm>
          <a:off x="14541500" y="13528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9</xdr:row>
      <xdr:rowOff>77142</xdr:rowOff>
    </xdr:from>
    <xdr:ext cx="469744"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4357428" y="136216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47376</xdr:rowOff>
    </xdr:from>
    <xdr:to>
      <xdr:col>72</xdr:col>
      <xdr:colOff>38100</xdr:colOff>
      <xdr:row>79</xdr:row>
      <xdr:rowOff>77526</xdr:rowOff>
    </xdr:to>
    <xdr:sp macro="" textlink="">
      <xdr:nvSpPr>
        <xdr:cNvPr id="650" name="楕円 649">
          <a:extLst>
            <a:ext uri="{FF2B5EF4-FFF2-40B4-BE49-F238E27FC236}">
              <a16:creationId xmlns:a16="http://schemas.microsoft.com/office/drawing/2014/main" id="{00000000-0008-0000-0700-00008A020000}"/>
            </a:ext>
          </a:extLst>
        </xdr:cNvPr>
        <xdr:cNvSpPr/>
      </xdr:nvSpPr>
      <xdr:spPr>
        <a:xfrm>
          <a:off x="13652500" y="13520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9</xdr:row>
      <xdr:rowOff>68653</xdr:rowOff>
    </xdr:from>
    <xdr:ext cx="469744"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3468428" y="13613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2570</xdr:rowOff>
    </xdr:from>
    <xdr:to>
      <xdr:col>67</xdr:col>
      <xdr:colOff>101600</xdr:colOff>
      <xdr:row>79</xdr:row>
      <xdr:rowOff>92720</xdr:rowOff>
    </xdr:to>
    <xdr:sp macro="" textlink="">
      <xdr:nvSpPr>
        <xdr:cNvPr id="652" name="楕円 651">
          <a:extLst>
            <a:ext uri="{FF2B5EF4-FFF2-40B4-BE49-F238E27FC236}">
              <a16:creationId xmlns:a16="http://schemas.microsoft.com/office/drawing/2014/main" id="{00000000-0008-0000-0700-00008C020000}"/>
            </a:ext>
          </a:extLst>
        </xdr:cNvPr>
        <xdr:cNvSpPr/>
      </xdr:nvSpPr>
      <xdr:spPr>
        <a:xfrm>
          <a:off x="12763500" y="13535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9</xdr:row>
      <xdr:rowOff>83847</xdr:rowOff>
    </xdr:from>
    <xdr:ext cx="378565"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2625017" y="136283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a:extLst>
            <a:ext uri="{FF2B5EF4-FFF2-40B4-BE49-F238E27FC236}">
              <a16:creationId xmlns:a16="http://schemas.microsoft.com/office/drawing/2014/main" id="{00000000-0008-0000-0700-00008E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a:extLst>
            <a:ext uri="{FF2B5EF4-FFF2-40B4-BE49-F238E27FC236}">
              <a16:creationId xmlns:a16="http://schemas.microsoft.com/office/drawing/2014/main" id="{00000000-0008-0000-0700-00008F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a:extLst>
            <a:ext uri="{FF2B5EF4-FFF2-40B4-BE49-F238E27FC236}">
              <a16:creationId xmlns:a16="http://schemas.microsoft.com/office/drawing/2014/main" id="{00000000-0008-0000-0700-000090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a:extLst>
            <a:ext uri="{FF2B5EF4-FFF2-40B4-BE49-F238E27FC236}">
              <a16:creationId xmlns:a16="http://schemas.microsoft.com/office/drawing/2014/main" id="{00000000-0008-0000-0700-000091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a:extLst>
            <a:ext uri="{FF2B5EF4-FFF2-40B4-BE49-F238E27FC236}">
              <a16:creationId xmlns:a16="http://schemas.microsoft.com/office/drawing/2014/main" id="{00000000-0008-0000-0700-000092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a:extLst>
            <a:ext uri="{FF2B5EF4-FFF2-40B4-BE49-F238E27FC236}">
              <a16:creationId xmlns:a16="http://schemas.microsoft.com/office/drawing/2014/main" id="{00000000-0008-0000-0700-000093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a:extLst>
            <a:ext uri="{FF2B5EF4-FFF2-40B4-BE49-F238E27FC236}">
              <a16:creationId xmlns:a16="http://schemas.microsoft.com/office/drawing/2014/main" id="{00000000-0008-0000-0700-000097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4" name="直線コネクタ 663">
          <a:extLst>
            <a:ext uri="{FF2B5EF4-FFF2-40B4-BE49-F238E27FC236}">
              <a16:creationId xmlns:a16="http://schemas.microsoft.com/office/drawing/2014/main" id="{00000000-0008-0000-0700-000098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5" name="テキスト ボックス 664">
          <a:extLst>
            <a:ext uri="{FF2B5EF4-FFF2-40B4-BE49-F238E27FC236}">
              <a16:creationId xmlns:a16="http://schemas.microsoft.com/office/drawing/2014/main" id="{00000000-0008-0000-0700-000099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6" name="直線コネクタ 665">
          <a:extLst>
            <a:ext uri="{FF2B5EF4-FFF2-40B4-BE49-F238E27FC236}">
              <a16:creationId xmlns:a16="http://schemas.microsoft.com/office/drawing/2014/main" id="{00000000-0008-0000-0700-00009A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67" name="テキスト ボックス 666">
          <a:extLst>
            <a:ext uri="{FF2B5EF4-FFF2-40B4-BE49-F238E27FC236}">
              <a16:creationId xmlns:a16="http://schemas.microsoft.com/office/drawing/2014/main" id="{00000000-0008-0000-0700-00009B020000}"/>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8" name="直線コネクタ 667">
          <a:extLst>
            <a:ext uri="{FF2B5EF4-FFF2-40B4-BE49-F238E27FC236}">
              <a16:creationId xmlns:a16="http://schemas.microsoft.com/office/drawing/2014/main" id="{00000000-0008-0000-0700-00009C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69" name="テキスト ボックス 668">
          <a:extLst>
            <a:ext uri="{FF2B5EF4-FFF2-40B4-BE49-F238E27FC236}">
              <a16:creationId xmlns:a16="http://schemas.microsoft.com/office/drawing/2014/main" id="{00000000-0008-0000-0700-00009D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0" name="直線コネクタ 669">
          <a:extLst>
            <a:ext uri="{FF2B5EF4-FFF2-40B4-BE49-F238E27FC236}">
              <a16:creationId xmlns:a16="http://schemas.microsoft.com/office/drawing/2014/main" id="{00000000-0008-0000-0700-00009E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6" name="公債費グラフ枠">
          <a:extLst>
            <a:ext uri="{FF2B5EF4-FFF2-40B4-BE49-F238E27FC236}">
              <a16:creationId xmlns:a16="http://schemas.microsoft.com/office/drawing/2014/main" id="{00000000-0008-0000-0700-0000A4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64655</xdr:rowOff>
    </xdr:from>
    <xdr:to>
      <xdr:col>85</xdr:col>
      <xdr:colOff>126364</xdr:colOff>
      <xdr:row>99</xdr:row>
      <xdr:rowOff>1863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flipV="1">
          <a:off x="16317595" y="15595155"/>
          <a:ext cx="1269" cy="1397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22457</xdr:rowOff>
    </xdr:from>
    <xdr:ext cx="469744" cy="259045"/>
    <xdr:sp macro="" textlink="">
      <xdr:nvSpPr>
        <xdr:cNvPr id="678" name="公債費最小値テキスト">
          <a:extLst>
            <a:ext uri="{FF2B5EF4-FFF2-40B4-BE49-F238E27FC236}">
              <a16:creationId xmlns:a16="http://schemas.microsoft.com/office/drawing/2014/main" id="{00000000-0008-0000-0700-0000A6020000}"/>
            </a:ext>
          </a:extLst>
        </xdr:cNvPr>
        <xdr:cNvSpPr txBox="1"/>
      </xdr:nvSpPr>
      <xdr:spPr>
        <a:xfrm>
          <a:off x="16370300" y="16996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8630</xdr:rowOff>
    </xdr:from>
    <xdr:to>
      <xdr:col>86</xdr:col>
      <xdr:colOff>25400</xdr:colOff>
      <xdr:row>99</xdr:row>
      <xdr:rowOff>1863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6230600" y="16992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11332</xdr:rowOff>
    </xdr:from>
    <xdr:ext cx="599010" cy="259045"/>
    <xdr:sp macro="" textlink="">
      <xdr:nvSpPr>
        <xdr:cNvPr id="680" name="公債費最大値テキスト">
          <a:extLst>
            <a:ext uri="{FF2B5EF4-FFF2-40B4-BE49-F238E27FC236}">
              <a16:creationId xmlns:a16="http://schemas.microsoft.com/office/drawing/2014/main" id="{00000000-0008-0000-0700-0000A8020000}"/>
            </a:ext>
          </a:extLst>
        </xdr:cNvPr>
        <xdr:cNvSpPr txBox="1"/>
      </xdr:nvSpPr>
      <xdr:spPr>
        <a:xfrm>
          <a:off x="16370300" y="153703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73,45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64655</xdr:rowOff>
    </xdr:from>
    <xdr:to>
      <xdr:col>86</xdr:col>
      <xdr:colOff>25400</xdr:colOff>
      <xdr:row>90</xdr:row>
      <xdr:rowOff>164655</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6230600" y="15595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62731</xdr:rowOff>
    </xdr:from>
    <xdr:to>
      <xdr:col>85</xdr:col>
      <xdr:colOff>127000</xdr:colOff>
      <xdr:row>98</xdr:row>
      <xdr:rowOff>5631</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flipV="1">
          <a:off x="15481300" y="16793381"/>
          <a:ext cx="838200" cy="14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27309</xdr:rowOff>
    </xdr:from>
    <xdr:ext cx="534377" cy="259045"/>
    <xdr:sp macro="" textlink="">
      <xdr:nvSpPr>
        <xdr:cNvPr id="683" name="公債費平均値テキスト">
          <a:extLst>
            <a:ext uri="{FF2B5EF4-FFF2-40B4-BE49-F238E27FC236}">
              <a16:creationId xmlns:a16="http://schemas.microsoft.com/office/drawing/2014/main" id="{00000000-0008-0000-0700-0000AB020000}"/>
            </a:ext>
          </a:extLst>
        </xdr:cNvPr>
        <xdr:cNvSpPr txBox="1"/>
      </xdr:nvSpPr>
      <xdr:spPr>
        <a:xfrm>
          <a:off x="16370300" y="164865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432</xdr:rowOff>
    </xdr:from>
    <xdr:to>
      <xdr:col>85</xdr:col>
      <xdr:colOff>177800</xdr:colOff>
      <xdr:row>97</xdr:row>
      <xdr:rowOff>106032</xdr:rowOff>
    </xdr:to>
    <xdr:sp macro="" textlink="">
      <xdr:nvSpPr>
        <xdr:cNvPr id="684" name="フローチャート: 判断 683">
          <a:extLst>
            <a:ext uri="{FF2B5EF4-FFF2-40B4-BE49-F238E27FC236}">
              <a16:creationId xmlns:a16="http://schemas.microsoft.com/office/drawing/2014/main" id="{00000000-0008-0000-0700-0000AC020000}"/>
            </a:ext>
          </a:extLst>
        </xdr:cNvPr>
        <xdr:cNvSpPr/>
      </xdr:nvSpPr>
      <xdr:spPr>
        <a:xfrm>
          <a:off x="16268700" y="1663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5631</xdr:rowOff>
    </xdr:from>
    <xdr:to>
      <xdr:col>81</xdr:col>
      <xdr:colOff>50800</xdr:colOff>
      <xdr:row>98</xdr:row>
      <xdr:rowOff>22668</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flipV="1">
          <a:off x="14592300" y="16807731"/>
          <a:ext cx="889000" cy="170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6777</xdr:rowOff>
    </xdr:from>
    <xdr:to>
      <xdr:col>81</xdr:col>
      <xdr:colOff>101600</xdr:colOff>
      <xdr:row>97</xdr:row>
      <xdr:rowOff>118377</xdr:rowOff>
    </xdr:to>
    <xdr:sp macro="" textlink="">
      <xdr:nvSpPr>
        <xdr:cNvPr id="686" name="フローチャート: 判断 685">
          <a:extLst>
            <a:ext uri="{FF2B5EF4-FFF2-40B4-BE49-F238E27FC236}">
              <a16:creationId xmlns:a16="http://schemas.microsoft.com/office/drawing/2014/main" id="{00000000-0008-0000-0700-0000AE020000}"/>
            </a:ext>
          </a:extLst>
        </xdr:cNvPr>
        <xdr:cNvSpPr/>
      </xdr:nvSpPr>
      <xdr:spPr>
        <a:xfrm>
          <a:off x="15430500" y="16647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34904</xdr:rowOff>
    </xdr:from>
    <xdr:ext cx="534377" cy="259045"/>
    <xdr:sp macro="" textlink="">
      <xdr:nvSpPr>
        <xdr:cNvPr id="687" name="テキスト ボックス 686">
          <a:extLst>
            <a:ext uri="{FF2B5EF4-FFF2-40B4-BE49-F238E27FC236}">
              <a16:creationId xmlns:a16="http://schemas.microsoft.com/office/drawing/2014/main" id="{00000000-0008-0000-0700-0000AF020000}"/>
            </a:ext>
          </a:extLst>
        </xdr:cNvPr>
        <xdr:cNvSpPr txBox="1"/>
      </xdr:nvSpPr>
      <xdr:spPr>
        <a:xfrm>
          <a:off x="15214111" y="16422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22668</xdr:rowOff>
    </xdr:from>
    <xdr:to>
      <xdr:col>76</xdr:col>
      <xdr:colOff>114300</xdr:colOff>
      <xdr:row>98</xdr:row>
      <xdr:rowOff>43509</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flipV="1">
          <a:off x="13703300" y="16824768"/>
          <a:ext cx="889000" cy="20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59985</xdr:rowOff>
    </xdr:from>
    <xdr:to>
      <xdr:col>76</xdr:col>
      <xdr:colOff>165100</xdr:colOff>
      <xdr:row>97</xdr:row>
      <xdr:rowOff>161585</xdr:rowOff>
    </xdr:to>
    <xdr:sp macro="" textlink="">
      <xdr:nvSpPr>
        <xdr:cNvPr id="689" name="フローチャート: 判断 688">
          <a:extLst>
            <a:ext uri="{FF2B5EF4-FFF2-40B4-BE49-F238E27FC236}">
              <a16:creationId xmlns:a16="http://schemas.microsoft.com/office/drawing/2014/main" id="{00000000-0008-0000-0700-0000B1020000}"/>
            </a:ext>
          </a:extLst>
        </xdr:cNvPr>
        <xdr:cNvSpPr/>
      </xdr:nvSpPr>
      <xdr:spPr>
        <a:xfrm>
          <a:off x="14541500" y="16690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6662</xdr:rowOff>
    </xdr:from>
    <xdr:ext cx="534377" cy="259045"/>
    <xdr:sp macro="" textlink="">
      <xdr:nvSpPr>
        <xdr:cNvPr id="690" name="テキスト ボックス 689">
          <a:extLst>
            <a:ext uri="{FF2B5EF4-FFF2-40B4-BE49-F238E27FC236}">
              <a16:creationId xmlns:a16="http://schemas.microsoft.com/office/drawing/2014/main" id="{00000000-0008-0000-0700-0000B2020000}"/>
            </a:ext>
          </a:extLst>
        </xdr:cNvPr>
        <xdr:cNvSpPr txBox="1"/>
      </xdr:nvSpPr>
      <xdr:spPr>
        <a:xfrm>
          <a:off x="14325111" y="164658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43509</xdr:rowOff>
    </xdr:from>
    <xdr:to>
      <xdr:col>71</xdr:col>
      <xdr:colOff>177800</xdr:colOff>
      <xdr:row>98</xdr:row>
      <xdr:rowOff>61519</xdr:rowOff>
    </xdr:to>
    <xdr:cxnSp macro="">
      <xdr:nvCxnSpPr>
        <xdr:cNvPr id="691" name="直線コネクタ 690">
          <a:extLst>
            <a:ext uri="{FF2B5EF4-FFF2-40B4-BE49-F238E27FC236}">
              <a16:creationId xmlns:a16="http://schemas.microsoft.com/office/drawing/2014/main" id="{00000000-0008-0000-0700-0000B3020000}"/>
            </a:ext>
          </a:extLst>
        </xdr:cNvPr>
        <xdr:cNvCxnSpPr/>
      </xdr:nvCxnSpPr>
      <xdr:spPr>
        <a:xfrm flipV="1">
          <a:off x="12814300" y="16845609"/>
          <a:ext cx="889000" cy="18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63697</xdr:rowOff>
    </xdr:from>
    <xdr:to>
      <xdr:col>72</xdr:col>
      <xdr:colOff>38100</xdr:colOff>
      <xdr:row>97</xdr:row>
      <xdr:rowOff>165297</xdr:rowOff>
    </xdr:to>
    <xdr:sp macro="" textlink="">
      <xdr:nvSpPr>
        <xdr:cNvPr id="692" name="フローチャート: 判断 691">
          <a:extLst>
            <a:ext uri="{FF2B5EF4-FFF2-40B4-BE49-F238E27FC236}">
              <a16:creationId xmlns:a16="http://schemas.microsoft.com/office/drawing/2014/main" id="{00000000-0008-0000-0700-0000B4020000}"/>
            </a:ext>
          </a:extLst>
        </xdr:cNvPr>
        <xdr:cNvSpPr/>
      </xdr:nvSpPr>
      <xdr:spPr>
        <a:xfrm>
          <a:off x="13652500" y="16694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0374</xdr:rowOff>
    </xdr:from>
    <xdr:ext cx="534377" cy="25904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3436111" y="16469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50777</xdr:rowOff>
    </xdr:from>
    <xdr:to>
      <xdr:col>67</xdr:col>
      <xdr:colOff>101600</xdr:colOff>
      <xdr:row>97</xdr:row>
      <xdr:rowOff>152377</xdr:rowOff>
    </xdr:to>
    <xdr:sp macro="" textlink="">
      <xdr:nvSpPr>
        <xdr:cNvPr id="694" name="フローチャート: 判断 693">
          <a:extLst>
            <a:ext uri="{FF2B5EF4-FFF2-40B4-BE49-F238E27FC236}">
              <a16:creationId xmlns:a16="http://schemas.microsoft.com/office/drawing/2014/main" id="{00000000-0008-0000-0700-0000B6020000}"/>
            </a:ext>
          </a:extLst>
        </xdr:cNvPr>
        <xdr:cNvSpPr/>
      </xdr:nvSpPr>
      <xdr:spPr>
        <a:xfrm>
          <a:off x="12763500" y="16681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68904</xdr:rowOff>
    </xdr:from>
    <xdr:ext cx="534377" cy="25904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2547111" y="16456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1931</xdr:rowOff>
    </xdr:from>
    <xdr:to>
      <xdr:col>85</xdr:col>
      <xdr:colOff>177800</xdr:colOff>
      <xdr:row>98</xdr:row>
      <xdr:rowOff>42081</xdr:rowOff>
    </xdr:to>
    <xdr:sp macro="" textlink="">
      <xdr:nvSpPr>
        <xdr:cNvPr id="701" name="楕円 700">
          <a:extLst>
            <a:ext uri="{FF2B5EF4-FFF2-40B4-BE49-F238E27FC236}">
              <a16:creationId xmlns:a16="http://schemas.microsoft.com/office/drawing/2014/main" id="{00000000-0008-0000-0700-0000BD020000}"/>
            </a:ext>
          </a:extLst>
        </xdr:cNvPr>
        <xdr:cNvSpPr/>
      </xdr:nvSpPr>
      <xdr:spPr>
        <a:xfrm>
          <a:off x="16268700" y="16742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90358</xdr:rowOff>
    </xdr:from>
    <xdr:ext cx="534377" cy="259045"/>
    <xdr:sp macro="" textlink="">
      <xdr:nvSpPr>
        <xdr:cNvPr id="702" name="公債費該当値テキスト">
          <a:extLst>
            <a:ext uri="{FF2B5EF4-FFF2-40B4-BE49-F238E27FC236}">
              <a16:creationId xmlns:a16="http://schemas.microsoft.com/office/drawing/2014/main" id="{00000000-0008-0000-0700-0000BE020000}"/>
            </a:ext>
          </a:extLst>
        </xdr:cNvPr>
        <xdr:cNvSpPr txBox="1"/>
      </xdr:nvSpPr>
      <xdr:spPr>
        <a:xfrm>
          <a:off x="16370300" y="16721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26281</xdr:rowOff>
    </xdr:from>
    <xdr:to>
      <xdr:col>81</xdr:col>
      <xdr:colOff>101600</xdr:colOff>
      <xdr:row>98</xdr:row>
      <xdr:rowOff>56431</xdr:rowOff>
    </xdr:to>
    <xdr:sp macro="" textlink="">
      <xdr:nvSpPr>
        <xdr:cNvPr id="703" name="楕円 702">
          <a:extLst>
            <a:ext uri="{FF2B5EF4-FFF2-40B4-BE49-F238E27FC236}">
              <a16:creationId xmlns:a16="http://schemas.microsoft.com/office/drawing/2014/main" id="{00000000-0008-0000-0700-0000BF020000}"/>
            </a:ext>
          </a:extLst>
        </xdr:cNvPr>
        <xdr:cNvSpPr/>
      </xdr:nvSpPr>
      <xdr:spPr>
        <a:xfrm>
          <a:off x="15430500" y="16756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47558</xdr:rowOff>
    </xdr:from>
    <xdr:ext cx="534377"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5214111" y="16849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43318</xdr:rowOff>
    </xdr:from>
    <xdr:to>
      <xdr:col>76</xdr:col>
      <xdr:colOff>165100</xdr:colOff>
      <xdr:row>98</xdr:row>
      <xdr:rowOff>73468</xdr:rowOff>
    </xdr:to>
    <xdr:sp macro="" textlink="">
      <xdr:nvSpPr>
        <xdr:cNvPr id="705" name="楕円 704">
          <a:extLst>
            <a:ext uri="{FF2B5EF4-FFF2-40B4-BE49-F238E27FC236}">
              <a16:creationId xmlns:a16="http://schemas.microsoft.com/office/drawing/2014/main" id="{00000000-0008-0000-0700-0000C1020000}"/>
            </a:ext>
          </a:extLst>
        </xdr:cNvPr>
        <xdr:cNvSpPr/>
      </xdr:nvSpPr>
      <xdr:spPr>
        <a:xfrm>
          <a:off x="14541500" y="16773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64595</xdr:rowOff>
    </xdr:from>
    <xdr:ext cx="534377"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4325111" y="168666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64159</xdr:rowOff>
    </xdr:from>
    <xdr:to>
      <xdr:col>72</xdr:col>
      <xdr:colOff>38100</xdr:colOff>
      <xdr:row>98</xdr:row>
      <xdr:rowOff>94309</xdr:rowOff>
    </xdr:to>
    <xdr:sp macro="" textlink="">
      <xdr:nvSpPr>
        <xdr:cNvPr id="707" name="楕円 706">
          <a:extLst>
            <a:ext uri="{FF2B5EF4-FFF2-40B4-BE49-F238E27FC236}">
              <a16:creationId xmlns:a16="http://schemas.microsoft.com/office/drawing/2014/main" id="{00000000-0008-0000-0700-0000C3020000}"/>
            </a:ext>
          </a:extLst>
        </xdr:cNvPr>
        <xdr:cNvSpPr/>
      </xdr:nvSpPr>
      <xdr:spPr>
        <a:xfrm>
          <a:off x="13652500" y="16794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85436</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3436111" y="16887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0719</xdr:rowOff>
    </xdr:from>
    <xdr:to>
      <xdr:col>67</xdr:col>
      <xdr:colOff>101600</xdr:colOff>
      <xdr:row>98</xdr:row>
      <xdr:rowOff>112319</xdr:rowOff>
    </xdr:to>
    <xdr:sp macro="" textlink="">
      <xdr:nvSpPr>
        <xdr:cNvPr id="709" name="楕円 708">
          <a:extLst>
            <a:ext uri="{FF2B5EF4-FFF2-40B4-BE49-F238E27FC236}">
              <a16:creationId xmlns:a16="http://schemas.microsoft.com/office/drawing/2014/main" id="{00000000-0008-0000-0700-0000C5020000}"/>
            </a:ext>
          </a:extLst>
        </xdr:cNvPr>
        <xdr:cNvSpPr/>
      </xdr:nvSpPr>
      <xdr:spPr>
        <a:xfrm>
          <a:off x="12763500" y="16812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03446</xdr:rowOff>
    </xdr:from>
    <xdr:ext cx="534377"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2547111" y="16905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1" name="正方形/長方形 710">
          <a:extLst>
            <a:ext uri="{FF2B5EF4-FFF2-40B4-BE49-F238E27FC236}">
              <a16:creationId xmlns:a16="http://schemas.microsoft.com/office/drawing/2014/main" id="{00000000-0008-0000-0700-0000C7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2" name="正方形/長方形 711">
          <a:extLst>
            <a:ext uri="{FF2B5EF4-FFF2-40B4-BE49-F238E27FC236}">
              <a16:creationId xmlns:a16="http://schemas.microsoft.com/office/drawing/2014/main" id="{00000000-0008-0000-0700-0000C8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3" name="正方形/長方形 712">
          <a:extLst>
            <a:ext uri="{FF2B5EF4-FFF2-40B4-BE49-F238E27FC236}">
              <a16:creationId xmlns:a16="http://schemas.microsoft.com/office/drawing/2014/main" id="{00000000-0008-0000-0700-0000C9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4" name="正方形/長方形 713">
          <a:extLst>
            <a:ext uri="{FF2B5EF4-FFF2-40B4-BE49-F238E27FC236}">
              <a16:creationId xmlns:a16="http://schemas.microsoft.com/office/drawing/2014/main" id="{00000000-0008-0000-0700-0000CA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5" name="正方形/長方形 714">
          <a:extLst>
            <a:ext uri="{FF2B5EF4-FFF2-40B4-BE49-F238E27FC236}">
              <a16:creationId xmlns:a16="http://schemas.microsoft.com/office/drawing/2014/main" id="{00000000-0008-0000-0700-0000CB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6" name="正方形/長方形 715">
          <a:extLst>
            <a:ext uri="{FF2B5EF4-FFF2-40B4-BE49-F238E27FC236}">
              <a16:creationId xmlns:a16="http://schemas.microsoft.com/office/drawing/2014/main" id="{00000000-0008-0000-0700-0000CC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8" name="正方形/長方形 717">
          <a:extLst>
            <a:ext uri="{FF2B5EF4-FFF2-40B4-BE49-F238E27FC236}">
              <a16:creationId xmlns:a16="http://schemas.microsoft.com/office/drawing/2014/main" id="{00000000-0008-0000-0700-0000CE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0" name="直線コネクタ 719">
          <a:extLst>
            <a:ext uri="{FF2B5EF4-FFF2-40B4-BE49-F238E27FC236}">
              <a16:creationId xmlns:a16="http://schemas.microsoft.com/office/drawing/2014/main" id="{00000000-0008-0000-0700-0000D0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1" name="直線コネクタ 720">
          <a:extLst>
            <a:ext uri="{FF2B5EF4-FFF2-40B4-BE49-F238E27FC236}">
              <a16:creationId xmlns:a16="http://schemas.microsoft.com/office/drawing/2014/main" id="{00000000-0008-0000-0700-0000D1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2" name="テキスト ボックス 721">
          <a:extLst>
            <a:ext uri="{FF2B5EF4-FFF2-40B4-BE49-F238E27FC236}">
              <a16:creationId xmlns:a16="http://schemas.microsoft.com/office/drawing/2014/main" id="{00000000-0008-0000-0700-0000D2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3" name="直線コネクタ 722">
          <a:extLst>
            <a:ext uri="{FF2B5EF4-FFF2-40B4-BE49-F238E27FC236}">
              <a16:creationId xmlns:a16="http://schemas.microsoft.com/office/drawing/2014/main" id="{00000000-0008-0000-0700-0000D3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4" name="テキスト ボックス 723">
          <a:extLst>
            <a:ext uri="{FF2B5EF4-FFF2-40B4-BE49-F238E27FC236}">
              <a16:creationId xmlns:a16="http://schemas.microsoft.com/office/drawing/2014/main" id="{00000000-0008-0000-0700-0000D4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5" name="直線コネクタ 724">
          <a:extLst>
            <a:ext uri="{FF2B5EF4-FFF2-40B4-BE49-F238E27FC236}">
              <a16:creationId xmlns:a16="http://schemas.microsoft.com/office/drawing/2014/main" id="{00000000-0008-0000-0700-0000D5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6" name="テキスト ボックス 725">
          <a:extLst>
            <a:ext uri="{FF2B5EF4-FFF2-40B4-BE49-F238E27FC236}">
              <a16:creationId xmlns:a16="http://schemas.microsoft.com/office/drawing/2014/main" id="{00000000-0008-0000-0700-0000D6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7" name="直線コネクタ 726">
          <a:extLst>
            <a:ext uri="{FF2B5EF4-FFF2-40B4-BE49-F238E27FC236}">
              <a16:creationId xmlns:a16="http://schemas.microsoft.com/office/drawing/2014/main" id="{00000000-0008-0000-0700-0000D7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5" name="諸支出金グラフ枠">
          <a:extLst>
            <a:ext uri="{FF2B5EF4-FFF2-40B4-BE49-F238E27FC236}">
              <a16:creationId xmlns:a16="http://schemas.microsoft.com/office/drawing/2014/main" id="{00000000-0008-0000-0700-0000DF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21318</xdr:rowOff>
    </xdr:from>
    <xdr:to>
      <xdr:col>116</xdr:col>
      <xdr:colOff>62864</xdr:colOff>
      <xdr:row>39</xdr:row>
      <xdr:rowOff>98878</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flipV="1">
          <a:off x="22159595" y="5164818"/>
          <a:ext cx="1269" cy="16206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7" name="諸支出金最小値テキスト">
          <a:extLst>
            <a:ext uri="{FF2B5EF4-FFF2-40B4-BE49-F238E27FC236}">
              <a16:creationId xmlns:a16="http://schemas.microsoft.com/office/drawing/2014/main" id="{00000000-0008-0000-0700-0000E1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39445</xdr:rowOff>
    </xdr:from>
    <xdr:ext cx="469744" cy="259045"/>
    <xdr:sp macro="" textlink="">
      <xdr:nvSpPr>
        <xdr:cNvPr id="739" name="諸支出金最大値テキスト">
          <a:extLst>
            <a:ext uri="{FF2B5EF4-FFF2-40B4-BE49-F238E27FC236}">
              <a16:creationId xmlns:a16="http://schemas.microsoft.com/office/drawing/2014/main" id="{00000000-0008-0000-0700-0000E3020000}"/>
            </a:ext>
          </a:extLst>
        </xdr:cNvPr>
        <xdr:cNvSpPr txBox="1"/>
      </xdr:nvSpPr>
      <xdr:spPr>
        <a:xfrm>
          <a:off x="22212300" y="4940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925</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21318</xdr:rowOff>
    </xdr:from>
    <xdr:to>
      <xdr:col>116</xdr:col>
      <xdr:colOff>152400</xdr:colOff>
      <xdr:row>30</xdr:row>
      <xdr:rowOff>21318</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22072600" y="51648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1" name="直線コネクタ 740">
          <a:extLst>
            <a:ext uri="{FF2B5EF4-FFF2-40B4-BE49-F238E27FC236}">
              <a16:creationId xmlns:a16="http://schemas.microsoft.com/office/drawing/2014/main" id="{00000000-0008-0000-0700-0000E5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949</xdr:rowOff>
    </xdr:from>
    <xdr:ext cx="378565" cy="259045"/>
    <xdr:sp macro="" textlink="">
      <xdr:nvSpPr>
        <xdr:cNvPr id="742" name="諸支出金平均値テキスト">
          <a:extLst>
            <a:ext uri="{FF2B5EF4-FFF2-40B4-BE49-F238E27FC236}">
              <a16:creationId xmlns:a16="http://schemas.microsoft.com/office/drawing/2014/main" id="{00000000-0008-0000-0700-0000E6020000}"/>
            </a:ext>
          </a:extLst>
        </xdr:cNvPr>
        <xdr:cNvSpPr txBox="1"/>
      </xdr:nvSpPr>
      <xdr:spPr>
        <a:xfrm>
          <a:off x="22212300" y="653004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3522</xdr:rowOff>
    </xdr:from>
    <xdr:to>
      <xdr:col>116</xdr:col>
      <xdr:colOff>114300</xdr:colOff>
      <xdr:row>39</xdr:row>
      <xdr:rowOff>93672</xdr:rowOff>
    </xdr:to>
    <xdr:sp macro="" textlink="">
      <xdr:nvSpPr>
        <xdr:cNvPr id="743" name="フローチャート: 判断 742">
          <a:extLst>
            <a:ext uri="{FF2B5EF4-FFF2-40B4-BE49-F238E27FC236}">
              <a16:creationId xmlns:a16="http://schemas.microsoft.com/office/drawing/2014/main" id="{00000000-0008-0000-0700-0000E7020000}"/>
            </a:ext>
          </a:extLst>
        </xdr:cNvPr>
        <xdr:cNvSpPr/>
      </xdr:nvSpPr>
      <xdr:spPr>
        <a:xfrm>
          <a:off x="22110700" y="6678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11597</xdr:rowOff>
    </xdr:from>
    <xdr:to>
      <xdr:col>112</xdr:col>
      <xdr:colOff>38100</xdr:colOff>
      <xdr:row>39</xdr:row>
      <xdr:rowOff>41747</xdr:rowOff>
    </xdr:to>
    <xdr:sp macro="" textlink="">
      <xdr:nvSpPr>
        <xdr:cNvPr id="745" name="フローチャート: 判断 744">
          <a:extLst>
            <a:ext uri="{FF2B5EF4-FFF2-40B4-BE49-F238E27FC236}">
              <a16:creationId xmlns:a16="http://schemas.microsoft.com/office/drawing/2014/main" id="{00000000-0008-0000-0700-0000E9020000}"/>
            </a:ext>
          </a:extLst>
        </xdr:cNvPr>
        <xdr:cNvSpPr/>
      </xdr:nvSpPr>
      <xdr:spPr>
        <a:xfrm>
          <a:off x="21272500" y="6626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58274</xdr:rowOff>
    </xdr:from>
    <xdr:ext cx="378565" cy="259045"/>
    <xdr:sp macro="" textlink="">
      <xdr:nvSpPr>
        <xdr:cNvPr id="746" name="テキスト ボックス 745">
          <a:extLst>
            <a:ext uri="{FF2B5EF4-FFF2-40B4-BE49-F238E27FC236}">
              <a16:creationId xmlns:a16="http://schemas.microsoft.com/office/drawing/2014/main" id="{00000000-0008-0000-0700-0000EA020000}"/>
            </a:ext>
          </a:extLst>
        </xdr:cNvPr>
        <xdr:cNvSpPr txBox="1"/>
      </xdr:nvSpPr>
      <xdr:spPr>
        <a:xfrm>
          <a:off x="21134017" y="64019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65970</xdr:rowOff>
    </xdr:from>
    <xdr:to>
      <xdr:col>107</xdr:col>
      <xdr:colOff>101600</xdr:colOff>
      <xdr:row>39</xdr:row>
      <xdr:rowOff>96120</xdr:rowOff>
    </xdr:to>
    <xdr:sp macro="" textlink="">
      <xdr:nvSpPr>
        <xdr:cNvPr id="748" name="フローチャート: 判断 747">
          <a:extLst>
            <a:ext uri="{FF2B5EF4-FFF2-40B4-BE49-F238E27FC236}">
              <a16:creationId xmlns:a16="http://schemas.microsoft.com/office/drawing/2014/main" id="{00000000-0008-0000-0700-0000EC020000}"/>
            </a:ext>
          </a:extLst>
        </xdr:cNvPr>
        <xdr:cNvSpPr/>
      </xdr:nvSpPr>
      <xdr:spPr>
        <a:xfrm>
          <a:off x="20383500" y="6681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112648</xdr:rowOff>
    </xdr:from>
    <xdr:ext cx="378565" cy="259045"/>
    <xdr:sp macro="" textlink="">
      <xdr:nvSpPr>
        <xdr:cNvPr id="749" name="テキスト ボックス 748">
          <a:extLst>
            <a:ext uri="{FF2B5EF4-FFF2-40B4-BE49-F238E27FC236}">
              <a16:creationId xmlns:a16="http://schemas.microsoft.com/office/drawing/2014/main" id="{00000000-0008-0000-0700-0000ED020000}"/>
            </a:ext>
          </a:extLst>
        </xdr:cNvPr>
        <xdr:cNvSpPr txBox="1"/>
      </xdr:nvSpPr>
      <xdr:spPr>
        <a:xfrm>
          <a:off x="20245017" y="645629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63522</xdr:rowOff>
    </xdr:from>
    <xdr:to>
      <xdr:col>102</xdr:col>
      <xdr:colOff>165100</xdr:colOff>
      <xdr:row>39</xdr:row>
      <xdr:rowOff>93672</xdr:rowOff>
    </xdr:to>
    <xdr:sp macro="" textlink="">
      <xdr:nvSpPr>
        <xdr:cNvPr id="751" name="フローチャート: 判断 750">
          <a:extLst>
            <a:ext uri="{FF2B5EF4-FFF2-40B4-BE49-F238E27FC236}">
              <a16:creationId xmlns:a16="http://schemas.microsoft.com/office/drawing/2014/main" id="{00000000-0008-0000-0700-0000EF020000}"/>
            </a:ext>
          </a:extLst>
        </xdr:cNvPr>
        <xdr:cNvSpPr/>
      </xdr:nvSpPr>
      <xdr:spPr>
        <a:xfrm>
          <a:off x="19494500" y="6678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10198</xdr:rowOff>
    </xdr:from>
    <xdr:ext cx="378565" cy="259045"/>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19356017" y="645384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1399</xdr:rowOff>
    </xdr:from>
    <xdr:to>
      <xdr:col>98</xdr:col>
      <xdr:colOff>38100</xdr:colOff>
      <xdr:row>39</xdr:row>
      <xdr:rowOff>91549</xdr:rowOff>
    </xdr:to>
    <xdr:sp macro="" textlink="">
      <xdr:nvSpPr>
        <xdr:cNvPr id="753" name="フローチャート: 判断 752">
          <a:extLst>
            <a:ext uri="{FF2B5EF4-FFF2-40B4-BE49-F238E27FC236}">
              <a16:creationId xmlns:a16="http://schemas.microsoft.com/office/drawing/2014/main" id="{00000000-0008-0000-0700-0000F1020000}"/>
            </a:ext>
          </a:extLst>
        </xdr:cNvPr>
        <xdr:cNvSpPr/>
      </xdr:nvSpPr>
      <xdr:spPr>
        <a:xfrm>
          <a:off x="18605500" y="6676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08076</xdr:rowOff>
    </xdr:from>
    <xdr:ext cx="378565" cy="25904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18467017" y="64517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700-0000F5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0" name="楕円 759">
          <a:extLst>
            <a:ext uri="{FF2B5EF4-FFF2-40B4-BE49-F238E27FC236}">
              <a16:creationId xmlns:a16="http://schemas.microsoft.com/office/drawing/2014/main" id="{00000000-0008-0000-0700-0000F8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41948</xdr:rowOff>
    </xdr:from>
    <xdr:ext cx="249299" cy="259045"/>
    <xdr:sp macro="" textlink="">
      <xdr:nvSpPr>
        <xdr:cNvPr id="761" name="諸支出金該当値テキスト">
          <a:extLst>
            <a:ext uri="{FF2B5EF4-FFF2-40B4-BE49-F238E27FC236}">
              <a16:creationId xmlns:a16="http://schemas.microsoft.com/office/drawing/2014/main" id="{00000000-0008-0000-0700-0000F9020000}"/>
            </a:ext>
          </a:extLst>
        </xdr:cNvPr>
        <xdr:cNvSpPr txBox="1"/>
      </xdr:nvSpPr>
      <xdr:spPr>
        <a:xfrm>
          <a:off x="22212300" y="665704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2" name="楕円 761">
          <a:extLst>
            <a:ext uri="{FF2B5EF4-FFF2-40B4-BE49-F238E27FC236}">
              <a16:creationId xmlns:a16="http://schemas.microsoft.com/office/drawing/2014/main" id="{00000000-0008-0000-0700-0000FA02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4" name="楕円 763">
          <a:extLst>
            <a:ext uri="{FF2B5EF4-FFF2-40B4-BE49-F238E27FC236}">
              <a16:creationId xmlns:a16="http://schemas.microsoft.com/office/drawing/2014/main" id="{00000000-0008-0000-0700-0000FC02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6" name="楕円 765">
          <a:extLst>
            <a:ext uri="{FF2B5EF4-FFF2-40B4-BE49-F238E27FC236}">
              <a16:creationId xmlns:a16="http://schemas.microsoft.com/office/drawing/2014/main" id="{00000000-0008-0000-0700-0000FE02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68" name="楕円 767">
          <a:extLst>
            <a:ext uri="{FF2B5EF4-FFF2-40B4-BE49-F238E27FC236}">
              <a16:creationId xmlns:a16="http://schemas.microsoft.com/office/drawing/2014/main" id="{00000000-0008-0000-0700-000000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0" name="正方形/長方形 769">
          <a:extLst>
            <a:ext uri="{FF2B5EF4-FFF2-40B4-BE49-F238E27FC236}">
              <a16:creationId xmlns:a16="http://schemas.microsoft.com/office/drawing/2014/main" id="{00000000-0008-0000-0700-000002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1" name="正方形/長方形 770">
          <a:extLst>
            <a:ext uri="{FF2B5EF4-FFF2-40B4-BE49-F238E27FC236}">
              <a16:creationId xmlns:a16="http://schemas.microsoft.com/office/drawing/2014/main" id="{00000000-0008-0000-0700-000003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2" name="正方形/長方形 771">
          <a:extLst>
            <a:ext uri="{FF2B5EF4-FFF2-40B4-BE49-F238E27FC236}">
              <a16:creationId xmlns:a16="http://schemas.microsoft.com/office/drawing/2014/main" id="{00000000-0008-0000-0700-000004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3" name="正方形/長方形 772">
          <a:extLst>
            <a:ext uri="{FF2B5EF4-FFF2-40B4-BE49-F238E27FC236}">
              <a16:creationId xmlns:a16="http://schemas.microsoft.com/office/drawing/2014/main" id="{00000000-0008-0000-0700-000005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4" name="正方形/長方形 773">
          <a:extLst>
            <a:ext uri="{FF2B5EF4-FFF2-40B4-BE49-F238E27FC236}">
              <a16:creationId xmlns:a16="http://schemas.microsoft.com/office/drawing/2014/main" id="{00000000-0008-0000-0700-000006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5" name="正方形/長方形 774">
          <a:extLst>
            <a:ext uri="{FF2B5EF4-FFF2-40B4-BE49-F238E27FC236}">
              <a16:creationId xmlns:a16="http://schemas.microsoft.com/office/drawing/2014/main" id="{00000000-0008-0000-0700-000007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9" name="直線コネクタ 778">
          <a:extLst>
            <a:ext uri="{FF2B5EF4-FFF2-40B4-BE49-F238E27FC236}">
              <a16:creationId xmlns:a16="http://schemas.microsoft.com/office/drawing/2014/main" id="{00000000-0008-0000-0700-00000B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0" name="直線コネクタ 779">
          <a:extLst>
            <a:ext uri="{FF2B5EF4-FFF2-40B4-BE49-F238E27FC236}">
              <a16:creationId xmlns:a16="http://schemas.microsoft.com/office/drawing/2014/main" id="{00000000-0008-0000-0700-00000C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1" name="テキスト ボックス 780">
          <a:extLst>
            <a:ext uri="{FF2B5EF4-FFF2-40B4-BE49-F238E27FC236}">
              <a16:creationId xmlns:a16="http://schemas.microsoft.com/office/drawing/2014/main" id="{00000000-0008-0000-0700-00000D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a:extLst>
            <a:ext uri="{FF2B5EF4-FFF2-40B4-BE49-F238E27FC236}">
              <a16:creationId xmlns:a16="http://schemas.microsoft.com/office/drawing/2014/main" id="{00000000-0008-0000-0700-00000E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3" name="テキスト ボックス 782">
          <a:extLst>
            <a:ext uri="{FF2B5EF4-FFF2-40B4-BE49-F238E27FC236}">
              <a16:creationId xmlns:a16="http://schemas.microsoft.com/office/drawing/2014/main" id="{00000000-0008-0000-0700-00000F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前年度繰上充用金グラフ枠">
          <a:extLst>
            <a:ext uri="{FF2B5EF4-FFF2-40B4-BE49-F238E27FC236}">
              <a16:creationId xmlns:a16="http://schemas.microsoft.com/office/drawing/2014/main" id="{00000000-0008-0000-0700-000010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5" name="直線コネクタ 784">
          <a:extLst>
            <a:ext uri="{FF2B5EF4-FFF2-40B4-BE49-F238E27FC236}">
              <a16:creationId xmlns:a16="http://schemas.microsoft.com/office/drawing/2014/main" id="{00000000-0008-0000-0700-000011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6" name="前年度繰上充用金最小値テキスト">
          <a:extLst>
            <a:ext uri="{FF2B5EF4-FFF2-40B4-BE49-F238E27FC236}">
              <a16:creationId xmlns:a16="http://schemas.microsoft.com/office/drawing/2014/main" id="{00000000-0008-0000-0700-000012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7" name="直線コネクタ 786">
          <a:extLst>
            <a:ext uri="{FF2B5EF4-FFF2-40B4-BE49-F238E27FC236}">
              <a16:creationId xmlns:a16="http://schemas.microsoft.com/office/drawing/2014/main" id="{00000000-0008-0000-0700-000013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8" name="前年度繰上充用金最大値テキスト">
          <a:extLst>
            <a:ext uri="{FF2B5EF4-FFF2-40B4-BE49-F238E27FC236}">
              <a16:creationId xmlns:a16="http://schemas.microsoft.com/office/drawing/2014/main" id="{00000000-0008-0000-0700-000014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0" name="直線コネクタ 789">
          <a:extLst>
            <a:ext uri="{FF2B5EF4-FFF2-40B4-BE49-F238E27FC236}">
              <a16:creationId xmlns:a16="http://schemas.microsoft.com/office/drawing/2014/main" id="{00000000-0008-0000-0700-000016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1" name="前年度繰上充用金平均値テキスト">
          <a:extLst>
            <a:ext uri="{FF2B5EF4-FFF2-40B4-BE49-F238E27FC236}">
              <a16:creationId xmlns:a16="http://schemas.microsoft.com/office/drawing/2014/main" id="{00000000-0008-0000-0700-000017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2" name="フローチャート: 判断 791">
          <a:extLst>
            <a:ext uri="{FF2B5EF4-FFF2-40B4-BE49-F238E27FC236}">
              <a16:creationId xmlns:a16="http://schemas.microsoft.com/office/drawing/2014/main" id="{00000000-0008-0000-0700-000018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4" name="フローチャート: 判断 793">
          <a:extLst>
            <a:ext uri="{FF2B5EF4-FFF2-40B4-BE49-F238E27FC236}">
              <a16:creationId xmlns:a16="http://schemas.microsoft.com/office/drawing/2014/main" id="{00000000-0008-0000-0700-00001A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5" name="テキスト ボックス 794">
          <a:extLst>
            <a:ext uri="{FF2B5EF4-FFF2-40B4-BE49-F238E27FC236}">
              <a16:creationId xmlns:a16="http://schemas.microsoft.com/office/drawing/2014/main" id="{00000000-0008-0000-0700-00001B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7" name="フローチャート: 判断 796">
          <a:extLst>
            <a:ext uri="{FF2B5EF4-FFF2-40B4-BE49-F238E27FC236}">
              <a16:creationId xmlns:a16="http://schemas.microsoft.com/office/drawing/2014/main" id="{00000000-0008-0000-0700-00001D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8" name="テキスト ボックス 797">
          <a:extLst>
            <a:ext uri="{FF2B5EF4-FFF2-40B4-BE49-F238E27FC236}">
              <a16:creationId xmlns:a16="http://schemas.microsoft.com/office/drawing/2014/main" id="{00000000-0008-0000-0700-00001E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0" name="フローチャート: 判断 799">
          <a:extLst>
            <a:ext uri="{FF2B5EF4-FFF2-40B4-BE49-F238E27FC236}">
              <a16:creationId xmlns:a16="http://schemas.microsoft.com/office/drawing/2014/main" id="{00000000-0008-0000-0700-000020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1" name="テキスト ボックス 800">
          <a:extLst>
            <a:ext uri="{FF2B5EF4-FFF2-40B4-BE49-F238E27FC236}">
              <a16:creationId xmlns:a16="http://schemas.microsoft.com/office/drawing/2014/main" id="{00000000-0008-0000-0700-000021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2" name="フローチャート: 判断 801">
          <a:extLst>
            <a:ext uri="{FF2B5EF4-FFF2-40B4-BE49-F238E27FC236}">
              <a16:creationId xmlns:a16="http://schemas.microsoft.com/office/drawing/2014/main" id="{00000000-0008-0000-0700-000022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3" name="テキスト ボックス 802">
          <a:extLst>
            <a:ext uri="{FF2B5EF4-FFF2-40B4-BE49-F238E27FC236}">
              <a16:creationId xmlns:a16="http://schemas.microsoft.com/office/drawing/2014/main" id="{00000000-0008-0000-0700-000023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700-000026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9" name="楕円 808">
          <a:extLst>
            <a:ext uri="{FF2B5EF4-FFF2-40B4-BE49-F238E27FC236}">
              <a16:creationId xmlns:a16="http://schemas.microsoft.com/office/drawing/2014/main" id="{00000000-0008-0000-0700-000029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0" name="前年度繰上充用金該当値テキスト">
          <a:extLst>
            <a:ext uri="{FF2B5EF4-FFF2-40B4-BE49-F238E27FC236}">
              <a16:creationId xmlns:a16="http://schemas.microsoft.com/office/drawing/2014/main" id="{00000000-0008-0000-0700-00002A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1" name="楕円 810">
          <a:extLst>
            <a:ext uri="{FF2B5EF4-FFF2-40B4-BE49-F238E27FC236}">
              <a16:creationId xmlns:a16="http://schemas.microsoft.com/office/drawing/2014/main" id="{00000000-0008-0000-0700-00002B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3" name="楕円 812">
          <a:extLst>
            <a:ext uri="{FF2B5EF4-FFF2-40B4-BE49-F238E27FC236}">
              <a16:creationId xmlns:a16="http://schemas.microsoft.com/office/drawing/2014/main" id="{00000000-0008-0000-0700-00002D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5" name="楕円 814">
          <a:extLst>
            <a:ext uri="{FF2B5EF4-FFF2-40B4-BE49-F238E27FC236}">
              <a16:creationId xmlns:a16="http://schemas.microsoft.com/office/drawing/2014/main" id="{00000000-0008-0000-0700-00002F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7" name="楕円 816">
          <a:extLst>
            <a:ext uri="{FF2B5EF4-FFF2-40B4-BE49-F238E27FC236}">
              <a16:creationId xmlns:a16="http://schemas.microsoft.com/office/drawing/2014/main" id="{00000000-0008-0000-0700-000031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9" name="正方形/長方形 818">
          <a:extLst>
            <a:ext uri="{FF2B5EF4-FFF2-40B4-BE49-F238E27FC236}">
              <a16:creationId xmlns:a16="http://schemas.microsoft.com/office/drawing/2014/main" id="{00000000-0008-0000-0700-000033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0" name="正方形/長方形 819">
          <a:extLst>
            <a:ext uri="{FF2B5EF4-FFF2-40B4-BE49-F238E27FC236}">
              <a16:creationId xmlns:a16="http://schemas.microsoft.com/office/drawing/2014/main" id="{00000000-0008-0000-0700-000034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前年度同様、議会費及び衛生費以外の項目は類似団体平均を下回っている。消防費は令和元年に自立分散型エネルギー設備等導入推進事業及び消防車両購入事業により上回っているが、その後は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まで下回っている。衛生費については湯河原町真鶴町衛生組合への施設整備の負担金が継続していおり、また令和５年度以降には２４時間稼働を目指した新たな改修工事も予定されていることから増加が見込まれる。農林水産業費は類似団体平均より低い状況が続いているが、今後は漁港整備を予定しているため増加がこちらも見込まれる。土木費においては新規の道路改良・道路維持工事等が少なく、類似団体平均に比べ大幅に低い数値にはなるが、神奈川県平均には近くなっている。教育費は、今後、教育施設の改修計画が控えており、設計・工事費による増加が見込まれる。総務費は類似団体より低い数値ではあるが、増加傾向となっている。今後、直営で行っていた宿直・日直業務等の委託を予定しており、更に増加が見込まれ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真鶴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財政調整基金は、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0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万まで落ち込んだが、近年は計画的な積立、取崩しが行われ、徐々に基金残高は増加しており、令和４年度末で４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百万円となってい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今後においては、物価高騰等による支出の増加、人件費等の増加も見込まれることから、計画的な運用を考えていく。</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また事業の実施にあたっては過疎債を十分に利用し、効率的な事業の実施に努め、一般財源等の支出を抑えながら、適正な財源の確保に努めていく。</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真鶴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連結実質赤字額は、今年度も発生していない。</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引き続き各会計において赤字が発生しないよう適切な財政運営を進めていく。</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また真鶴魚座・ケープ真鶴特別会計は令和６年度より一般会計に組み込まれる予定となってい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76" customWidth="1"/>
    <col min="12" max="12" width="2.26953125" style="176" customWidth="1"/>
    <col min="13" max="17" width="2.36328125" style="176" customWidth="1"/>
    <col min="18" max="119" width="2.08984375" style="176" customWidth="1"/>
    <col min="120" max="16384" width="0" style="176" hidden="1"/>
  </cols>
  <sheetData>
    <row r="1" spans="1:119" ht="33" customHeight="1" x14ac:dyDescent="0.2">
      <c r="B1" s="627" t="s">
        <v>82</v>
      </c>
      <c r="C1" s="627"/>
      <c r="D1" s="627"/>
      <c r="E1" s="627"/>
      <c r="F1" s="627"/>
      <c r="G1" s="627"/>
      <c r="H1" s="627"/>
      <c r="I1" s="627"/>
      <c r="J1" s="627"/>
      <c r="K1" s="627"/>
      <c r="L1" s="627"/>
      <c r="M1" s="627"/>
      <c r="N1" s="627"/>
      <c r="O1" s="627"/>
      <c r="P1" s="627"/>
      <c r="Q1" s="627"/>
      <c r="R1" s="627"/>
      <c r="S1" s="627"/>
      <c r="T1" s="627"/>
      <c r="U1" s="627"/>
      <c r="V1" s="627"/>
      <c r="W1" s="627"/>
      <c r="X1" s="627"/>
      <c r="Y1" s="627"/>
      <c r="Z1" s="627"/>
      <c r="AA1" s="627"/>
      <c r="AB1" s="627"/>
      <c r="AC1" s="627"/>
      <c r="AD1" s="627"/>
      <c r="AE1" s="627"/>
      <c r="AF1" s="627"/>
      <c r="AG1" s="627"/>
      <c r="AH1" s="627"/>
      <c r="AI1" s="627"/>
      <c r="AJ1" s="627"/>
      <c r="AK1" s="627"/>
      <c r="AL1" s="627"/>
      <c r="AM1" s="627"/>
      <c r="AN1" s="627"/>
      <c r="AO1" s="627"/>
      <c r="AP1" s="627"/>
      <c r="AQ1" s="627"/>
      <c r="AR1" s="627"/>
      <c r="AS1" s="627"/>
      <c r="AT1" s="627"/>
      <c r="AU1" s="627"/>
      <c r="AV1" s="627"/>
      <c r="AW1" s="627"/>
      <c r="AX1" s="627"/>
      <c r="AY1" s="627"/>
      <c r="AZ1" s="627"/>
      <c r="BA1" s="627"/>
      <c r="BB1" s="627"/>
      <c r="BC1" s="627"/>
      <c r="BD1" s="627"/>
      <c r="BE1" s="627"/>
      <c r="BF1" s="627"/>
      <c r="BG1" s="627"/>
      <c r="BH1" s="627"/>
      <c r="BI1" s="627"/>
      <c r="BJ1" s="627"/>
      <c r="BK1" s="627"/>
      <c r="BL1" s="627"/>
      <c r="BM1" s="627"/>
      <c r="BN1" s="627"/>
      <c r="BO1" s="627"/>
      <c r="BP1" s="627"/>
      <c r="BQ1" s="627"/>
      <c r="BR1" s="627"/>
      <c r="BS1" s="627"/>
      <c r="BT1" s="627"/>
      <c r="BU1" s="627"/>
      <c r="BV1" s="627"/>
      <c r="BW1" s="627"/>
      <c r="BX1" s="627"/>
      <c r="BY1" s="627"/>
      <c r="BZ1" s="627"/>
      <c r="CA1" s="627"/>
      <c r="CB1" s="627"/>
      <c r="CC1" s="627"/>
      <c r="CD1" s="627"/>
      <c r="CE1" s="627"/>
      <c r="CF1" s="627"/>
      <c r="CG1" s="627"/>
      <c r="CH1" s="627"/>
      <c r="CI1" s="627"/>
      <c r="CJ1" s="627"/>
      <c r="CK1" s="627"/>
      <c r="CL1" s="627"/>
      <c r="CM1" s="627"/>
      <c r="CN1" s="627"/>
      <c r="CO1" s="627"/>
      <c r="CP1" s="627"/>
      <c r="CQ1" s="627"/>
      <c r="CR1" s="627"/>
      <c r="CS1" s="627"/>
      <c r="CT1" s="627"/>
      <c r="CU1" s="627"/>
      <c r="CV1" s="627"/>
      <c r="CW1" s="627"/>
      <c r="CX1" s="627"/>
      <c r="CY1" s="627"/>
      <c r="CZ1" s="627"/>
      <c r="DA1" s="627"/>
      <c r="DB1" s="627"/>
      <c r="DC1" s="627"/>
      <c r="DD1" s="627"/>
      <c r="DE1" s="627"/>
      <c r="DF1" s="627"/>
      <c r="DG1" s="627"/>
      <c r="DH1" s="627"/>
      <c r="DI1" s="627"/>
      <c r="DJ1" s="177"/>
      <c r="DK1" s="177"/>
      <c r="DL1" s="177"/>
      <c r="DM1" s="177"/>
      <c r="DN1" s="177"/>
      <c r="DO1" s="177"/>
    </row>
    <row r="2" spans="1:119" ht="24" thickBot="1" x14ac:dyDescent="0.25">
      <c r="B2" s="178" t="s">
        <v>83</v>
      </c>
      <c r="C2" s="178"/>
      <c r="D2" s="179"/>
    </row>
    <row r="3" spans="1:119" ht="18.75" customHeight="1" thickBot="1" x14ac:dyDescent="0.25">
      <c r="A3" s="177"/>
      <c r="B3" s="628" t="s">
        <v>84</v>
      </c>
      <c r="C3" s="629"/>
      <c r="D3" s="629"/>
      <c r="E3" s="630"/>
      <c r="F3" s="630"/>
      <c r="G3" s="630"/>
      <c r="H3" s="630"/>
      <c r="I3" s="630"/>
      <c r="J3" s="630"/>
      <c r="K3" s="630"/>
      <c r="L3" s="630" t="s">
        <v>85</v>
      </c>
      <c r="M3" s="630"/>
      <c r="N3" s="630"/>
      <c r="O3" s="630"/>
      <c r="P3" s="630"/>
      <c r="Q3" s="630"/>
      <c r="R3" s="633"/>
      <c r="S3" s="633"/>
      <c r="T3" s="633"/>
      <c r="U3" s="633"/>
      <c r="V3" s="634"/>
      <c r="W3" s="524" t="s">
        <v>86</v>
      </c>
      <c r="X3" s="525"/>
      <c r="Y3" s="525"/>
      <c r="Z3" s="525"/>
      <c r="AA3" s="525"/>
      <c r="AB3" s="629"/>
      <c r="AC3" s="633" t="s">
        <v>87</v>
      </c>
      <c r="AD3" s="525"/>
      <c r="AE3" s="525"/>
      <c r="AF3" s="525"/>
      <c r="AG3" s="525"/>
      <c r="AH3" s="525"/>
      <c r="AI3" s="525"/>
      <c r="AJ3" s="525"/>
      <c r="AK3" s="525"/>
      <c r="AL3" s="595"/>
      <c r="AM3" s="524" t="s">
        <v>88</v>
      </c>
      <c r="AN3" s="525"/>
      <c r="AO3" s="525"/>
      <c r="AP3" s="525"/>
      <c r="AQ3" s="525"/>
      <c r="AR3" s="525"/>
      <c r="AS3" s="525"/>
      <c r="AT3" s="525"/>
      <c r="AU3" s="525"/>
      <c r="AV3" s="525"/>
      <c r="AW3" s="525"/>
      <c r="AX3" s="595"/>
      <c r="AY3" s="587" t="s">
        <v>1</v>
      </c>
      <c r="AZ3" s="588"/>
      <c r="BA3" s="588"/>
      <c r="BB3" s="588"/>
      <c r="BC3" s="588"/>
      <c r="BD3" s="588"/>
      <c r="BE3" s="588"/>
      <c r="BF3" s="588"/>
      <c r="BG3" s="588"/>
      <c r="BH3" s="588"/>
      <c r="BI3" s="588"/>
      <c r="BJ3" s="588"/>
      <c r="BK3" s="588"/>
      <c r="BL3" s="588"/>
      <c r="BM3" s="637"/>
      <c r="BN3" s="524" t="s">
        <v>89</v>
      </c>
      <c r="BO3" s="525"/>
      <c r="BP3" s="525"/>
      <c r="BQ3" s="525"/>
      <c r="BR3" s="525"/>
      <c r="BS3" s="525"/>
      <c r="BT3" s="525"/>
      <c r="BU3" s="595"/>
      <c r="BV3" s="524" t="s">
        <v>90</v>
      </c>
      <c r="BW3" s="525"/>
      <c r="BX3" s="525"/>
      <c r="BY3" s="525"/>
      <c r="BZ3" s="525"/>
      <c r="CA3" s="525"/>
      <c r="CB3" s="525"/>
      <c r="CC3" s="595"/>
      <c r="CD3" s="587" t="s">
        <v>1</v>
      </c>
      <c r="CE3" s="588"/>
      <c r="CF3" s="588"/>
      <c r="CG3" s="588"/>
      <c r="CH3" s="588"/>
      <c r="CI3" s="588"/>
      <c r="CJ3" s="588"/>
      <c r="CK3" s="588"/>
      <c r="CL3" s="588"/>
      <c r="CM3" s="588"/>
      <c r="CN3" s="588"/>
      <c r="CO3" s="588"/>
      <c r="CP3" s="588"/>
      <c r="CQ3" s="588"/>
      <c r="CR3" s="588"/>
      <c r="CS3" s="637"/>
      <c r="CT3" s="524" t="s">
        <v>91</v>
      </c>
      <c r="CU3" s="525"/>
      <c r="CV3" s="525"/>
      <c r="CW3" s="525"/>
      <c r="CX3" s="525"/>
      <c r="CY3" s="525"/>
      <c r="CZ3" s="525"/>
      <c r="DA3" s="595"/>
      <c r="DB3" s="524" t="s">
        <v>92</v>
      </c>
      <c r="DC3" s="525"/>
      <c r="DD3" s="525"/>
      <c r="DE3" s="525"/>
      <c r="DF3" s="525"/>
      <c r="DG3" s="525"/>
      <c r="DH3" s="525"/>
      <c r="DI3" s="595"/>
    </row>
    <row r="4" spans="1:119" ht="18.75" customHeight="1" x14ac:dyDescent="0.2">
      <c r="A4" s="177"/>
      <c r="B4" s="603"/>
      <c r="C4" s="604"/>
      <c r="D4" s="604"/>
      <c r="E4" s="605"/>
      <c r="F4" s="605"/>
      <c r="G4" s="605"/>
      <c r="H4" s="605"/>
      <c r="I4" s="605"/>
      <c r="J4" s="605"/>
      <c r="K4" s="605"/>
      <c r="L4" s="605"/>
      <c r="M4" s="605"/>
      <c r="N4" s="605"/>
      <c r="O4" s="605"/>
      <c r="P4" s="605"/>
      <c r="Q4" s="605"/>
      <c r="R4" s="609"/>
      <c r="S4" s="609"/>
      <c r="T4" s="609"/>
      <c r="U4" s="609"/>
      <c r="V4" s="610"/>
      <c r="W4" s="596"/>
      <c r="X4" s="406"/>
      <c r="Y4" s="406"/>
      <c r="Z4" s="406"/>
      <c r="AA4" s="406"/>
      <c r="AB4" s="604"/>
      <c r="AC4" s="609"/>
      <c r="AD4" s="406"/>
      <c r="AE4" s="406"/>
      <c r="AF4" s="406"/>
      <c r="AG4" s="406"/>
      <c r="AH4" s="406"/>
      <c r="AI4" s="406"/>
      <c r="AJ4" s="406"/>
      <c r="AK4" s="406"/>
      <c r="AL4" s="597"/>
      <c r="AM4" s="546"/>
      <c r="AN4" s="444"/>
      <c r="AO4" s="444"/>
      <c r="AP4" s="444"/>
      <c r="AQ4" s="444"/>
      <c r="AR4" s="444"/>
      <c r="AS4" s="444"/>
      <c r="AT4" s="444"/>
      <c r="AU4" s="444"/>
      <c r="AV4" s="444"/>
      <c r="AW4" s="444"/>
      <c r="AX4" s="636"/>
      <c r="AY4" s="481" t="s">
        <v>93</v>
      </c>
      <c r="AZ4" s="482"/>
      <c r="BA4" s="482"/>
      <c r="BB4" s="482"/>
      <c r="BC4" s="482"/>
      <c r="BD4" s="482"/>
      <c r="BE4" s="482"/>
      <c r="BF4" s="482"/>
      <c r="BG4" s="482"/>
      <c r="BH4" s="482"/>
      <c r="BI4" s="482"/>
      <c r="BJ4" s="482"/>
      <c r="BK4" s="482"/>
      <c r="BL4" s="482"/>
      <c r="BM4" s="483"/>
      <c r="BN4" s="484">
        <v>4303093</v>
      </c>
      <c r="BO4" s="485"/>
      <c r="BP4" s="485"/>
      <c r="BQ4" s="485"/>
      <c r="BR4" s="485"/>
      <c r="BS4" s="485"/>
      <c r="BT4" s="485"/>
      <c r="BU4" s="486"/>
      <c r="BV4" s="484">
        <v>4416745</v>
      </c>
      <c r="BW4" s="485"/>
      <c r="BX4" s="485"/>
      <c r="BY4" s="485"/>
      <c r="BZ4" s="485"/>
      <c r="CA4" s="485"/>
      <c r="CB4" s="485"/>
      <c r="CC4" s="486"/>
      <c r="CD4" s="621" t="s">
        <v>94</v>
      </c>
      <c r="CE4" s="622"/>
      <c r="CF4" s="622"/>
      <c r="CG4" s="622"/>
      <c r="CH4" s="622"/>
      <c r="CI4" s="622"/>
      <c r="CJ4" s="622"/>
      <c r="CK4" s="622"/>
      <c r="CL4" s="622"/>
      <c r="CM4" s="622"/>
      <c r="CN4" s="622"/>
      <c r="CO4" s="622"/>
      <c r="CP4" s="622"/>
      <c r="CQ4" s="622"/>
      <c r="CR4" s="622"/>
      <c r="CS4" s="623"/>
      <c r="CT4" s="624">
        <v>7.4</v>
      </c>
      <c r="CU4" s="625"/>
      <c r="CV4" s="625"/>
      <c r="CW4" s="625"/>
      <c r="CX4" s="625"/>
      <c r="CY4" s="625"/>
      <c r="CZ4" s="625"/>
      <c r="DA4" s="626"/>
      <c r="DB4" s="624">
        <v>13.6</v>
      </c>
      <c r="DC4" s="625"/>
      <c r="DD4" s="625"/>
      <c r="DE4" s="625"/>
      <c r="DF4" s="625"/>
      <c r="DG4" s="625"/>
      <c r="DH4" s="625"/>
      <c r="DI4" s="626"/>
    </row>
    <row r="5" spans="1:119" ht="18.75" customHeight="1" x14ac:dyDescent="0.2">
      <c r="A5" s="177"/>
      <c r="B5" s="631"/>
      <c r="C5" s="445"/>
      <c r="D5" s="445"/>
      <c r="E5" s="632"/>
      <c r="F5" s="632"/>
      <c r="G5" s="632"/>
      <c r="H5" s="632"/>
      <c r="I5" s="632"/>
      <c r="J5" s="632"/>
      <c r="K5" s="632"/>
      <c r="L5" s="632"/>
      <c r="M5" s="632"/>
      <c r="N5" s="632"/>
      <c r="O5" s="632"/>
      <c r="P5" s="632"/>
      <c r="Q5" s="632"/>
      <c r="R5" s="443"/>
      <c r="S5" s="443"/>
      <c r="T5" s="443"/>
      <c r="U5" s="443"/>
      <c r="V5" s="635"/>
      <c r="W5" s="546"/>
      <c r="X5" s="444"/>
      <c r="Y5" s="444"/>
      <c r="Z5" s="444"/>
      <c r="AA5" s="444"/>
      <c r="AB5" s="445"/>
      <c r="AC5" s="443"/>
      <c r="AD5" s="444"/>
      <c r="AE5" s="444"/>
      <c r="AF5" s="444"/>
      <c r="AG5" s="444"/>
      <c r="AH5" s="444"/>
      <c r="AI5" s="444"/>
      <c r="AJ5" s="444"/>
      <c r="AK5" s="444"/>
      <c r="AL5" s="636"/>
      <c r="AM5" s="512" t="s">
        <v>95</v>
      </c>
      <c r="AN5" s="412"/>
      <c r="AO5" s="412"/>
      <c r="AP5" s="412"/>
      <c r="AQ5" s="412"/>
      <c r="AR5" s="412"/>
      <c r="AS5" s="412"/>
      <c r="AT5" s="413"/>
      <c r="AU5" s="513" t="s">
        <v>96</v>
      </c>
      <c r="AV5" s="514"/>
      <c r="AW5" s="514"/>
      <c r="AX5" s="514"/>
      <c r="AY5" s="469" t="s">
        <v>97</v>
      </c>
      <c r="AZ5" s="470"/>
      <c r="BA5" s="470"/>
      <c r="BB5" s="470"/>
      <c r="BC5" s="470"/>
      <c r="BD5" s="470"/>
      <c r="BE5" s="470"/>
      <c r="BF5" s="470"/>
      <c r="BG5" s="470"/>
      <c r="BH5" s="470"/>
      <c r="BI5" s="470"/>
      <c r="BJ5" s="470"/>
      <c r="BK5" s="470"/>
      <c r="BL5" s="470"/>
      <c r="BM5" s="471"/>
      <c r="BN5" s="455">
        <v>4120947</v>
      </c>
      <c r="BO5" s="456"/>
      <c r="BP5" s="456"/>
      <c r="BQ5" s="456"/>
      <c r="BR5" s="456"/>
      <c r="BS5" s="456"/>
      <c r="BT5" s="456"/>
      <c r="BU5" s="457"/>
      <c r="BV5" s="455">
        <v>4073683</v>
      </c>
      <c r="BW5" s="456"/>
      <c r="BX5" s="456"/>
      <c r="BY5" s="456"/>
      <c r="BZ5" s="456"/>
      <c r="CA5" s="456"/>
      <c r="CB5" s="456"/>
      <c r="CC5" s="457"/>
      <c r="CD5" s="495" t="s">
        <v>98</v>
      </c>
      <c r="CE5" s="415"/>
      <c r="CF5" s="415"/>
      <c r="CG5" s="415"/>
      <c r="CH5" s="415"/>
      <c r="CI5" s="415"/>
      <c r="CJ5" s="415"/>
      <c r="CK5" s="415"/>
      <c r="CL5" s="415"/>
      <c r="CM5" s="415"/>
      <c r="CN5" s="415"/>
      <c r="CO5" s="415"/>
      <c r="CP5" s="415"/>
      <c r="CQ5" s="415"/>
      <c r="CR5" s="415"/>
      <c r="CS5" s="496"/>
      <c r="CT5" s="452">
        <v>94.5</v>
      </c>
      <c r="CU5" s="453"/>
      <c r="CV5" s="453"/>
      <c r="CW5" s="453"/>
      <c r="CX5" s="453"/>
      <c r="CY5" s="453"/>
      <c r="CZ5" s="453"/>
      <c r="DA5" s="454"/>
      <c r="DB5" s="452">
        <v>88.4</v>
      </c>
      <c r="DC5" s="453"/>
      <c r="DD5" s="453"/>
      <c r="DE5" s="453"/>
      <c r="DF5" s="453"/>
      <c r="DG5" s="453"/>
      <c r="DH5" s="453"/>
      <c r="DI5" s="454"/>
    </row>
    <row r="6" spans="1:119" ht="18.75" customHeight="1" x14ac:dyDescent="0.2">
      <c r="A6" s="177"/>
      <c r="B6" s="601" t="s">
        <v>99</v>
      </c>
      <c r="C6" s="442"/>
      <c r="D6" s="442"/>
      <c r="E6" s="602"/>
      <c r="F6" s="602"/>
      <c r="G6" s="602"/>
      <c r="H6" s="602"/>
      <c r="I6" s="602"/>
      <c r="J6" s="602"/>
      <c r="K6" s="602"/>
      <c r="L6" s="602" t="s">
        <v>100</v>
      </c>
      <c r="M6" s="602"/>
      <c r="N6" s="602"/>
      <c r="O6" s="602"/>
      <c r="P6" s="602"/>
      <c r="Q6" s="602"/>
      <c r="R6" s="440"/>
      <c r="S6" s="440"/>
      <c r="T6" s="440"/>
      <c r="U6" s="440"/>
      <c r="V6" s="608"/>
      <c r="W6" s="545" t="s">
        <v>101</v>
      </c>
      <c r="X6" s="441"/>
      <c r="Y6" s="441"/>
      <c r="Z6" s="441"/>
      <c r="AA6" s="441"/>
      <c r="AB6" s="442"/>
      <c r="AC6" s="613" t="s">
        <v>102</v>
      </c>
      <c r="AD6" s="614"/>
      <c r="AE6" s="614"/>
      <c r="AF6" s="614"/>
      <c r="AG6" s="614"/>
      <c r="AH6" s="614"/>
      <c r="AI6" s="614"/>
      <c r="AJ6" s="614"/>
      <c r="AK6" s="614"/>
      <c r="AL6" s="615"/>
      <c r="AM6" s="512" t="s">
        <v>103</v>
      </c>
      <c r="AN6" s="412"/>
      <c r="AO6" s="412"/>
      <c r="AP6" s="412"/>
      <c r="AQ6" s="412"/>
      <c r="AR6" s="412"/>
      <c r="AS6" s="412"/>
      <c r="AT6" s="413"/>
      <c r="AU6" s="513" t="s">
        <v>96</v>
      </c>
      <c r="AV6" s="514"/>
      <c r="AW6" s="514"/>
      <c r="AX6" s="514"/>
      <c r="AY6" s="469" t="s">
        <v>104</v>
      </c>
      <c r="AZ6" s="470"/>
      <c r="BA6" s="470"/>
      <c r="BB6" s="470"/>
      <c r="BC6" s="470"/>
      <c r="BD6" s="470"/>
      <c r="BE6" s="470"/>
      <c r="BF6" s="470"/>
      <c r="BG6" s="470"/>
      <c r="BH6" s="470"/>
      <c r="BI6" s="470"/>
      <c r="BJ6" s="470"/>
      <c r="BK6" s="470"/>
      <c r="BL6" s="470"/>
      <c r="BM6" s="471"/>
      <c r="BN6" s="455">
        <v>182146</v>
      </c>
      <c r="BO6" s="456"/>
      <c r="BP6" s="456"/>
      <c r="BQ6" s="456"/>
      <c r="BR6" s="456"/>
      <c r="BS6" s="456"/>
      <c r="BT6" s="456"/>
      <c r="BU6" s="457"/>
      <c r="BV6" s="455">
        <v>343062</v>
      </c>
      <c r="BW6" s="456"/>
      <c r="BX6" s="456"/>
      <c r="BY6" s="456"/>
      <c r="BZ6" s="456"/>
      <c r="CA6" s="456"/>
      <c r="CB6" s="456"/>
      <c r="CC6" s="457"/>
      <c r="CD6" s="495" t="s">
        <v>105</v>
      </c>
      <c r="CE6" s="415"/>
      <c r="CF6" s="415"/>
      <c r="CG6" s="415"/>
      <c r="CH6" s="415"/>
      <c r="CI6" s="415"/>
      <c r="CJ6" s="415"/>
      <c r="CK6" s="415"/>
      <c r="CL6" s="415"/>
      <c r="CM6" s="415"/>
      <c r="CN6" s="415"/>
      <c r="CO6" s="415"/>
      <c r="CP6" s="415"/>
      <c r="CQ6" s="415"/>
      <c r="CR6" s="415"/>
      <c r="CS6" s="496"/>
      <c r="CT6" s="598">
        <v>95.9</v>
      </c>
      <c r="CU6" s="599"/>
      <c r="CV6" s="599"/>
      <c r="CW6" s="599"/>
      <c r="CX6" s="599"/>
      <c r="CY6" s="599"/>
      <c r="CZ6" s="599"/>
      <c r="DA6" s="600"/>
      <c r="DB6" s="598">
        <v>93.5</v>
      </c>
      <c r="DC6" s="599"/>
      <c r="DD6" s="599"/>
      <c r="DE6" s="599"/>
      <c r="DF6" s="599"/>
      <c r="DG6" s="599"/>
      <c r="DH6" s="599"/>
      <c r="DI6" s="600"/>
    </row>
    <row r="7" spans="1:119" ht="18.75" customHeight="1" x14ac:dyDescent="0.2">
      <c r="A7" s="177"/>
      <c r="B7" s="603"/>
      <c r="C7" s="604"/>
      <c r="D7" s="604"/>
      <c r="E7" s="605"/>
      <c r="F7" s="605"/>
      <c r="G7" s="605"/>
      <c r="H7" s="605"/>
      <c r="I7" s="605"/>
      <c r="J7" s="605"/>
      <c r="K7" s="605"/>
      <c r="L7" s="605"/>
      <c r="M7" s="605"/>
      <c r="N7" s="605"/>
      <c r="O7" s="605"/>
      <c r="P7" s="605"/>
      <c r="Q7" s="605"/>
      <c r="R7" s="609"/>
      <c r="S7" s="609"/>
      <c r="T7" s="609"/>
      <c r="U7" s="609"/>
      <c r="V7" s="610"/>
      <c r="W7" s="596"/>
      <c r="X7" s="406"/>
      <c r="Y7" s="406"/>
      <c r="Z7" s="406"/>
      <c r="AA7" s="406"/>
      <c r="AB7" s="604"/>
      <c r="AC7" s="616"/>
      <c r="AD7" s="407"/>
      <c r="AE7" s="407"/>
      <c r="AF7" s="407"/>
      <c r="AG7" s="407"/>
      <c r="AH7" s="407"/>
      <c r="AI7" s="407"/>
      <c r="AJ7" s="407"/>
      <c r="AK7" s="407"/>
      <c r="AL7" s="617"/>
      <c r="AM7" s="512" t="s">
        <v>106</v>
      </c>
      <c r="AN7" s="412"/>
      <c r="AO7" s="412"/>
      <c r="AP7" s="412"/>
      <c r="AQ7" s="412"/>
      <c r="AR7" s="412"/>
      <c r="AS7" s="412"/>
      <c r="AT7" s="413"/>
      <c r="AU7" s="513" t="s">
        <v>96</v>
      </c>
      <c r="AV7" s="514"/>
      <c r="AW7" s="514"/>
      <c r="AX7" s="514"/>
      <c r="AY7" s="469" t="s">
        <v>107</v>
      </c>
      <c r="AZ7" s="470"/>
      <c r="BA7" s="470"/>
      <c r="BB7" s="470"/>
      <c r="BC7" s="470"/>
      <c r="BD7" s="470"/>
      <c r="BE7" s="470"/>
      <c r="BF7" s="470"/>
      <c r="BG7" s="470"/>
      <c r="BH7" s="470"/>
      <c r="BI7" s="470"/>
      <c r="BJ7" s="470"/>
      <c r="BK7" s="470"/>
      <c r="BL7" s="470"/>
      <c r="BM7" s="471"/>
      <c r="BN7" s="455">
        <v>225</v>
      </c>
      <c r="BO7" s="456"/>
      <c r="BP7" s="456"/>
      <c r="BQ7" s="456"/>
      <c r="BR7" s="456"/>
      <c r="BS7" s="456"/>
      <c r="BT7" s="456"/>
      <c r="BU7" s="457"/>
      <c r="BV7" s="455">
        <v>3222</v>
      </c>
      <c r="BW7" s="456"/>
      <c r="BX7" s="456"/>
      <c r="BY7" s="456"/>
      <c r="BZ7" s="456"/>
      <c r="CA7" s="456"/>
      <c r="CB7" s="456"/>
      <c r="CC7" s="457"/>
      <c r="CD7" s="495" t="s">
        <v>108</v>
      </c>
      <c r="CE7" s="415"/>
      <c r="CF7" s="415"/>
      <c r="CG7" s="415"/>
      <c r="CH7" s="415"/>
      <c r="CI7" s="415"/>
      <c r="CJ7" s="415"/>
      <c r="CK7" s="415"/>
      <c r="CL7" s="415"/>
      <c r="CM7" s="415"/>
      <c r="CN7" s="415"/>
      <c r="CO7" s="415"/>
      <c r="CP7" s="415"/>
      <c r="CQ7" s="415"/>
      <c r="CR7" s="415"/>
      <c r="CS7" s="496"/>
      <c r="CT7" s="455">
        <v>2467769</v>
      </c>
      <c r="CU7" s="456"/>
      <c r="CV7" s="456"/>
      <c r="CW7" s="456"/>
      <c r="CX7" s="456"/>
      <c r="CY7" s="456"/>
      <c r="CZ7" s="456"/>
      <c r="DA7" s="457"/>
      <c r="DB7" s="455">
        <v>2501157</v>
      </c>
      <c r="DC7" s="456"/>
      <c r="DD7" s="456"/>
      <c r="DE7" s="456"/>
      <c r="DF7" s="456"/>
      <c r="DG7" s="456"/>
      <c r="DH7" s="456"/>
      <c r="DI7" s="457"/>
    </row>
    <row r="8" spans="1:119" ht="18.75" customHeight="1" thickBot="1" x14ac:dyDescent="0.25">
      <c r="A8" s="177"/>
      <c r="B8" s="606"/>
      <c r="C8" s="551"/>
      <c r="D8" s="551"/>
      <c r="E8" s="607"/>
      <c r="F8" s="607"/>
      <c r="G8" s="607"/>
      <c r="H8" s="607"/>
      <c r="I8" s="607"/>
      <c r="J8" s="607"/>
      <c r="K8" s="607"/>
      <c r="L8" s="607"/>
      <c r="M8" s="607"/>
      <c r="N8" s="607"/>
      <c r="O8" s="607"/>
      <c r="P8" s="607"/>
      <c r="Q8" s="607"/>
      <c r="R8" s="611"/>
      <c r="S8" s="611"/>
      <c r="T8" s="611"/>
      <c r="U8" s="611"/>
      <c r="V8" s="612"/>
      <c r="W8" s="526"/>
      <c r="X8" s="527"/>
      <c r="Y8" s="527"/>
      <c r="Z8" s="527"/>
      <c r="AA8" s="527"/>
      <c r="AB8" s="551"/>
      <c r="AC8" s="618"/>
      <c r="AD8" s="619"/>
      <c r="AE8" s="619"/>
      <c r="AF8" s="619"/>
      <c r="AG8" s="619"/>
      <c r="AH8" s="619"/>
      <c r="AI8" s="619"/>
      <c r="AJ8" s="619"/>
      <c r="AK8" s="619"/>
      <c r="AL8" s="620"/>
      <c r="AM8" s="512" t="s">
        <v>109</v>
      </c>
      <c r="AN8" s="412"/>
      <c r="AO8" s="412"/>
      <c r="AP8" s="412"/>
      <c r="AQ8" s="412"/>
      <c r="AR8" s="412"/>
      <c r="AS8" s="412"/>
      <c r="AT8" s="413"/>
      <c r="AU8" s="513" t="s">
        <v>110</v>
      </c>
      <c r="AV8" s="514"/>
      <c r="AW8" s="514"/>
      <c r="AX8" s="514"/>
      <c r="AY8" s="469" t="s">
        <v>111</v>
      </c>
      <c r="AZ8" s="470"/>
      <c r="BA8" s="470"/>
      <c r="BB8" s="470"/>
      <c r="BC8" s="470"/>
      <c r="BD8" s="470"/>
      <c r="BE8" s="470"/>
      <c r="BF8" s="470"/>
      <c r="BG8" s="470"/>
      <c r="BH8" s="470"/>
      <c r="BI8" s="470"/>
      <c r="BJ8" s="470"/>
      <c r="BK8" s="470"/>
      <c r="BL8" s="470"/>
      <c r="BM8" s="471"/>
      <c r="BN8" s="455">
        <v>181921</v>
      </c>
      <c r="BO8" s="456"/>
      <c r="BP8" s="456"/>
      <c r="BQ8" s="456"/>
      <c r="BR8" s="456"/>
      <c r="BS8" s="456"/>
      <c r="BT8" s="456"/>
      <c r="BU8" s="457"/>
      <c r="BV8" s="455">
        <v>339840</v>
      </c>
      <c r="BW8" s="456"/>
      <c r="BX8" s="456"/>
      <c r="BY8" s="456"/>
      <c r="BZ8" s="456"/>
      <c r="CA8" s="456"/>
      <c r="CB8" s="456"/>
      <c r="CC8" s="457"/>
      <c r="CD8" s="495" t="s">
        <v>112</v>
      </c>
      <c r="CE8" s="415"/>
      <c r="CF8" s="415"/>
      <c r="CG8" s="415"/>
      <c r="CH8" s="415"/>
      <c r="CI8" s="415"/>
      <c r="CJ8" s="415"/>
      <c r="CK8" s="415"/>
      <c r="CL8" s="415"/>
      <c r="CM8" s="415"/>
      <c r="CN8" s="415"/>
      <c r="CO8" s="415"/>
      <c r="CP8" s="415"/>
      <c r="CQ8" s="415"/>
      <c r="CR8" s="415"/>
      <c r="CS8" s="496"/>
      <c r="CT8" s="558">
        <v>0.4</v>
      </c>
      <c r="CU8" s="559"/>
      <c r="CV8" s="559"/>
      <c r="CW8" s="559"/>
      <c r="CX8" s="559"/>
      <c r="CY8" s="559"/>
      <c r="CZ8" s="559"/>
      <c r="DA8" s="560"/>
      <c r="DB8" s="558">
        <v>0.43</v>
      </c>
      <c r="DC8" s="559"/>
      <c r="DD8" s="559"/>
      <c r="DE8" s="559"/>
      <c r="DF8" s="559"/>
      <c r="DG8" s="559"/>
      <c r="DH8" s="559"/>
      <c r="DI8" s="560"/>
    </row>
    <row r="9" spans="1:119" ht="18.75" customHeight="1" thickBot="1" x14ac:dyDescent="0.25">
      <c r="A9" s="177"/>
      <c r="B9" s="587" t="s">
        <v>113</v>
      </c>
      <c r="C9" s="588"/>
      <c r="D9" s="588"/>
      <c r="E9" s="588"/>
      <c r="F9" s="588"/>
      <c r="G9" s="588"/>
      <c r="H9" s="588"/>
      <c r="I9" s="588"/>
      <c r="J9" s="588"/>
      <c r="K9" s="506"/>
      <c r="L9" s="589" t="s">
        <v>114</v>
      </c>
      <c r="M9" s="590"/>
      <c r="N9" s="590"/>
      <c r="O9" s="590"/>
      <c r="P9" s="590"/>
      <c r="Q9" s="591"/>
      <c r="R9" s="592">
        <v>6722</v>
      </c>
      <c r="S9" s="593"/>
      <c r="T9" s="593"/>
      <c r="U9" s="593"/>
      <c r="V9" s="594"/>
      <c r="W9" s="524" t="s">
        <v>115</v>
      </c>
      <c r="X9" s="525"/>
      <c r="Y9" s="525"/>
      <c r="Z9" s="525"/>
      <c r="AA9" s="525"/>
      <c r="AB9" s="525"/>
      <c r="AC9" s="525"/>
      <c r="AD9" s="525"/>
      <c r="AE9" s="525"/>
      <c r="AF9" s="525"/>
      <c r="AG9" s="525"/>
      <c r="AH9" s="525"/>
      <c r="AI9" s="525"/>
      <c r="AJ9" s="525"/>
      <c r="AK9" s="525"/>
      <c r="AL9" s="595"/>
      <c r="AM9" s="512" t="s">
        <v>116</v>
      </c>
      <c r="AN9" s="412"/>
      <c r="AO9" s="412"/>
      <c r="AP9" s="412"/>
      <c r="AQ9" s="412"/>
      <c r="AR9" s="412"/>
      <c r="AS9" s="412"/>
      <c r="AT9" s="413"/>
      <c r="AU9" s="513" t="s">
        <v>117</v>
      </c>
      <c r="AV9" s="514"/>
      <c r="AW9" s="514"/>
      <c r="AX9" s="514"/>
      <c r="AY9" s="469" t="s">
        <v>118</v>
      </c>
      <c r="AZ9" s="470"/>
      <c r="BA9" s="470"/>
      <c r="BB9" s="470"/>
      <c r="BC9" s="470"/>
      <c r="BD9" s="470"/>
      <c r="BE9" s="470"/>
      <c r="BF9" s="470"/>
      <c r="BG9" s="470"/>
      <c r="BH9" s="470"/>
      <c r="BI9" s="470"/>
      <c r="BJ9" s="470"/>
      <c r="BK9" s="470"/>
      <c r="BL9" s="470"/>
      <c r="BM9" s="471"/>
      <c r="BN9" s="455">
        <v>-157919</v>
      </c>
      <c r="BO9" s="456"/>
      <c r="BP9" s="456"/>
      <c r="BQ9" s="456"/>
      <c r="BR9" s="456"/>
      <c r="BS9" s="456"/>
      <c r="BT9" s="456"/>
      <c r="BU9" s="457"/>
      <c r="BV9" s="455">
        <v>185441</v>
      </c>
      <c r="BW9" s="456"/>
      <c r="BX9" s="456"/>
      <c r="BY9" s="456"/>
      <c r="BZ9" s="456"/>
      <c r="CA9" s="456"/>
      <c r="CB9" s="456"/>
      <c r="CC9" s="457"/>
      <c r="CD9" s="495" t="s">
        <v>119</v>
      </c>
      <c r="CE9" s="415"/>
      <c r="CF9" s="415"/>
      <c r="CG9" s="415"/>
      <c r="CH9" s="415"/>
      <c r="CI9" s="415"/>
      <c r="CJ9" s="415"/>
      <c r="CK9" s="415"/>
      <c r="CL9" s="415"/>
      <c r="CM9" s="415"/>
      <c r="CN9" s="415"/>
      <c r="CO9" s="415"/>
      <c r="CP9" s="415"/>
      <c r="CQ9" s="415"/>
      <c r="CR9" s="415"/>
      <c r="CS9" s="496"/>
      <c r="CT9" s="452">
        <v>12.2</v>
      </c>
      <c r="CU9" s="453"/>
      <c r="CV9" s="453"/>
      <c r="CW9" s="453"/>
      <c r="CX9" s="453"/>
      <c r="CY9" s="453"/>
      <c r="CZ9" s="453"/>
      <c r="DA9" s="454"/>
      <c r="DB9" s="452">
        <v>11.8</v>
      </c>
      <c r="DC9" s="453"/>
      <c r="DD9" s="453"/>
      <c r="DE9" s="453"/>
      <c r="DF9" s="453"/>
      <c r="DG9" s="453"/>
      <c r="DH9" s="453"/>
      <c r="DI9" s="454"/>
    </row>
    <row r="10" spans="1:119" ht="18.75" customHeight="1" thickBot="1" x14ac:dyDescent="0.25">
      <c r="A10" s="177"/>
      <c r="B10" s="587"/>
      <c r="C10" s="588"/>
      <c r="D10" s="588"/>
      <c r="E10" s="588"/>
      <c r="F10" s="588"/>
      <c r="G10" s="588"/>
      <c r="H10" s="588"/>
      <c r="I10" s="588"/>
      <c r="J10" s="588"/>
      <c r="K10" s="506"/>
      <c r="L10" s="411" t="s">
        <v>120</v>
      </c>
      <c r="M10" s="412"/>
      <c r="N10" s="412"/>
      <c r="O10" s="412"/>
      <c r="P10" s="412"/>
      <c r="Q10" s="413"/>
      <c r="R10" s="408">
        <v>7333</v>
      </c>
      <c r="S10" s="409"/>
      <c r="T10" s="409"/>
      <c r="U10" s="409"/>
      <c r="V10" s="468"/>
      <c r="W10" s="596"/>
      <c r="X10" s="406"/>
      <c r="Y10" s="406"/>
      <c r="Z10" s="406"/>
      <c r="AA10" s="406"/>
      <c r="AB10" s="406"/>
      <c r="AC10" s="406"/>
      <c r="AD10" s="406"/>
      <c r="AE10" s="406"/>
      <c r="AF10" s="406"/>
      <c r="AG10" s="406"/>
      <c r="AH10" s="406"/>
      <c r="AI10" s="406"/>
      <c r="AJ10" s="406"/>
      <c r="AK10" s="406"/>
      <c r="AL10" s="597"/>
      <c r="AM10" s="512" t="s">
        <v>121</v>
      </c>
      <c r="AN10" s="412"/>
      <c r="AO10" s="412"/>
      <c r="AP10" s="412"/>
      <c r="AQ10" s="412"/>
      <c r="AR10" s="412"/>
      <c r="AS10" s="412"/>
      <c r="AT10" s="413"/>
      <c r="AU10" s="513" t="s">
        <v>122</v>
      </c>
      <c r="AV10" s="514"/>
      <c r="AW10" s="514"/>
      <c r="AX10" s="514"/>
      <c r="AY10" s="469" t="s">
        <v>123</v>
      </c>
      <c r="AZ10" s="470"/>
      <c r="BA10" s="470"/>
      <c r="BB10" s="470"/>
      <c r="BC10" s="470"/>
      <c r="BD10" s="470"/>
      <c r="BE10" s="470"/>
      <c r="BF10" s="470"/>
      <c r="BG10" s="470"/>
      <c r="BH10" s="470"/>
      <c r="BI10" s="470"/>
      <c r="BJ10" s="470"/>
      <c r="BK10" s="470"/>
      <c r="BL10" s="470"/>
      <c r="BM10" s="471"/>
      <c r="BN10" s="455">
        <v>210000</v>
      </c>
      <c r="BO10" s="456"/>
      <c r="BP10" s="456"/>
      <c r="BQ10" s="456"/>
      <c r="BR10" s="456"/>
      <c r="BS10" s="456"/>
      <c r="BT10" s="456"/>
      <c r="BU10" s="457"/>
      <c r="BV10" s="455">
        <v>210000</v>
      </c>
      <c r="BW10" s="456"/>
      <c r="BX10" s="456"/>
      <c r="BY10" s="456"/>
      <c r="BZ10" s="456"/>
      <c r="CA10" s="456"/>
      <c r="CB10" s="456"/>
      <c r="CC10" s="457"/>
      <c r="CD10" s="180" t="s">
        <v>124</v>
      </c>
      <c r="CE10" s="181"/>
      <c r="CF10" s="181"/>
      <c r="CG10" s="181"/>
      <c r="CH10" s="181"/>
      <c r="CI10" s="181"/>
      <c r="CJ10" s="181"/>
      <c r="CK10" s="181"/>
      <c r="CL10" s="181"/>
      <c r="CM10" s="181"/>
      <c r="CN10" s="181"/>
      <c r="CO10" s="181"/>
      <c r="CP10" s="181"/>
      <c r="CQ10" s="181"/>
      <c r="CR10" s="181"/>
      <c r="CS10" s="182"/>
      <c r="CT10" s="183"/>
      <c r="CU10" s="184"/>
      <c r="CV10" s="184"/>
      <c r="CW10" s="184"/>
      <c r="CX10" s="184"/>
      <c r="CY10" s="184"/>
      <c r="CZ10" s="184"/>
      <c r="DA10" s="185"/>
      <c r="DB10" s="183"/>
      <c r="DC10" s="184"/>
      <c r="DD10" s="184"/>
      <c r="DE10" s="184"/>
      <c r="DF10" s="184"/>
      <c r="DG10" s="184"/>
      <c r="DH10" s="184"/>
      <c r="DI10" s="185"/>
    </row>
    <row r="11" spans="1:119" ht="18.75" customHeight="1" thickBot="1" x14ac:dyDescent="0.25">
      <c r="A11" s="177"/>
      <c r="B11" s="587"/>
      <c r="C11" s="588"/>
      <c r="D11" s="588"/>
      <c r="E11" s="588"/>
      <c r="F11" s="588"/>
      <c r="G11" s="588"/>
      <c r="H11" s="588"/>
      <c r="I11" s="588"/>
      <c r="J11" s="588"/>
      <c r="K11" s="506"/>
      <c r="L11" s="416" t="s">
        <v>125</v>
      </c>
      <c r="M11" s="417"/>
      <c r="N11" s="417"/>
      <c r="O11" s="417"/>
      <c r="P11" s="417"/>
      <c r="Q11" s="418"/>
      <c r="R11" s="584" t="s">
        <v>126</v>
      </c>
      <c r="S11" s="585"/>
      <c r="T11" s="585"/>
      <c r="U11" s="585"/>
      <c r="V11" s="586"/>
      <c r="W11" s="596"/>
      <c r="X11" s="406"/>
      <c r="Y11" s="406"/>
      <c r="Z11" s="406"/>
      <c r="AA11" s="406"/>
      <c r="AB11" s="406"/>
      <c r="AC11" s="406"/>
      <c r="AD11" s="406"/>
      <c r="AE11" s="406"/>
      <c r="AF11" s="406"/>
      <c r="AG11" s="406"/>
      <c r="AH11" s="406"/>
      <c r="AI11" s="406"/>
      <c r="AJ11" s="406"/>
      <c r="AK11" s="406"/>
      <c r="AL11" s="597"/>
      <c r="AM11" s="512" t="s">
        <v>127</v>
      </c>
      <c r="AN11" s="412"/>
      <c r="AO11" s="412"/>
      <c r="AP11" s="412"/>
      <c r="AQ11" s="412"/>
      <c r="AR11" s="412"/>
      <c r="AS11" s="412"/>
      <c r="AT11" s="413"/>
      <c r="AU11" s="513" t="s">
        <v>128</v>
      </c>
      <c r="AV11" s="514"/>
      <c r="AW11" s="514"/>
      <c r="AX11" s="514"/>
      <c r="AY11" s="469" t="s">
        <v>129</v>
      </c>
      <c r="AZ11" s="470"/>
      <c r="BA11" s="470"/>
      <c r="BB11" s="470"/>
      <c r="BC11" s="470"/>
      <c r="BD11" s="470"/>
      <c r="BE11" s="470"/>
      <c r="BF11" s="470"/>
      <c r="BG11" s="470"/>
      <c r="BH11" s="470"/>
      <c r="BI11" s="470"/>
      <c r="BJ11" s="470"/>
      <c r="BK11" s="470"/>
      <c r="BL11" s="470"/>
      <c r="BM11" s="471"/>
      <c r="BN11" s="455">
        <v>0</v>
      </c>
      <c r="BO11" s="456"/>
      <c r="BP11" s="456"/>
      <c r="BQ11" s="456"/>
      <c r="BR11" s="456"/>
      <c r="BS11" s="456"/>
      <c r="BT11" s="456"/>
      <c r="BU11" s="457"/>
      <c r="BV11" s="455">
        <v>0</v>
      </c>
      <c r="BW11" s="456"/>
      <c r="BX11" s="456"/>
      <c r="BY11" s="456"/>
      <c r="BZ11" s="456"/>
      <c r="CA11" s="456"/>
      <c r="CB11" s="456"/>
      <c r="CC11" s="457"/>
      <c r="CD11" s="495" t="s">
        <v>130</v>
      </c>
      <c r="CE11" s="415"/>
      <c r="CF11" s="415"/>
      <c r="CG11" s="415"/>
      <c r="CH11" s="415"/>
      <c r="CI11" s="415"/>
      <c r="CJ11" s="415"/>
      <c r="CK11" s="415"/>
      <c r="CL11" s="415"/>
      <c r="CM11" s="415"/>
      <c r="CN11" s="415"/>
      <c r="CO11" s="415"/>
      <c r="CP11" s="415"/>
      <c r="CQ11" s="415"/>
      <c r="CR11" s="415"/>
      <c r="CS11" s="496"/>
      <c r="CT11" s="558" t="s">
        <v>131</v>
      </c>
      <c r="CU11" s="559"/>
      <c r="CV11" s="559"/>
      <c r="CW11" s="559"/>
      <c r="CX11" s="559"/>
      <c r="CY11" s="559"/>
      <c r="CZ11" s="559"/>
      <c r="DA11" s="560"/>
      <c r="DB11" s="558" t="s">
        <v>132</v>
      </c>
      <c r="DC11" s="559"/>
      <c r="DD11" s="559"/>
      <c r="DE11" s="559"/>
      <c r="DF11" s="559"/>
      <c r="DG11" s="559"/>
      <c r="DH11" s="559"/>
      <c r="DI11" s="560"/>
    </row>
    <row r="12" spans="1:119" ht="18.75" customHeight="1" x14ac:dyDescent="0.2">
      <c r="A12" s="177"/>
      <c r="B12" s="561" t="s">
        <v>133</v>
      </c>
      <c r="C12" s="562"/>
      <c r="D12" s="562"/>
      <c r="E12" s="562"/>
      <c r="F12" s="562"/>
      <c r="G12" s="562"/>
      <c r="H12" s="562"/>
      <c r="I12" s="562"/>
      <c r="J12" s="562"/>
      <c r="K12" s="563"/>
      <c r="L12" s="570" t="s">
        <v>134</v>
      </c>
      <c r="M12" s="571"/>
      <c r="N12" s="571"/>
      <c r="O12" s="571"/>
      <c r="P12" s="571"/>
      <c r="Q12" s="572"/>
      <c r="R12" s="573">
        <v>6880</v>
      </c>
      <c r="S12" s="574"/>
      <c r="T12" s="574"/>
      <c r="U12" s="574"/>
      <c r="V12" s="575"/>
      <c r="W12" s="576" t="s">
        <v>1</v>
      </c>
      <c r="X12" s="514"/>
      <c r="Y12" s="514"/>
      <c r="Z12" s="514"/>
      <c r="AA12" s="514"/>
      <c r="AB12" s="577"/>
      <c r="AC12" s="578" t="s">
        <v>135</v>
      </c>
      <c r="AD12" s="579"/>
      <c r="AE12" s="579"/>
      <c r="AF12" s="579"/>
      <c r="AG12" s="580"/>
      <c r="AH12" s="578" t="s">
        <v>136</v>
      </c>
      <c r="AI12" s="579"/>
      <c r="AJ12" s="579"/>
      <c r="AK12" s="579"/>
      <c r="AL12" s="581"/>
      <c r="AM12" s="512" t="s">
        <v>137</v>
      </c>
      <c r="AN12" s="412"/>
      <c r="AO12" s="412"/>
      <c r="AP12" s="412"/>
      <c r="AQ12" s="412"/>
      <c r="AR12" s="412"/>
      <c r="AS12" s="412"/>
      <c r="AT12" s="413"/>
      <c r="AU12" s="513" t="s">
        <v>96</v>
      </c>
      <c r="AV12" s="514"/>
      <c r="AW12" s="514"/>
      <c r="AX12" s="514"/>
      <c r="AY12" s="469" t="s">
        <v>138</v>
      </c>
      <c r="AZ12" s="470"/>
      <c r="BA12" s="470"/>
      <c r="BB12" s="470"/>
      <c r="BC12" s="470"/>
      <c r="BD12" s="470"/>
      <c r="BE12" s="470"/>
      <c r="BF12" s="470"/>
      <c r="BG12" s="470"/>
      <c r="BH12" s="470"/>
      <c r="BI12" s="470"/>
      <c r="BJ12" s="470"/>
      <c r="BK12" s="470"/>
      <c r="BL12" s="470"/>
      <c r="BM12" s="471"/>
      <c r="BN12" s="455">
        <v>100000</v>
      </c>
      <c r="BO12" s="456"/>
      <c r="BP12" s="456"/>
      <c r="BQ12" s="456"/>
      <c r="BR12" s="456"/>
      <c r="BS12" s="456"/>
      <c r="BT12" s="456"/>
      <c r="BU12" s="457"/>
      <c r="BV12" s="455">
        <v>135000</v>
      </c>
      <c r="BW12" s="456"/>
      <c r="BX12" s="456"/>
      <c r="BY12" s="456"/>
      <c r="BZ12" s="456"/>
      <c r="CA12" s="456"/>
      <c r="CB12" s="456"/>
      <c r="CC12" s="457"/>
      <c r="CD12" s="495" t="s">
        <v>139</v>
      </c>
      <c r="CE12" s="415"/>
      <c r="CF12" s="415"/>
      <c r="CG12" s="415"/>
      <c r="CH12" s="415"/>
      <c r="CI12" s="415"/>
      <c r="CJ12" s="415"/>
      <c r="CK12" s="415"/>
      <c r="CL12" s="415"/>
      <c r="CM12" s="415"/>
      <c r="CN12" s="415"/>
      <c r="CO12" s="415"/>
      <c r="CP12" s="415"/>
      <c r="CQ12" s="415"/>
      <c r="CR12" s="415"/>
      <c r="CS12" s="496"/>
      <c r="CT12" s="558" t="s">
        <v>140</v>
      </c>
      <c r="CU12" s="559"/>
      <c r="CV12" s="559"/>
      <c r="CW12" s="559"/>
      <c r="CX12" s="559"/>
      <c r="CY12" s="559"/>
      <c r="CZ12" s="559"/>
      <c r="DA12" s="560"/>
      <c r="DB12" s="558" t="s">
        <v>140</v>
      </c>
      <c r="DC12" s="559"/>
      <c r="DD12" s="559"/>
      <c r="DE12" s="559"/>
      <c r="DF12" s="559"/>
      <c r="DG12" s="559"/>
      <c r="DH12" s="559"/>
      <c r="DI12" s="560"/>
    </row>
    <row r="13" spans="1:119" ht="18.75" customHeight="1" x14ac:dyDescent="0.2">
      <c r="A13" s="177"/>
      <c r="B13" s="564"/>
      <c r="C13" s="565"/>
      <c r="D13" s="565"/>
      <c r="E13" s="565"/>
      <c r="F13" s="565"/>
      <c r="G13" s="565"/>
      <c r="H13" s="565"/>
      <c r="I13" s="565"/>
      <c r="J13" s="565"/>
      <c r="K13" s="566"/>
      <c r="L13" s="186"/>
      <c r="M13" s="539" t="s">
        <v>141</v>
      </c>
      <c r="N13" s="540"/>
      <c r="O13" s="540"/>
      <c r="P13" s="540"/>
      <c r="Q13" s="541"/>
      <c r="R13" s="542">
        <v>6805</v>
      </c>
      <c r="S13" s="543"/>
      <c r="T13" s="543"/>
      <c r="U13" s="543"/>
      <c r="V13" s="544"/>
      <c r="W13" s="545" t="s">
        <v>142</v>
      </c>
      <c r="X13" s="441"/>
      <c r="Y13" s="441"/>
      <c r="Z13" s="441"/>
      <c r="AA13" s="441"/>
      <c r="AB13" s="442"/>
      <c r="AC13" s="408">
        <v>87</v>
      </c>
      <c r="AD13" s="409"/>
      <c r="AE13" s="409"/>
      <c r="AF13" s="409"/>
      <c r="AG13" s="410"/>
      <c r="AH13" s="408">
        <v>101</v>
      </c>
      <c r="AI13" s="409"/>
      <c r="AJ13" s="409"/>
      <c r="AK13" s="409"/>
      <c r="AL13" s="468"/>
      <c r="AM13" s="512" t="s">
        <v>143</v>
      </c>
      <c r="AN13" s="412"/>
      <c r="AO13" s="412"/>
      <c r="AP13" s="412"/>
      <c r="AQ13" s="412"/>
      <c r="AR13" s="412"/>
      <c r="AS13" s="412"/>
      <c r="AT13" s="413"/>
      <c r="AU13" s="513" t="s">
        <v>144</v>
      </c>
      <c r="AV13" s="514"/>
      <c r="AW13" s="514"/>
      <c r="AX13" s="514"/>
      <c r="AY13" s="469" t="s">
        <v>145</v>
      </c>
      <c r="AZ13" s="470"/>
      <c r="BA13" s="470"/>
      <c r="BB13" s="470"/>
      <c r="BC13" s="470"/>
      <c r="BD13" s="470"/>
      <c r="BE13" s="470"/>
      <c r="BF13" s="470"/>
      <c r="BG13" s="470"/>
      <c r="BH13" s="470"/>
      <c r="BI13" s="470"/>
      <c r="BJ13" s="470"/>
      <c r="BK13" s="470"/>
      <c r="BL13" s="470"/>
      <c r="BM13" s="471"/>
      <c r="BN13" s="455">
        <v>-47919</v>
      </c>
      <c r="BO13" s="456"/>
      <c r="BP13" s="456"/>
      <c r="BQ13" s="456"/>
      <c r="BR13" s="456"/>
      <c r="BS13" s="456"/>
      <c r="BT13" s="456"/>
      <c r="BU13" s="457"/>
      <c r="BV13" s="455">
        <v>260441</v>
      </c>
      <c r="BW13" s="456"/>
      <c r="BX13" s="456"/>
      <c r="BY13" s="456"/>
      <c r="BZ13" s="456"/>
      <c r="CA13" s="456"/>
      <c r="CB13" s="456"/>
      <c r="CC13" s="457"/>
      <c r="CD13" s="495" t="s">
        <v>146</v>
      </c>
      <c r="CE13" s="415"/>
      <c r="CF13" s="415"/>
      <c r="CG13" s="415"/>
      <c r="CH13" s="415"/>
      <c r="CI13" s="415"/>
      <c r="CJ13" s="415"/>
      <c r="CK13" s="415"/>
      <c r="CL13" s="415"/>
      <c r="CM13" s="415"/>
      <c r="CN13" s="415"/>
      <c r="CO13" s="415"/>
      <c r="CP13" s="415"/>
      <c r="CQ13" s="415"/>
      <c r="CR13" s="415"/>
      <c r="CS13" s="496"/>
      <c r="CT13" s="452">
        <v>12.4</v>
      </c>
      <c r="CU13" s="453"/>
      <c r="CV13" s="453"/>
      <c r="CW13" s="453"/>
      <c r="CX13" s="453"/>
      <c r="CY13" s="453"/>
      <c r="CZ13" s="453"/>
      <c r="DA13" s="454"/>
      <c r="DB13" s="452">
        <v>12</v>
      </c>
      <c r="DC13" s="453"/>
      <c r="DD13" s="453"/>
      <c r="DE13" s="453"/>
      <c r="DF13" s="453"/>
      <c r="DG13" s="453"/>
      <c r="DH13" s="453"/>
      <c r="DI13" s="454"/>
    </row>
    <row r="14" spans="1:119" ht="18.75" customHeight="1" thickBot="1" x14ac:dyDescent="0.25">
      <c r="A14" s="177"/>
      <c r="B14" s="564"/>
      <c r="C14" s="565"/>
      <c r="D14" s="565"/>
      <c r="E14" s="565"/>
      <c r="F14" s="565"/>
      <c r="G14" s="565"/>
      <c r="H14" s="565"/>
      <c r="I14" s="565"/>
      <c r="J14" s="565"/>
      <c r="K14" s="566"/>
      <c r="L14" s="529" t="s">
        <v>147</v>
      </c>
      <c r="M14" s="582"/>
      <c r="N14" s="582"/>
      <c r="O14" s="582"/>
      <c r="P14" s="582"/>
      <c r="Q14" s="583"/>
      <c r="R14" s="542">
        <v>6984</v>
      </c>
      <c r="S14" s="543"/>
      <c r="T14" s="543"/>
      <c r="U14" s="543"/>
      <c r="V14" s="544"/>
      <c r="W14" s="546"/>
      <c r="X14" s="444"/>
      <c r="Y14" s="444"/>
      <c r="Z14" s="444"/>
      <c r="AA14" s="444"/>
      <c r="AB14" s="445"/>
      <c r="AC14" s="535">
        <v>2.8</v>
      </c>
      <c r="AD14" s="536"/>
      <c r="AE14" s="536"/>
      <c r="AF14" s="536"/>
      <c r="AG14" s="537"/>
      <c r="AH14" s="535">
        <v>2.9</v>
      </c>
      <c r="AI14" s="536"/>
      <c r="AJ14" s="536"/>
      <c r="AK14" s="536"/>
      <c r="AL14" s="538"/>
      <c r="AM14" s="512"/>
      <c r="AN14" s="412"/>
      <c r="AO14" s="412"/>
      <c r="AP14" s="412"/>
      <c r="AQ14" s="412"/>
      <c r="AR14" s="412"/>
      <c r="AS14" s="412"/>
      <c r="AT14" s="413"/>
      <c r="AU14" s="513"/>
      <c r="AV14" s="514"/>
      <c r="AW14" s="514"/>
      <c r="AX14" s="514"/>
      <c r="AY14" s="469"/>
      <c r="AZ14" s="470"/>
      <c r="BA14" s="470"/>
      <c r="BB14" s="470"/>
      <c r="BC14" s="470"/>
      <c r="BD14" s="470"/>
      <c r="BE14" s="470"/>
      <c r="BF14" s="470"/>
      <c r="BG14" s="470"/>
      <c r="BH14" s="470"/>
      <c r="BI14" s="470"/>
      <c r="BJ14" s="470"/>
      <c r="BK14" s="470"/>
      <c r="BL14" s="470"/>
      <c r="BM14" s="471"/>
      <c r="BN14" s="455"/>
      <c r="BO14" s="456"/>
      <c r="BP14" s="456"/>
      <c r="BQ14" s="456"/>
      <c r="BR14" s="456"/>
      <c r="BS14" s="456"/>
      <c r="BT14" s="456"/>
      <c r="BU14" s="457"/>
      <c r="BV14" s="455"/>
      <c r="BW14" s="456"/>
      <c r="BX14" s="456"/>
      <c r="BY14" s="456"/>
      <c r="BZ14" s="456"/>
      <c r="CA14" s="456"/>
      <c r="CB14" s="456"/>
      <c r="CC14" s="457"/>
      <c r="CD14" s="492" t="s">
        <v>148</v>
      </c>
      <c r="CE14" s="493"/>
      <c r="CF14" s="493"/>
      <c r="CG14" s="493"/>
      <c r="CH14" s="493"/>
      <c r="CI14" s="493"/>
      <c r="CJ14" s="493"/>
      <c r="CK14" s="493"/>
      <c r="CL14" s="493"/>
      <c r="CM14" s="493"/>
      <c r="CN14" s="493"/>
      <c r="CO14" s="493"/>
      <c r="CP14" s="493"/>
      <c r="CQ14" s="493"/>
      <c r="CR14" s="493"/>
      <c r="CS14" s="494"/>
      <c r="CT14" s="552">
        <v>83.4</v>
      </c>
      <c r="CU14" s="553"/>
      <c r="CV14" s="553"/>
      <c r="CW14" s="553"/>
      <c r="CX14" s="553"/>
      <c r="CY14" s="553"/>
      <c r="CZ14" s="553"/>
      <c r="DA14" s="554"/>
      <c r="DB14" s="552">
        <v>106</v>
      </c>
      <c r="DC14" s="553"/>
      <c r="DD14" s="553"/>
      <c r="DE14" s="553"/>
      <c r="DF14" s="553"/>
      <c r="DG14" s="553"/>
      <c r="DH14" s="553"/>
      <c r="DI14" s="554"/>
    </row>
    <row r="15" spans="1:119" ht="18.75" customHeight="1" x14ac:dyDescent="0.2">
      <c r="A15" s="177"/>
      <c r="B15" s="564"/>
      <c r="C15" s="565"/>
      <c r="D15" s="565"/>
      <c r="E15" s="565"/>
      <c r="F15" s="565"/>
      <c r="G15" s="565"/>
      <c r="H15" s="565"/>
      <c r="I15" s="565"/>
      <c r="J15" s="565"/>
      <c r="K15" s="566"/>
      <c r="L15" s="186"/>
      <c r="M15" s="539" t="s">
        <v>149</v>
      </c>
      <c r="N15" s="540"/>
      <c r="O15" s="540"/>
      <c r="P15" s="540"/>
      <c r="Q15" s="541"/>
      <c r="R15" s="542">
        <v>6916</v>
      </c>
      <c r="S15" s="543"/>
      <c r="T15" s="543"/>
      <c r="U15" s="543"/>
      <c r="V15" s="544"/>
      <c r="W15" s="545" t="s">
        <v>150</v>
      </c>
      <c r="X15" s="441"/>
      <c r="Y15" s="441"/>
      <c r="Z15" s="441"/>
      <c r="AA15" s="441"/>
      <c r="AB15" s="442"/>
      <c r="AC15" s="408">
        <v>548</v>
      </c>
      <c r="AD15" s="409"/>
      <c r="AE15" s="409"/>
      <c r="AF15" s="409"/>
      <c r="AG15" s="410"/>
      <c r="AH15" s="408">
        <v>720</v>
      </c>
      <c r="AI15" s="409"/>
      <c r="AJ15" s="409"/>
      <c r="AK15" s="409"/>
      <c r="AL15" s="468"/>
      <c r="AM15" s="512"/>
      <c r="AN15" s="412"/>
      <c r="AO15" s="412"/>
      <c r="AP15" s="412"/>
      <c r="AQ15" s="412"/>
      <c r="AR15" s="412"/>
      <c r="AS15" s="412"/>
      <c r="AT15" s="413"/>
      <c r="AU15" s="513"/>
      <c r="AV15" s="514"/>
      <c r="AW15" s="514"/>
      <c r="AX15" s="514"/>
      <c r="AY15" s="481" t="s">
        <v>151</v>
      </c>
      <c r="AZ15" s="482"/>
      <c r="BA15" s="482"/>
      <c r="BB15" s="482"/>
      <c r="BC15" s="482"/>
      <c r="BD15" s="482"/>
      <c r="BE15" s="482"/>
      <c r="BF15" s="482"/>
      <c r="BG15" s="482"/>
      <c r="BH15" s="482"/>
      <c r="BI15" s="482"/>
      <c r="BJ15" s="482"/>
      <c r="BK15" s="482"/>
      <c r="BL15" s="482"/>
      <c r="BM15" s="483"/>
      <c r="BN15" s="484">
        <v>835642</v>
      </c>
      <c r="BO15" s="485"/>
      <c r="BP15" s="485"/>
      <c r="BQ15" s="485"/>
      <c r="BR15" s="485"/>
      <c r="BS15" s="485"/>
      <c r="BT15" s="485"/>
      <c r="BU15" s="486"/>
      <c r="BV15" s="484">
        <v>833560</v>
      </c>
      <c r="BW15" s="485"/>
      <c r="BX15" s="485"/>
      <c r="BY15" s="485"/>
      <c r="BZ15" s="485"/>
      <c r="CA15" s="485"/>
      <c r="CB15" s="485"/>
      <c r="CC15" s="486"/>
      <c r="CD15" s="555" t="s">
        <v>152</v>
      </c>
      <c r="CE15" s="556"/>
      <c r="CF15" s="556"/>
      <c r="CG15" s="556"/>
      <c r="CH15" s="556"/>
      <c r="CI15" s="556"/>
      <c r="CJ15" s="556"/>
      <c r="CK15" s="556"/>
      <c r="CL15" s="556"/>
      <c r="CM15" s="556"/>
      <c r="CN15" s="556"/>
      <c r="CO15" s="556"/>
      <c r="CP15" s="556"/>
      <c r="CQ15" s="556"/>
      <c r="CR15" s="556"/>
      <c r="CS15" s="557"/>
      <c r="CT15" s="187"/>
      <c r="CU15" s="188"/>
      <c r="CV15" s="188"/>
      <c r="CW15" s="188"/>
      <c r="CX15" s="188"/>
      <c r="CY15" s="188"/>
      <c r="CZ15" s="188"/>
      <c r="DA15" s="189"/>
      <c r="DB15" s="187"/>
      <c r="DC15" s="188"/>
      <c r="DD15" s="188"/>
      <c r="DE15" s="188"/>
      <c r="DF15" s="188"/>
      <c r="DG15" s="188"/>
      <c r="DH15" s="188"/>
      <c r="DI15" s="189"/>
    </row>
    <row r="16" spans="1:119" ht="18.75" customHeight="1" x14ac:dyDescent="0.2">
      <c r="A16" s="177"/>
      <c r="B16" s="564"/>
      <c r="C16" s="565"/>
      <c r="D16" s="565"/>
      <c r="E16" s="565"/>
      <c r="F16" s="565"/>
      <c r="G16" s="565"/>
      <c r="H16" s="565"/>
      <c r="I16" s="565"/>
      <c r="J16" s="565"/>
      <c r="K16" s="566"/>
      <c r="L16" s="529" t="s">
        <v>153</v>
      </c>
      <c r="M16" s="530"/>
      <c r="N16" s="530"/>
      <c r="O16" s="530"/>
      <c r="P16" s="530"/>
      <c r="Q16" s="531"/>
      <c r="R16" s="532" t="s">
        <v>154</v>
      </c>
      <c r="S16" s="533"/>
      <c r="T16" s="533"/>
      <c r="U16" s="533"/>
      <c r="V16" s="534"/>
      <c r="W16" s="546"/>
      <c r="X16" s="444"/>
      <c r="Y16" s="444"/>
      <c r="Z16" s="444"/>
      <c r="AA16" s="444"/>
      <c r="AB16" s="445"/>
      <c r="AC16" s="535">
        <v>17.899999999999999</v>
      </c>
      <c r="AD16" s="536"/>
      <c r="AE16" s="536"/>
      <c r="AF16" s="536"/>
      <c r="AG16" s="537"/>
      <c r="AH16" s="535">
        <v>21</v>
      </c>
      <c r="AI16" s="536"/>
      <c r="AJ16" s="536"/>
      <c r="AK16" s="536"/>
      <c r="AL16" s="538"/>
      <c r="AM16" s="512"/>
      <c r="AN16" s="412"/>
      <c r="AO16" s="412"/>
      <c r="AP16" s="412"/>
      <c r="AQ16" s="412"/>
      <c r="AR16" s="412"/>
      <c r="AS16" s="412"/>
      <c r="AT16" s="413"/>
      <c r="AU16" s="513"/>
      <c r="AV16" s="514"/>
      <c r="AW16" s="514"/>
      <c r="AX16" s="514"/>
      <c r="AY16" s="469" t="s">
        <v>155</v>
      </c>
      <c r="AZ16" s="470"/>
      <c r="BA16" s="470"/>
      <c r="BB16" s="470"/>
      <c r="BC16" s="470"/>
      <c r="BD16" s="470"/>
      <c r="BE16" s="470"/>
      <c r="BF16" s="470"/>
      <c r="BG16" s="470"/>
      <c r="BH16" s="470"/>
      <c r="BI16" s="470"/>
      <c r="BJ16" s="470"/>
      <c r="BK16" s="470"/>
      <c r="BL16" s="470"/>
      <c r="BM16" s="471"/>
      <c r="BN16" s="455">
        <v>2203511</v>
      </c>
      <c r="BO16" s="456"/>
      <c r="BP16" s="456"/>
      <c r="BQ16" s="456"/>
      <c r="BR16" s="456"/>
      <c r="BS16" s="456"/>
      <c r="BT16" s="456"/>
      <c r="BU16" s="457"/>
      <c r="BV16" s="455">
        <v>2141236</v>
      </c>
      <c r="BW16" s="456"/>
      <c r="BX16" s="456"/>
      <c r="BY16" s="456"/>
      <c r="BZ16" s="456"/>
      <c r="CA16" s="456"/>
      <c r="CB16" s="456"/>
      <c r="CC16" s="457"/>
      <c r="CD16" s="190"/>
      <c r="CE16" s="487"/>
      <c r="CF16" s="487"/>
      <c r="CG16" s="487"/>
      <c r="CH16" s="487"/>
      <c r="CI16" s="487"/>
      <c r="CJ16" s="487"/>
      <c r="CK16" s="487"/>
      <c r="CL16" s="487"/>
      <c r="CM16" s="487"/>
      <c r="CN16" s="487"/>
      <c r="CO16" s="487"/>
      <c r="CP16" s="487"/>
      <c r="CQ16" s="487"/>
      <c r="CR16" s="487"/>
      <c r="CS16" s="488"/>
      <c r="CT16" s="452"/>
      <c r="CU16" s="453"/>
      <c r="CV16" s="453"/>
      <c r="CW16" s="453"/>
      <c r="CX16" s="453"/>
      <c r="CY16" s="453"/>
      <c r="CZ16" s="453"/>
      <c r="DA16" s="454"/>
      <c r="DB16" s="452"/>
      <c r="DC16" s="453"/>
      <c r="DD16" s="453"/>
      <c r="DE16" s="453"/>
      <c r="DF16" s="453"/>
      <c r="DG16" s="453"/>
      <c r="DH16" s="453"/>
      <c r="DI16" s="454"/>
    </row>
    <row r="17" spans="1:113" ht="18.75" customHeight="1" thickBot="1" x14ac:dyDescent="0.25">
      <c r="A17" s="177"/>
      <c r="B17" s="567"/>
      <c r="C17" s="568"/>
      <c r="D17" s="568"/>
      <c r="E17" s="568"/>
      <c r="F17" s="568"/>
      <c r="G17" s="568"/>
      <c r="H17" s="568"/>
      <c r="I17" s="568"/>
      <c r="J17" s="568"/>
      <c r="K17" s="569"/>
      <c r="L17" s="191"/>
      <c r="M17" s="548" t="s">
        <v>156</v>
      </c>
      <c r="N17" s="549"/>
      <c r="O17" s="549"/>
      <c r="P17" s="549"/>
      <c r="Q17" s="550"/>
      <c r="R17" s="532" t="s">
        <v>157</v>
      </c>
      <c r="S17" s="533"/>
      <c r="T17" s="533"/>
      <c r="U17" s="533"/>
      <c r="V17" s="534"/>
      <c r="W17" s="545" t="s">
        <v>158</v>
      </c>
      <c r="X17" s="441"/>
      <c r="Y17" s="441"/>
      <c r="Z17" s="441"/>
      <c r="AA17" s="441"/>
      <c r="AB17" s="442"/>
      <c r="AC17" s="408">
        <v>2422</v>
      </c>
      <c r="AD17" s="409"/>
      <c r="AE17" s="409"/>
      <c r="AF17" s="409"/>
      <c r="AG17" s="410"/>
      <c r="AH17" s="408">
        <v>2603</v>
      </c>
      <c r="AI17" s="409"/>
      <c r="AJ17" s="409"/>
      <c r="AK17" s="409"/>
      <c r="AL17" s="468"/>
      <c r="AM17" s="512"/>
      <c r="AN17" s="412"/>
      <c r="AO17" s="412"/>
      <c r="AP17" s="412"/>
      <c r="AQ17" s="412"/>
      <c r="AR17" s="412"/>
      <c r="AS17" s="412"/>
      <c r="AT17" s="413"/>
      <c r="AU17" s="513"/>
      <c r="AV17" s="514"/>
      <c r="AW17" s="514"/>
      <c r="AX17" s="514"/>
      <c r="AY17" s="469" t="s">
        <v>159</v>
      </c>
      <c r="AZ17" s="470"/>
      <c r="BA17" s="470"/>
      <c r="BB17" s="470"/>
      <c r="BC17" s="470"/>
      <c r="BD17" s="470"/>
      <c r="BE17" s="470"/>
      <c r="BF17" s="470"/>
      <c r="BG17" s="470"/>
      <c r="BH17" s="470"/>
      <c r="BI17" s="470"/>
      <c r="BJ17" s="470"/>
      <c r="BK17" s="470"/>
      <c r="BL17" s="470"/>
      <c r="BM17" s="471"/>
      <c r="BN17" s="455">
        <v>1062595</v>
      </c>
      <c r="BO17" s="456"/>
      <c r="BP17" s="456"/>
      <c r="BQ17" s="456"/>
      <c r="BR17" s="456"/>
      <c r="BS17" s="456"/>
      <c r="BT17" s="456"/>
      <c r="BU17" s="457"/>
      <c r="BV17" s="455">
        <v>1055953</v>
      </c>
      <c r="BW17" s="456"/>
      <c r="BX17" s="456"/>
      <c r="BY17" s="456"/>
      <c r="BZ17" s="456"/>
      <c r="CA17" s="456"/>
      <c r="CB17" s="456"/>
      <c r="CC17" s="457"/>
      <c r="CD17" s="190"/>
      <c r="CE17" s="487"/>
      <c r="CF17" s="487"/>
      <c r="CG17" s="487"/>
      <c r="CH17" s="487"/>
      <c r="CI17" s="487"/>
      <c r="CJ17" s="487"/>
      <c r="CK17" s="487"/>
      <c r="CL17" s="487"/>
      <c r="CM17" s="487"/>
      <c r="CN17" s="487"/>
      <c r="CO17" s="487"/>
      <c r="CP17" s="487"/>
      <c r="CQ17" s="487"/>
      <c r="CR17" s="487"/>
      <c r="CS17" s="488"/>
      <c r="CT17" s="452"/>
      <c r="CU17" s="453"/>
      <c r="CV17" s="453"/>
      <c r="CW17" s="453"/>
      <c r="CX17" s="453"/>
      <c r="CY17" s="453"/>
      <c r="CZ17" s="453"/>
      <c r="DA17" s="454"/>
      <c r="DB17" s="452"/>
      <c r="DC17" s="453"/>
      <c r="DD17" s="453"/>
      <c r="DE17" s="453"/>
      <c r="DF17" s="453"/>
      <c r="DG17" s="453"/>
      <c r="DH17" s="453"/>
      <c r="DI17" s="454"/>
    </row>
    <row r="18" spans="1:113" ht="18.75" customHeight="1" thickBot="1" x14ac:dyDescent="0.25">
      <c r="A18" s="177"/>
      <c r="B18" s="505" t="s">
        <v>160</v>
      </c>
      <c r="C18" s="506"/>
      <c r="D18" s="506"/>
      <c r="E18" s="507"/>
      <c r="F18" s="507"/>
      <c r="G18" s="507"/>
      <c r="H18" s="507"/>
      <c r="I18" s="507"/>
      <c r="J18" s="507"/>
      <c r="K18" s="507"/>
      <c r="L18" s="508">
        <v>7.05</v>
      </c>
      <c r="M18" s="508"/>
      <c r="N18" s="508"/>
      <c r="O18" s="508"/>
      <c r="P18" s="508"/>
      <c r="Q18" s="508"/>
      <c r="R18" s="509"/>
      <c r="S18" s="509"/>
      <c r="T18" s="509"/>
      <c r="U18" s="509"/>
      <c r="V18" s="510"/>
      <c r="W18" s="526"/>
      <c r="X18" s="527"/>
      <c r="Y18" s="527"/>
      <c r="Z18" s="527"/>
      <c r="AA18" s="527"/>
      <c r="AB18" s="551"/>
      <c r="AC18" s="425">
        <v>79.2</v>
      </c>
      <c r="AD18" s="426"/>
      <c r="AE18" s="426"/>
      <c r="AF18" s="426"/>
      <c r="AG18" s="511"/>
      <c r="AH18" s="425">
        <v>76</v>
      </c>
      <c r="AI18" s="426"/>
      <c r="AJ18" s="426"/>
      <c r="AK18" s="426"/>
      <c r="AL18" s="427"/>
      <c r="AM18" s="512"/>
      <c r="AN18" s="412"/>
      <c r="AO18" s="412"/>
      <c r="AP18" s="412"/>
      <c r="AQ18" s="412"/>
      <c r="AR18" s="412"/>
      <c r="AS18" s="412"/>
      <c r="AT18" s="413"/>
      <c r="AU18" s="513"/>
      <c r="AV18" s="514"/>
      <c r="AW18" s="514"/>
      <c r="AX18" s="514"/>
      <c r="AY18" s="469" t="s">
        <v>161</v>
      </c>
      <c r="AZ18" s="470"/>
      <c r="BA18" s="470"/>
      <c r="BB18" s="470"/>
      <c r="BC18" s="470"/>
      <c r="BD18" s="470"/>
      <c r="BE18" s="470"/>
      <c r="BF18" s="470"/>
      <c r="BG18" s="470"/>
      <c r="BH18" s="470"/>
      <c r="BI18" s="470"/>
      <c r="BJ18" s="470"/>
      <c r="BK18" s="470"/>
      <c r="BL18" s="470"/>
      <c r="BM18" s="471"/>
      <c r="BN18" s="455">
        <v>2344641</v>
      </c>
      <c r="BO18" s="456"/>
      <c r="BP18" s="456"/>
      <c r="BQ18" s="456"/>
      <c r="BR18" s="456"/>
      <c r="BS18" s="456"/>
      <c r="BT18" s="456"/>
      <c r="BU18" s="457"/>
      <c r="BV18" s="455">
        <v>2249677</v>
      </c>
      <c r="BW18" s="456"/>
      <c r="BX18" s="456"/>
      <c r="BY18" s="456"/>
      <c r="BZ18" s="456"/>
      <c r="CA18" s="456"/>
      <c r="CB18" s="456"/>
      <c r="CC18" s="457"/>
      <c r="CD18" s="190"/>
      <c r="CE18" s="487"/>
      <c r="CF18" s="487"/>
      <c r="CG18" s="487"/>
      <c r="CH18" s="487"/>
      <c r="CI18" s="487"/>
      <c r="CJ18" s="487"/>
      <c r="CK18" s="487"/>
      <c r="CL18" s="487"/>
      <c r="CM18" s="487"/>
      <c r="CN18" s="487"/>
      <c r="CO18" s="487"/>
      <c r="CP18" s="487"/>
      <c r="CQ18" s="487"/>
      <c r="CR18" s="487"/>
      <c r="CS18" s="488"/>
      <c r="CT18" s="452"/>
      <c r="CU18" s="453"/>
      <c r="CV18" s="453"/>
      <c r="CW18" s="453"/>
      <c r="CX18" s="453"/>
      <c r="CY18" s="453"/>
      <c r="CZ18" s="453"/>
      <c r="DA18" s="454"/>
      <c r="DB18" s="452"/>
      <c r="DC18" s="453"/>
      <c r="DD18" s="453"/>
      <c r="DE18" s="453"/>
      <c r="DF18" s="453"/>
      <c r="DG18" s="453"/>
      <c r="DH18" s="453"/>
      <c r="DI18" s="454"/>
    </row>
    <row r="19" spans="1:113" ht="18.75" customHeight="1" thickBot="1" x14ac:dyDescent="0.25">
      <c r="A19" s="177"/>
      <c r="B19" s="505" t="s">
        <v>162</v>
      </c>
      <c r="C19" s="506"/>
      <c r="D19" s="506"/>
      <c r="E19" s="507"/>
      <c r="F19" s="507"/>
      <c r="G19" s="507"/>
      <c r="H19" s="507"/>
      <c r="I19" s="507"/>
      <c r="J19" s="507"/>
      <c r="K19" s="507"/>
      <c r="L19" s="515">
        <v>953</v>
      </c>
      <c r="M19" s="515"/>
      <c r="N19" s="515"/>
      <c r="O19" s="515"/>
      <c r="P19" s="515"/>
      <c r="Q19" s="515"/>
      <c r="R19" s="516"/>
      <c r="S19" s="516"/>
      <c r="T19" s="516"/>
      <c r="U19" s="516"/>
      <c r="V19" s="517"/>
      <c r="W19" s="524"/>
      <c r="X19" s="525"/>
      <c r="Y19" s="525"/>
      <c r="Z19" s="525"/>
      <c r="AA19" s="525"/>
      <c r="AB19" s="525"/>
      <c r="AC19" s="528"/>
      <c r="AD19" s="528"/>
      <c r="AE19" s="528"/>
      <c r="AF19" s="528"/>
      <c r="AG19" s="528"/>
      <c r="AH19" s="528"/>
      <c r="AI19" s="528"/>
      <c r="AJ19" s="528"/>
      <c r="AK19" s="528"/>
      <c r="AL19" s="547"/>
      <c r="AM19" s="512"/>
      <c r="AN19" s="412"/>
      <c r="AO19" s="412"/>
      <c r="AP19" s="412"/>
      <c r="AQ19" s="412"/>
      <c r="AR19" s="412"/>
      <c r="AS19" s="412"/>
      <c r="AT19" s="413"/>
      <c r="AU19" s="513"/>
      <c r="AV19" s="514"/>
      <c r="AW19" s="514"/>
      <c r="AX19" s="514"/>
      <c r="AY19" s="469" t="s">
        <v>163</v>
      </c>
      <c r="AZ19" s="470"/>
      <c r="BA19" s="470"/>
      <c r="BB19" s="470"/>
      <c r="BC19" s="470"/>
      <c r="BD19" s="470"/>
      <c r="BE19" s="470"/>
      <c r="BF19" s="470"/>
      <c r="BG19" s="470"/>
      <c r="BH19" s="470"/>
      <c r="BI19" s="470"/>
      <c r="BJ19" s="470"/>
      <c r="BK19" s="470"/>
      <c r="BL19" s="470"/>
      <c r="BM19" s="471"/>
      <c r="BN19" s="455">
        <v>3290096</v>
      </c>
      <c r="BO19" s="456"/>
      <c r="BP19" s="456"/>
      <c r="BQ19" s="456"/>
      <c r="BR19" s="456"/>
      <c r="BS19" s="456"/>
      <c r="BT19" s="456"/>
      <c r="BU19" s="457"/>
      <c r="BV19" s="455">
        <v>3229747</v>
      </c>
      <c r="BW19" s="456"/>
      <c r="BX19" s="456"/>
      <c r="BY19" s="456"/>
      <c r="BZ19" s="456"/>
      <c r="CA19" s="456"/>
      <c r="CB19" s="456"/>
      <c r="CC19" s="457"/>
      <c r="CD19" s="190"/>
      <c r="CE19" s="487"/>
      <c r="CF19" s="487"/>
      <c r="CG19" s="487"/>
      <c r="CH19" s="487"/>
      <c r="CI19" s="487"/>
      <c r="CJ19" s="487"/>
      <c r="CK19" s="487"/>
      <c r="CL19" s="487"/>
      <c r="CM19" s="487"/>
      <c r="CN19" s="487"/>
      <c r="CO19" s="487"/>
      <c r="CP19" s="487"/>
      <c r="CQ19" s="487"/>
      <c r="CR19" s="487"/>
      <c r="CS19" s="488"/>
      <c r="CT19" s="452"/>
      <c r="CU19" s="453"/>
      <c r="CV19" s="453"/>
      <c r="CW19" s="453"/>
      <c r="CX19" s="453"/>
      <c r="CY19" s="453"/>
      <c r="CZ19" s="453"/>
      <c r="DA19" s="454"/>
      <c r="DB19" s="452"/>
      <c r="DC19" s="453"/>
      <c r="DD19" s="453"/>
      <c r="DE19" s="453"/>
      <c r="DF19" s="453"/>
      <c r="DG19" s="453"/>
      <c r="DH19" s="453"/>
      <c r="DI19" s="454"/>
    </row>
    <row r="20" spans="1:113" ht="18.75" customHeight="1" thickBot="1" x14ac:dyDescent="0.25">
      <c r="A20" s="177"/>
      <c r="B20" s="505" t="s">
        <v>164</v>
      </c>
      <c r="C20" s="506"/>
      <c r="D20" s="506"/>
      <c r="E20" s="507"/>
      <c r="F20" s="507"/>
      <c r="G20" s="507"/>
      <c r="H20" s="507"/>
      <c r="I20" s="507"/>
      <c r="J20" s="507"/>
      <c r="K20" s="507"/>
      <c r="L20" s="515">
        <v>2963</v>
      </c>
      <c r="M20" s="515"/>
      <c r="N20" s="515"/>
      <c r="O20" s="515"/>
      <c r="P20" s="515"/>
      <c r="Q20" s="515"/>
      <c r="R20" s="516"/>
      <c r="S20" s="516"/>
      <c r="T20" s="516"/>
      <c r="U20" s="516"/>
      <c r="V20" s="517"/>
      <c r="W20" s="526"/>
      <c r="X20" s="527"/>
      <c r="Y20" s="527"/>
      <c r="Z20" s="527"/>
      <c r="AA20" s="527"/>
      <c r="AB20" s="527"/>
      <c r="AC20" s="518"/>
      <c r="AD20" s="518"/>
      <c r="AE20" s="518"/>
      <c r="AF20" s="518"/>
      <c r="AG20" s="518"/>
      <c r="AH20" s="518"/>
      <c r="AI20" s="518"/>
      <c r="AJ20" s="518"/>
      <c r="AK20" s="518"/>
      <c r="AL20" s="519"/>
      <c r="AM20" s="520"/>
      <c r="AN20" s="417"/>
      <c r="AO20" s="417"/>
      <c r="AP20" s="417"/>
      <c r="AQ20" s="417"/>
      <c r="AR20" s="417"/>
      <c r="AS20" s="417"/>
      <c r="AT20" s="418"/>
      <c r="AU20" s="521"/>
      <c r="AV20" s="522"/>
      <c r="AW20" s="522"/>
      <c r="AX20" s="523"/>
      <c r="AY20" s="469"/>
      <c r="AZ20" s="470"/>
      <c r="BA20" s="470"/>
      <c r="BB20" s="470"/>
      <c r="BC20" s="470"/>
      <c r="BD20" s="470"/>
      <c r="BE20" s="470"/>
      <c r="BF20" s="470"/>
      <c r="BG20" s="470"/>
      <c r="BH20" s="470"/>
      <c r="BI20" s="470"/>
      <c r="BJ20" s="470"/>
      <c r="BK20" s="470"/>
      <c r="BL20" s="470"/>
      <c r="BM20" s="471"/>
      <c r="BN20" s="455"/>
      <c r="BO20" s="456"/>
      <c r="BP20" s="456"/>
      <c r="BQ20" s="456"/>
      <c r="BR20" s="456"/>
      <c r="BS20" s="456"/>
      <c r="BT20" s="456"/>
      <c r="BU20" s="457"/>
      <c r="BV20" s="455"/>
      <c r="BW20" s="456"/>
      <c r="BX20" s="456"/>
      <c r="BY20" s="456"/>
      <c r="BZ20" s="456"/>
      <c r="CA20" s="456"/>
      <c r="CB20" s="456"/>
      <c r="CC20" s="457"/>
      <c r="CD20" s="190"/>
      <c r="CE20" s="487"/>
      <c r="CF20" s="487"/>
      <c r="CG20" s="487"/>
      <c r="CH20" s="487"/>
      <c r="CI20" s="487"/>
      <c r="CJ20" s="487"/>
      <c r="CK20" s="487"/>
      <c r="CL20" s="487"/>
      <c r="CM20" s="487"/>
      <c r="CN20" s="487"/>
      <c r="CO20" s="487"/>
      <c r="CP20" s="487"/>
      <c r="CQ20" s="487"/>
      <c r="CR20" s="487"/>
      <c r="CS20" s="488"/>
      <c r="CT20" s="452"/>
      <c r="CU20" s="453"/>
      <c r="CV20" s="453"/>
      <c r="CW20" s="453"/>
      <c r="CX20" s="453"/>
      <c r="CY20" s="453"/>
      <c r="CZ20" s="453"/>
      <c r="DA20" s="454"/>
      <c r="DB20" s="452"/>
      <c r="DC20" s="453"/>
      <c r="DD20" s="453"/>
      <c r="DE20" s="453"/>
      <c r="DF20" s="453"/>
      <c r="DG20" s="453"/>
      <c r="DH20" s="453"/>
      <c r="DI20" s="454"/>
    </row>
    <row r="21" spans="1:113" ht="18.75" customHeight="1" thickBot="1" x14ac:dyDescent="0.25">
      <c r="A21" s="177"/>
      <c r="B21" s="502" t="s">
        <v>165</v>
      </c>
      <c r="C21" s="503"/>
      <c r="D21" s="503"/>
      <c r="E21" s="503"/>
      <c r="F21" s="503"/>
      <c r="G21" s="503"/>
      <c r="H21" s="503"/>
      <c r="I21" s="503"/>
      <c r="J21" s="503"/>
      <c r="K21" s="503"/>
      <c r="L21" s="503"/>
      <c r="M21" s="503"/>
      <c r="N21" s="503"/>
      <c r="O21" s="503"/>
      <c r="P21" s="503"/>
      <c r="Q21" s="503"/>
      <c r="R21" s="503"/>
      <c r="S21" s="503"/>
      <c r="T21" s="503"/>
      <c r="U21" s="503"/>
      <c r="V21" s="503"/>
      <c r="W21" s="503"/>
      <c r="X21" s="503"/>
      <c r="Y21" s="503"/>
      <c r="Z21" s="503"/>
      <c r="AA21" s="503"/>
      <c r="AB21" s="503"/>
      <c r="AC21" s="503"/>
      <c r="AD21" s="503"/>
      <c r="AE21" s="503"/>
      <c r="AF21" s="503"/>
      <c r="AG21" s="503"/>
      <c r="AH21" s="503"/>
      <c r="AI21" s="503"/>
      <c r="AJ21" s="503"/>
      <c r="AK21" s="503"/>
      <c r="AL21" s="503"/>
      <c r="AM21" s="503"/>
      <c r="AN21" s="503"/>
      <c r="AO21" s="503"/>
      <c r="AP21" s="503"/>
      <c r="AQ21" s="503"/>
      <c r="AR21" s="503"/>
      <c r="AS21" s="503"/>
      <c r="AT21" s="503"/>
      <c r="AU21" s="503"/>
      <c r="AV21" s="503"/>
      <c r="AW21" s="503"/>
      <c r="AX21" s="504"/>
      <c r="AY21" s="428"/>
      <c r="AZ21" s="429"/>
      <c r="BA21" s="429"/>
      <c r="BB21" s="429"/>
      <c r="BC21" s="429"/>
      <c r="BD21" s="429"/>
      <c r="BE21" s="429"/>
      <c r="BF21" s="429"/>
      <c r="BG21" s="429"/>
      <c r="BH21" s="429"/>
      <c r="BI21" s="429"/>
      <c r="BJ21" s="429"/>
      <c r="BK21" s="429"/>
      <c r="BL21" s="429"/>
      <c r="BM21" s="430"/>
      <c r="BN21" s="489"/>
      <c r="BO21" s="490"/>
      <c r="BP21" s="490"/>
      <c r="BQ21" s="490"/>
      <c r="BR21" s="490"/>
      <c r="BS21" s="490"/>
      <c r="BT21" s="490"/>
      <c r="BU21" s="491"/>
      <c r="BV21" s="489"/>
      <c r="BW21" s="490"/>
      <c r="BX21" s="490"/>
      <c r="BY21" s="490"/>
      <c r="BZ21" s="490"/>
      <c r="CA21" s="490"/>
      <c r="CB21" s="490"/>
      <c r="CC21" s="491"/>
      <c r="CD21" s="190"/>
      <c r="CE21" s="487"/>
      <c r="CF21" s="487"/>
      <c r="CG21" s="487"/>
      <c r="CH21" s="487"/>
      <c r="CI21" s="487"/>
      <c r="CJ21" s="487"/>
      <c r="CK21" s="487"/>
      <c r="CL21" s="487"/>
      <c r="CM21" s="487"/>
      <c r="CN21" s="487"/>
      <c r="CO21" s="487"/>
      <c r="CP21" s="487"/>
      <c r="CQ21" s="487"/>
      <c r="CR21" s="487"/>
      <c r="CS21" s="488"/>
      <c r="CT21" s="452"/>
      <c r="CU21" s="453"/>
      <c r="CV21" s="453"/>
      <c r="CW21" s="453"/>
      <c r="CX21" s="453"/>
      <c r="CY21" s="453"/>
      <c r="CZ21" s="453"/>
      <c r="DA21" s="454"/>
      <c r="DB21" s="452"/>
      <c r="DC21" s="453"/>
      <c r="DD21" s="453"/>
      <c r="DE21" s="453"/>
      <c r="DF21" s="453"/>
      <c r="DG21" s="453"/>
      <c r="DH21" s="453"/>
      <c r="DI21" s="454"/>
    </row>
    <row r="22" spans="1:113" ht="18.75" customHeight="1" x14ac:dyDescent="0.2">
      <c r="A22" s="177"/>
      <c r="B22" s="431" t="s">
        <v>166</v>
      </c>
      <c r="C22" s="432"/>
      <c r="D22" s="433"/>
      <c r="E22" s="440" t="s">
        <v>1</v>
      </c>
      <c r="F22" s="441"/>
      <c r="G22" s="441"/>
      <c r="H22" s="441"/>
      <c r="I22" s="441"/>
      <c r="J22" s="441"/>
      <c r="K22" s="442"/>
      <c r="L22" s="440" t="s">
        <v>167</v>
      </c>
      <c r="M22" s="441"/>
      <c r="N22" s="441"/>
      <c r="O22" s="441"/>
      <c r="P22" s="442"/>
      <c r="Q22" s="446" t="s">
        <v>168</v>
      </c>
      <c r="R22" s="447"/>
      <c r="S22" s="447"/>
      <c r="T22" s="447"/>
      <c r="U22" s="447"/>
      <c r="V22" s="448"/>
      <c r="W22" s="497" t="s">
        <v>169</v>
      </c>
      <c r="X22" s="432"/>
      <c r="Y22" s="433"/>
      <c r="Z22" s="440" t="s">
        <v>1</v>
      </c>
      <c r="AA22" s="441"/>
      <c r="AB22" s="441"/>
      <c r="AC22" s="441"/>
      <c r="AD22" s="441"/>
      <c r="AE22" s="441"/>
      <c r="AF22" s="441"/>
      <c r="AG22" s="442"/>
      <c r="AH22" s="458" t="s">
        <v>170</v>
      </c>
      <c r="AI22" s="441"/>
      <c r="AJ22" s="441"/>
      <c r="AK22" s="441"/>
      <c r="AL22" s="442"/>
      <c r="AM22" s="458" t="s">
        <v>171</v>
      </c>
      <c r="AN22" s="459"/>
      <c r="AO22" s="459"/>
      <c r="AP22" s="459"/>
      <c r="AQ22" s="459"/>
      <c r="AR22" s="460"/>
      <c r="AS22" s="446" t="s">
        <v>168</v>
      </c>
      <c r="AT22" s="447"/>
      <c r="AU22" s="447"/>
      <c r="AV22" s="447"/>
      <c r="AW22" s="447"/>
      <c r="AX22" s="464"/>
      <c r="AY22" s="481" t="s">
        <v>172</v>
      </c>
      <c r="AZ22" s="482"/>
      <c r="BA22" s="482"/>
      <c r="BB22" s="482"/>
      <c r="BC22" s="482"/>
      <c r="BD22" s="482"/>
      <c r="BE22" s="482"/>
      <c r="BF22" s="482"/>
      <c r="BG22" s="482"/>
      <c r="BH22" s="482"/>
      <c r="BI22" s="482"/>
      <c r="BJ22" s="482"/>
      <c r="BK22" s="482"/>
      <c r="BL22" s="482"/>
      <c r="BM22" s="483"/>
      <c r="BN22" s="484">
        <v>3262652</v>
      </c>
      <c r="BO22" s="485"/>
      <c r="BP22" s="485"/>
      <c r="BQ22" s="485"/>
      <c r="BR22" s="485"/>
      <c r="BS22" s="485"/>
      <c r="BT22" s="485"/>
      <c r="BU22" s="486"/>
      <c r="BV22" s="484">
        <v>3464217</v>
      </c>
      <c r="BW22" s="485"/>
      <c r="BX22" s="485"/>
      <c r="BY22" s="485"/>
      <c r="BZ22" s="485"/>
      <c r="CA22" s="485"/>
      <c r="CB22" s="485"/>
      <c r="CC22" s="486"/>
      <c r="CD22" s="190"/>
      <c r="CE22" s="487"/>
      <c r="CF22" s="487"/>
      <c r="CG22" s="487"/>
      <c r="CH22" s="487"/>
      <c r="CI22" s="487"/>
      <c r="CJ22" s="487"/>
      <c r="CK22" s="487"/>
      <c r="CL22" s="487"/>
      <c r="CM22" s="487"/>
      <c r="CN22" s="487"/>
      <c r="CO22" s="487"/>
      <c r="CP22" s="487"/>
      <c r="CQ22" s="487"/>
      <c r="CR22" s="487"/>
      <c r="CS22" s="488"/>
      <c r="CT22" s="452"/>
      <c r="CU22" s="453"/>
      <c r="CV22" s="453"/>
      <c r="CW22" s="453"/>
      <c r="CX22" s="453"/>
      <c r="CY22" s="453"/>
      <c r="CZ22" s="453"/>
      <c r="DA22" s="454"/>
      <c r="DB22" s="452"/>
      <c r="DC22" s="453"/>
      <c r="DD22" s="453"/>
      <c r="DE22" s="453"/>
      <c r="DF22" s="453"/>
      <c r="DG22" s="453"/>
      <c r="DH22" s="453"/>
      <c r="DI22" s="454"/>
    </row>
    <row r="23" spans="1:113" ht="18.75" customHeight="1" x14ac:dyDescent="0.2">
      <c r="A23" s="177"/>
      <c r="B23" s="434"/>
      <c r="C23" s="435"/>
      <c r="D23" s="436"/>
      <c r="E23" s="443"/>
      <c r="F23" s="444"/>
      <c r="G23" s="444"/>
      <c r="H23" s="444"/>
      <c r="I23" s="444"/>
      <c r="J23" s="444"/>
      <c r="K23" s="445"/>
      <c r="L23" s="443"/>
      <c r="M23" s="444"/>
      <c r="N23" s="444"/>
      <c r="O23" s="444"/>
      <c r="P23" s="445"/>
      <c r="Q23" s="449"/>
      <c r="R23" s="450"/>
      <c r="S23" s="450"/>
      <c r="T23" s="450"/>
      <c r="U23" s="450"/>
      <c r="V23" s="451"/>
      <c r="W23" s="498"/>
      <c r="X23" s="435"/>
      <c r="Y23" s="436"/>
      <c r="Z23" s="443"/>
      <c r="AA23" s="444"/>
      <c r="AB23" s="444"/>
      <c r="AC23" s="444"/>
      <c r="AD23" s="444"/>
      <c r="AE23" s="444"/>
      <c r="AF23" s="444"/>
      <c r="AG23" s="445"/>
      <c r="AH23" s="443"/>
      <c r="AI23" s="444"/>
      <c r="AJ23" s="444"/>
      <c r="AK23" s="444"/>
      <c r="AL23" s="445"/>
      <c r="AM23" s="461"/>
      <c r="AN23" s="462"/>
      <c r="AO23" s="462"/>
      <c r="AP23" s="462"/>
      <c r="AQ23" s="462"/>
      <c r="AR23" s="463"/>
      <c r="AS23" s="449"/>
      <c r="AT23" s="450"/>
      <c r="AU23" s="450"/>
      <c r="AV23" s="450"/>
      <c r="AW23" s="450"/>
      <c r="AX23" s="465"/>
      <c r="AY23" s="469" t="s">
        <v>173</v>
      </c>
      <c r="AZ23" s="470"/>
      <c r="BA23" s="470"/>
      <c r="BB23" s="470"/>
      <c r="BC23" s="470"/>
      <c r="BD23" s="470"/>
      <c r="BE23" s="470"/>
      <c r="BF23" s="470"/>
      <c r="BG23" s="470"/>
      <c r="BH23" s="470"/>
      <c r="BI23" s="470"/>
      <c r="BJ23" s="470"/>
      <c r="BK23" s="470"/>
      <c r="BL23" s="470"/>
      <c r="BM23" s="471"/>
      <c r="BN23" s="455">
        <v>2839706</v>
      </c>
      <c r="BO23" s="456"/>
      <c r="BP23" s="456"/>
      <c r="BQ23" s="456"/>
      <c r="BR23" s="456"/>
      <c r="BS23" s="456"/>
      <c r="BT23" s="456"/>
      <c r="BU23" s="457"/>
      <c r="BV23" s="455">
        <v>2973655</v>
      </c>
      <c r="BW23" s="456"/>
      <c r="BX23" s="456"/>
      <c r="BY23" s="456"/>
      <c r="BZ23" s="456"/>
      <c r="CA23" s="456"/>
      <c r="CB23" s="456"/>
      <c r="CC23" s="457"/>
      <c r="CD23" s="190"/>
      <c r="CE23" s="487"/>
      <c r="CF23" s="487"/>
      <c r="CG23" s="487"/>
      <c r="CH23" s="487"/>
      <c r="CI23" s="487"/>
      <c r="CJ23" s="487"/>
      <c r="CK23" s="487"/>
      <c r="CL23" s="487"/>
      <c r="CM23" s="487"/>
      <c r="CN23" s="487"/>
      <c r="CO23" s="487"/>
      <c r="CP23" s="487"/>
      <c r="CQ23" s="487"/>
      <c r="CR23" s="487"/>
      <c r="CS23" s="488"/>
      <c r="CT23" s="452"/>
      <c r="CU23" s="453"/>
      <c r="CV23" s="453"/>
      <c r="CW23" s="453"/>
      <c r="CX23" s="453"/>
      <c r="CY23" s="453"/>
      <c r="CZ23" s="453"/>
      <c r="DA23" s="454"/>
      <c r="DB23" s="452"/>
      <c r="DC23" s="453"/>
      <c r="DD23" s="453"/>
      <c r="DE23" s="453"/>
      <c r="DF23" s="453"/>
      <c r="DG23" s="453"/>
      <c r="DH23" s="453"/>
      <c r="DI23" s="454"/>
    </row>
    <row r="24" spans="1:113" ht="18.75" customHeight="1" thickBot="1" x14ac:dyDescent="0.25">
      <c r="A24" s="177"/>
      <c r="B24" s="434"/>
      <c r="C24" s="435"/>
      <c r="D24" s="436"/>
      <c r="E24" s="411" t="s">
        <v>174</v>
      </c>
      <c r="F24" s="412"/>
      <c r="G24" s="412"/>
      <c r="H24" s="412"/>
      <c r="I24" s="412"/>
      <c r="J24" s="412"/>
      <c r="K24" s="413"/>
      <c r="L24" s="408">
        <v>1</v>
      </c>
      <c r="M24" s="409"/>
      <c r="N24" s="409"/>
      <c r="O24" s="409"/>
      <c r="P24" s="410"/>
      <c r="Q24" s="408">
        <v>5810</v>
      </c>
      <c r="R24" s="409"/>
      <c r="S24" s="409"/>
      <c r="T24" s="409"/>
      <c r="U24" s="409"/>
      <c r="V24" s="410"/>
      <c r="W24" s="498"/>
      <c r="X24" s="435"/>
      <c r="Y24" s="436"/>
      <c r="Z24" s="411" t="s">
        <v>175</v>
      </c>
      <c r="AA24" s="412"/>
      <c r="AB24" s="412"/>
      <c r="AC24" s="412"/>
      <c r="AD24" s="412"/>
      <c r="AE24" s="412"/>
      <c r="AF24" s="412"/>
      <c r="AG24" s="413"/>
      <c r="AH24" s="408">
        <v>76</v>
      </c>
      <c r="AI24" s="409"/>
      <c r="AJ24" s="409"/>
      <c r="AK24" s="409"/>
      <c r="AL24" s="410"/>
      <c r="AM24" s="408">
        <v>206796</v>
      </c>
      <c r="AN24" s="409"/>
      <c r="AO24" s="409"/>
      <c r="AP24" s="409"/>
      <c r="AQ24" s="409"/>
      <c r="AR24" s="410"/>
      <c r="AS24" s="408">
        <v>2721</v>
      </c>
      <c r="AT24" s="409"/>
      <c r="AU24" s="409"/>
      <c r="AV24" s="409"/>
      <c r="AW24" s="409"/>
      <c r="AX24" s="468"/>
      <c r="AY24" s="428" t="s">
        <v>176</v>
      </c>
      <c r="AZ24" s="429"/>
      <c r="BA24" s="429"/>
      <c r="BB24" s="429"/>
      <c r="BC24" s="429"/>
      <c r="BD24" s="429"/>
      <c r="BE24" s="429"/>
      <c r="BF24" s="429"/>
      <c r="BG24" s="429"/>
      <c r="BH24" s="429"/>
      <c r="BI24" s="429"/>
      <c r="BJ24" s="429"/>
      <c r="BK24" s="429"/>
      <c r="BL24" s="429"/>
      <c r="BM24" s="430"/>
      <c r="BN24" s="455">
        <v>1614104</v>
      </c>
      <c r="BO24" s="456"/>
      <c r="BP24" s="456"/>
      <c r="BQ24" s="456"/>
      <c r="BR24" s="456"/>
      <c r="BS24" s="456"/>
      <c r="BT24" s="456"/>
      <c r="BU24" s="457"/>
      <c r="BV24" s="455">
        <v>1690236</v>
      </c>
      <c r="BW24" s="456"/>
      <c r="BX24" s="456"/>
      <c r="BY24" s="456"/>
      <c r="BZ24" s="456"/>
      <c r="CA24" s="456"/>
      <c r="CB24" s="456"/>
      <c r="CC24" s="457"/>
      <c r="CD24" s="190"/>
      <c r="CE24" s="487"/>
      <c r="CF24" s="487"/>
      <c r="CG24" s="487"/>
      <c r="CH24" s="487"/>
      <c r="CI24" s="487"/>
      <c r="CJ24" s="487"/>
      <c r="CK24" s="487"/>
      <c r="CL24" s="487"/>
      <c r="CM24" s="487"/>
      <c r="CN24" s="487"/>
      <c r="CO24" s="487"/>
      <c r="CP24" s="487"/>
      <c r="CQ24" s="487"/>
      <c r="CR24" s="487"/>
      <c r="CS24" s="488"/>
      <c r="CT24" s="452"/>
      <c r="CU24" s="453"/>
      <c r="CV24" s="453"/>
      <c r="CW24" s="453"/>
      <c r="CX24" s="453"/>
      <c r="CY24" s="453"/>
      <c r="CZ24" s="453"/>
      <c r="DA24" s="454"/>
      <c r="DB24" s="452"/>
      <c r="DC24" s="453"/>
      <c r="DD24" s="453"/>
      <c r="DE24" s="453"/>
      <c r="DF24" s="453"/>
      <c r="DG24" s="453"/>
      <c r="DH24" s="453"/>
      <c r="DI24" s="454"/>
    </row>
    <row r="25" spans="1:113" ht="18.75" customHeight="1" x14ac:dyDescent="0.2">
      <c r="A25" s="177"/>
      <c r="B25" s="434"/>
      <c r="C25" s="435"/>
      <c r="D25" s="436"/>
      <c r="E25" s="411" t="s">
        <v>177</v>
      </c>
      <c r="F25" s="412"/>
      <c r="G25" s="412"/>
      <c r="H25" s="412"/>
      <c r="I25" s="412"/>
      <c r="J25" s="412"/>
      <c r="K25" s="413"/>
      <c r="L25" s="408">
        <v>1</v>
      </c>
      <c r="M25" s="409"/>
      <c r="N25" s="409"/>
      <c r="O25" s="409"/>
      <c r="P25" s="410"/>
      <c r="Q25" s="408">
        <v>5280</v>
      </c>
      <c r="R25" s="409"/>
      <c r="S25" s="409"/>
      <c r="T25" s="409"/>
      <c r="U25" s="409"/>
      <c r="V25" s="410"/>
      <c r="W25" s="498"/>
      <c r="X25" s="435"/>
      <c r="Y25" s="436"/>
      <c r="Z25" s="411" t="s">
        <v>178</v>
      </c>
      <c r="AA25" s="412"/>
      <c r="AB25" s="412"/>
      <c r="AC25" s="412"/>
      <c r="AD25" s="412"/>
      <c r="AE25" s="412"/>
      <c r="AF25" s="412"/>
      <c r="AG25" s="413"/>
      <c r="AH25" s="408" t="s">
        <v>140</v>
      </c>
      <c r="AI25" s="409"/>
      <c r="AJ25" s="409"/>
      <c r="AK25" s="409"/>
      <c r="AL25" s="410"/>
      <c r="AM25" s="408" t="s">
        <v>179</v>
      </c>
      <c r="AN25" s="409"/>
      <c r="AO25" s="409"/>
      <c r="AP25" s="409"/>
      <c r="AQ25" s="409"/>
      <c r="AR25" s="410"/>
      <c r="AS25" s="408" t="s">
        <v>140</v>
      </c>
      <c r="AT25" s="409"/>
      <c r="AU25" s="409"/>
      <c r="AV25" s="409"/>
      <c r="AW25" s="409"/>
      <c r="AX25" s="468"/>
      <c r="AY25" s="481" t="s">
        <v>180</v>
      </c>
      <c r="AZ25" s="482"/>
      <c r="BA25" s="482"/>
      <c r="BB25" s="482"/>
      <c r="BC25" s="482"/>
      <c r="BD25" s="482"/>
      <c r="BE25" s="482"/>
      <c r="BF25" s="482"/>
      <c r="BG25" s="482"/>
      <c r="BH25" s="482"/>
      <c r="BI25" s="482"/>
      <c r="BJ25" s="482"/>
      <c r="BK25" s="482"/>
      <c r="BL25" s="482"/>
      <c r="BM25" s="483"/>
      <c r="BN25" s="484">
        <v>618631</v>
      </c>
      <c r="BO25" s="485"/>
      <c r="BP25" s="485"/>
      <c r="BQ25" s="485"/>
      <c r="BR25" s="485"/>
      <c r="BS25" s="485"/>
      <c r="BT25" s="485"/>
      <c r="BU25" s="486"/>
      <c r="BV25" s="484">
        <v>730317</v>
      </c>
      <c r="BW25" s="485"/>
      <c r="BX25" s="485"/>
      <c r="BY25" s="485"/>
      <c r="BZ25" s="485"/>
      <c r="CA25" s="485"/>
      <c r="CB25" s="485"/>
      <c r="CC25" s="486"/>
      <c r="CD25" s="190"/>
      <c r="CE25" s="487"/>
      <c r="CF25" s="487"/>
      <c r="CG25" s="487"/>
      <c r="CH25" s="487"/>
      <c r="CI25" s="487"/>
      <c r="CJ25" s="487"/>
      <c r="CK25" s="487"/>
      <c r="CL25" s="487"/>
      <c r="CM25" s="487"/>
      <c r="CN25" s="487"/>
      <c r="CO25" s="487"/>
      <c r="CP25" s="487"/>
      <c r="CQ25" s="487"/>
      <c r="CR25" s="487"/>
      <c r="CS25" s="488"/>
      <c r="CT25" s="452"/>
      <c r="CU25" s="453"/>
      <c r="CV25" s="453"/>
      <c r="CW25" s="453"/>
      <c r="CX25" s="453"/>
      <c r="CY25" s="453"/>
      <c r="CZ25" s="453"/>
      <c r="DA25" s="454"/>
      <c r="DB25" s="452"/>
      <c r="DC25" s="453"/>
      <c r="DD25" s="453"/>
      <c r="DE25" s="453"/>
      <c r="DF25" s="453"/>
      <c r="DG25" s="453"/>
      <c r="DH25" s="453"/>
      <c r="DI25" s="454"/>
    </row>
    <row r="26" spans="1:113" ht="18.75" customHeight="1" x14ac:dyDescent="0.2">
      <c r="A26" s="177"/>
      <c r="B26" s="434"/>
      <c r="C26" s="435"/>
      <c r="D26" s="436"/>
      <c r="E26" s="411" t="s">
        <v>181</v>
      </c>
      <c r="F26" s="412"/>
      <c r="G26" s="412"/>
      <c r="H26" s="412"/>
      <c r="I26" s="412"/>
      <c r="J26" s="412"/>
      <c r="K26" s="413"/>
      <c r="L26" s="408">
        <v>1</v>
      </c>
      <c r="M26" s="409"/>
      <c r="N26" s="409"/>
      <c r="O26" s="409"/>
      <c r="P26" s="410"/>
      <c r="Q26" s="408">
        <v>5000</v>
      </c>
      <c r="R26" s="409"/>
      <c r="S26" s="409"/>
      <c r="T26" s="409"/>
      <c r="U26" s="409"/>
      <c r="V26" s="410"/>
      <c r="W26" s="498"/>
      <c r="X26" s="435"/>
      <c r="Y26" s="436"/>
      <c r="Z26" s="411" t="s">
        <v>182</v>
      </c>
      <c r="AA26" s="466"/>
      <c r="AB26" s="466"/>
      <c r="AC26" s="466"/>
      <c r="AD26" s="466"/>
      <c r="AE26" s="466"/>
      <c r="AF26" s="466"/>
      <c r="AG26" s="467"/>
      <c r="AH26" s="408">
        <v>1</v>
      </c>
      <c r="AI26" s="409"/>
      <c r="AJ26" s="409"/>
      <c r="AK26" s="409"/>
      <c r="AL26" s="410"/>
      <c r="AM26" s="408" t="s">
        <v>183</v>
      </c>
      <c r="AN26" s="409"/>
      <c r="AO26" s="409"/>
      <c r="AP26" s="409"/>
      <c r="AQ26" s="409"/>
      <c r="AR26" s="410"/>
      <c r="AS26" s="408" t="s">
        <v>184</v>
      </c>
      <c r="AT26" s="409"/>
      <c r="AU26" s="409"/>
      <c r="AV26" s="409"/>
      <c r="AW26" s="409"/>
      <c r="AX26" s="468"/>
      <c r="AY26" s="495" t="s">
        <v>185</v>
      </c>
      <c r="AZ26" s="415"/>
      <c r="BA26" s="415"/>
      <c r="BB26" s="415"/>
      <c r="BC26" s="415"/>
      <c r="BD26" s="415"/>
      <c r="BE26" s="415"/>
      <c r="BF26" s="415"/>
      <c r="BG26" s="415"/>
      <c r="BH26" s="415"/>
      <c r="BI26" s="415"/>
      <c r="BJ26" s="415"/>
      <c r="BK26" s="415"/>
      <c r="BL26" s="415"/>
      <c r="BM26" s="496"/>
      <c r="BN26" s="455" t="s">
        <v>140</v>
      </c>
      <c r="BO26" s="456"/>
      <c r="BP26" s="456"/>
      <c r="BQ26" s="456"/>
      <c r="BR26" s="456"/>
      <c r="BS26" s="456"/>
      <c r="BT26" s="456"/>
      <c r="BU26" s="457"/>
      <c r="BV26" s="455" t="s">
        <v>140</v>
      </c>
      <c r="BW26" s="456"/>
      <c r="BX26" s="456"/>
      <c r="BY26" s="456"/>
      <c r="BZ26" s="456"/>
      <c r="CA26" s="456"/>
      <c r="CB26" s="456"/>
      <c r="CC26" s="457"/>
      <c r="CD26" s="190"/>
      <c r="CE26" s="487"/>
      <c r="CF26" s="487"/>
      <c r="CG26" s="487"/>
      <c r="CH26" s="487"/>
      <c r="CI26" s="487"/>
      <c r="CJ26" s="487"/>
      <c r="CK26" s="487"/>
      <c r="CL26" s="487"/>
      <c r="CM26" s="487"/>
      <c r="CN26" s="487"/>
      <c r="CO26" s="487"/>
      <c r="CP26" s="487"/>
      <c r="CQ26" s="487"/>
      <c r="CR26" s="487"/>
      <c r="CS26" s="488"/>
      <c r="CT26" s="452"/>
      <c r="CU26" s="453"/>
      <c r="CV26" s="453"/>
      <c r="CW26" s="453"/>
      <c r="CX26" s="453"/>
      <c r="CY26" s="453"/>
      <c r="CZ26" s="453"/>
      <c r="DA26" s="454"/>
      <c r="DB26" s="452"/>
      <c r="DC26" s="453"/>
      <c r="DD26" s="453"/>
      <c r="DE26" s="453"/>
      <c r="DF26" s="453"/>
      <c r="DG26" s="453"/>
      <c r="DH26" s="453"/>
      <c r="DI26" s="454"/>
    </row>
    <row r="27" spans="1:113" ht="18.75" customHeight="1" thickBot="1" x14ac:dyDescent="0.25">
      <c r="A27" s="177"/>
      <c r="B27" s="434"/>
      <c r="C27" s="435"/>
      <c r="D27" s="436"/>
      <c r="E27" s="411" t="s">
        <v>186</v>
      </c>
      <c r="F27" s="412"/>
      <c r="G27" s="412"/>
      <c r="H27" s="412"/>
      <c r="I27" s="412"/>
      <c r="J27" s="412"/>
      <c r="K27" s="413"/>
      <c r="L27" s="408">
        <v>1</v>
      </c>
      <c r="M27" s="409"/>
      <c r="N27" s="409"/>
      <c r="O27" s="409"/>
      <c r="P27" s="410"/>
      <c r="Q27" s="408">
        <v>3370</v>
      </c>
      <c r="R27" s="409"/>
      <c r="S27" s="409"/>
      <c r="T27" s="409"/>
      <c r="U27" s="409"/>
      <c r="V27" s="410"/>
      <c r="W27" s="498"/>
      <c r="X27" s="435"/>
      <c r="Y27" s="436"/>
      <c r="Z27" s="411" t="s">
        <v>187</v>
      </c>
      <c r="AA27" s="412"/>
      <c r="AB27" s="412"/>
      <c r="AC27" s="412"/>
      <c r="AD27" s="412"/>
      <c r="AE27" s="412"/>
      <c r="AF27" s="412"/>
      <c r="AG27" s="413"/>
      <c r="AH27" s="408">
        <v>4</v>
      </c>
      <c r="AI27" s="409"/>
      <c r="AJ27" s="409"/>
      <c r="AK27" s="409"/>
      <c r="AL27" s="410"/>
      <c r="AM27" s="408">
        <v>12663</v>
      </c>
      <c r="AN27" s="409"/>
      <c r="AO27" s="409"/>
      <c r="AP27" s="409"/>
      <c r="AQ27" s="409"/>
      <c r="AR27" s="410"/>
      <c r="AS27" s="408">
        <v>3166</v>
      </c>
      <c r="AT27" s="409"/>
      <c r="AU27" s="409"/>
      <c r="AV27" s="409"/>
      <c r="AW27" s="409"/>
      <c r="AX27" s="468"/>
      <c r="AY27" s="492" t="s">
        <v>188</v>
      </c>
      <c r="AZ27" s="493"/>
      <c r="BA27" s="493"/>
      <c r="BB27" s="493"/>
      <c r="BC27" s="493"/>
      <c r="BD27" s="493"/>
      <c r="BE27" s="493"/>
      <c r="BF27" s="493"/>
      <c r="BG27" s="493"/>
      <c r="BH27" s="493"/>
      <c r="BI27" s="493"/>
      <c r="BJ27" s="493"/>
      <c r="BK27" s="493"/>
      <c r="BL27" s="493"/>
      <c r="BM27" s="494"/>
      <c r="BN27" s="489" t="s">
        <v>189</v>
      </c>
      <c r="BO27" s="490"/>
      <c r="BP27" s="490"/>
      <c r="BQ27" s="490"/>
      <c r="BR27" s="490"/>
      <c r="BS27" s="490"/>
      <c r="BT27" s="490"/>
      <c r="BU27" s="491"/>
      <c r="BV27" s="489" t="s">
        <v>140</v>
      </c>
      <c r="BW27" s="490"/>
      <c r="BX27" s="490"/>
      <c r="BY27" s="490"/>
      <c r="BZ27" s="490"/>
      <c r="CA27" s="490"/>
      <c r="CB27" s="490"/>
      <c r="CC27" s="491"/>
      <c r="CD27" s="192"/>
      <c r="CE27" s="487"/>
      <c r="CF27" s="487"/>
      <c r="CG27" s="487"/>
      <c r="CH27" s="487"/>
      <c r="CI27" s="487"/>
      <c r="CJ27" s="487"/>
      <c r="CK27" s="487"/>
      <c r="CL27" s="487"/>
      <c r="CM27" s="487"/>
      <c r="CN27" s="487"/>
      <c r="CO27" s="487"/>
      <c r="CP27" s="487"/>
      <c r="CQ27" s="487"/>
      <c r="CR27" s="487"/>
      <c r="CS27" s="488"/>
      <c r="CT27" s="452"/>
      <c r="CU27" s="453"/>
      <c r="CV27" s="453"/>
      <c r="CW27" s="453"/>
      <c r="CX27" s="453"/>
      <c r="CY27" s="453"/>
      <c r="CZ27" s="453"/>
      <c r="DA27" s="454"/>
      <c r="DB27" s="452"/>
      <c r="DC27" s="453"/>
      <c r="DD27" s="453"/>
      <c r="DE27" s="453"/>
      <c r="DF27" s="453"/>
      <c r="DG27" s="453"/>
      <c r="DH27" s="453"/>
      <c r="DI27" s="454"/>
    </row>
    <row r="28" spans="1:113" ht="18.75" customHeight="1" x14ac:dyDescent="0.2">
      <c r="A28" s="177"/>
      <c r="B28" s="434"/>
      <c r="C28" s="435"/>
      <c r="D28" s="436"/>
      <c r="E28" s="411" t="s">
        <v>190</v>
      </c>
      <c r="F28" s="412"/>
      <c r="G28" s="412"/>
      <c r="H28" s="412"/>
      <c r="I28" s="412"/>
      <c r="J28" s="412"/>
      <c r="K28" s="413"/>
      <c r="L28" s="408">
        <v>1</v>
      </c>
      <c r="M28" s="409"/>
      <c r="N28" s="409"/>
      <c r="O28" s="409"/>
      <c r="P28" s="410"/>
      <c r="Q28" s="408">
        <v>2570</v>
      </c>
      <c r="R28" s="409"/>
      <c r="S28" s="409"/>
      <c r="T28" s="409"/>
      <c r="U28" s="409"/>
      <c r="V28" s="410"/>
      <c r="W28" s="498"/>
      <c r="X28" s="435"/>
      <c r="Y28" s="436"/>
      <c r="Z28" s="411" t="s">
        <v>191</v>
      </c>
      <c r="AA28" s="412"/>
      <c r="AB28" s="412"/>
      <c r="AC28" s="412"/>
      <c r="AD28" s="412"/>
      <c r="AE28" s="412"/>
      <c r="AF28" s="412"/>
      <c r="AG28" s="413"/>
      <c r="AH28" s="408" t="s">
        <v>189</v>
      </c>
      <c r="AI28" s="409"/>
      <c r="AJ28" s="409"/>
      <c r="AK28" s="409"/>
      <c r="AL28" s="410"/>
      <c r="AM28" s="408" t="s">
        <v>179</v>
      </c>
      <c r="AN28" s="409"/>
      <c r="AO28" s="409"/>
      <c r="AP28" s="409"/>
      <c r="AQ28" s="409"/>
      <c r="AR28" s="410"/>
      <c r="AS28" s="408" t="s">
        <v>140</v>
      </c>
      <c r="AT28" s="409"/>
      <c r="AU28" s="409"/>
      <c r="AV28" s="409"/>
      <c r="AW28" s="409"/>
      <c r="AX28" s="468"/>
      <c r="AY28" s="472" t="s">
        <v>192</v>
      </c>
      <c r="AZ28" s="473"/>
      <c r="BA28" s="473"/>
      <c r="BB28" s="474"/>
      <c r="BC28" s="481" t="s">
        <v>50</v>
      </c>
      <c r="BD28" s="482"/>
      <c r="BE28" s="482"/>
      <c r="BF28" s="482"/>
      <c r="BG28" s="482"/>
      <c r="BH28" s="482"/>
      <c r="BI28" s="482"/>
      <c r="BJ28" s="482"/>
      <c r="BK28" s="482"/>
      <c r="BL28" s="482"/>
      <c r="BM28" s="483"/>
      <c r="BN28" s="484">
        <v>445000</v>
      </c>
      <c r="BO28" s="485"/>
      <c r="BP28" s="485"/>
      <c r="BQ28" s="485"/>
      <c r="BR28" s="485"/>
      <c r="BS28" s="485"/>
      <c r="BT28" s="485"/>
      <c r="BU28" s="486"/>
      <c r="BV28" s="484">
        <v>335000</v>
      </c>
      <c r="BW28" s="485"/>
      <c r="BX28" s="485"/>
      <c r="BY28" s="485"/>
      <c r="BZ28" s="485"/>
      <c r="CA28" s="485"/>
      <c r="CB28" s="485"/>
      <c r="CC28" s="486"/>
      <c r="CD28" s="190"/>
      <c r="CE28" s="487"/>
      <c r="CF28" s="487"/>
      <c r="CG28" s="487"/>
      <c r="CH28" s="487"/>
      <c r="CI28" s="487"/>
      <c r="CJ28" s="487"/>
      <c r="CK28" s="487"/>
      <c r="CL28" s="487"/>
      <c r="CM28" s="487"/>
      <c r="CN28" s="487"/>
      <c r="CO28" s="487"/>
      <c r="CP28" s="487"/>
      <c r="CQ28" s="487"/>
      <c r="CR28" s="487"/>
      <c r="CS28" s="488"/>
      <c r="CT28" s="452"/>
      <c r="CU28" s="453"/>
      <c r="CV28" s="453"/>
      <c r="CW28" s="453"/>
      <c r="CX28" s="453"/>
      <c r="CY28" s="453"/>
      <c r="CZ28" s="453"/>
      <c r="DA28" s="454"/>
      <c r="DB28" s="452"/>
      <c r="DC28" s="453"/>
      <c r="DD28" s="453"/>
      <c r="DE28" s="453"/>
      <c r="DF28" s="453"/>
      <c r="DG28" s="453"/>
      <c r="DH28" s="453"/>
      <c r="DI28" s="454"/>
    </row>
    <row r="29" spans="1:113" ht="18.75" customHeight="1" x14ac:dyDescent="0.2">
      <c r="A29" s="177"/>
      <c r="B29" s="434"/>
      <c r="C29" s="435"/>
      <c r="D29" s="436"/>
      <c r="E29" s="411" t="s">
        <v>193</v>
      </c>
      <c r="F29" s="412"/>
      <c r="G29" s="412"/>
      <c r="H29" s="412"/>
      <c r="I29" s="412"/>
      <c r="J29" s="412"/>
      <c r="K29" s="413"/>
      <c r="L29" s="408">
        <v>8</v>
      </c>
      <c r="M29" s="409"/>
      <c r="N29" s="409"/>
      <c r="O29" s="409"/>
      <c r="P29" s="410"/>
      <c r="Q29" s="408">
        <v>2420</v>
      </c>
      <c r="R29" s="409"/>
      <c r="S29" s="409"/>
      <c r="T29" s="409"/>
      <c r="U29" s="409"/>
      <c r="V29" s="410"/>
      <c r="W29" s="499"/>
      <c r="X29" s="500"/>
      <c r="Y29" s="501"/>
      <c r="Z29" s="411" t="s">
        <v>194</v>
      </c>
      <c r="AA29" s="412"/>
      <c r="AB29" s="412"/>
      <c r="AC29" s="412"/>
      <c r="AD29" s="412"/>
      <c r="AE29" s="412"/>
      <c r="AF29" s="412"/>
      <c r="AG29" s="413"/>
      <c r="AH29" s="408">
        <v>80</v>
      </c>
      <c r="AI29" s="409"/>
      <c r="AJ29" s="409"/>
      <c r="AK29" s="409"/>
      <c r="AL29" s="410"/>
      <c r="AM29" s="408">
        <v>219459</v>
      </c>
      <c r="AN29" s="409"/>
      <c r="AO29" s="409"/>
      <c r="AP29" s="409"/>
      <c r="AQ29" s="409"/>
      <c r="AR29" s="410"/>
      <c r="AS29" s="408">
        <v>2743</v>
      </c>
      <c r="AT29" s="409"/>
      <c r="AU29" s="409"/>
      <c r="AV29" s="409"/>
      <c r="AW29" s="409"/>
      <c r="AX29" s="468"/>
      <c r="AY29" s="475"/>
      <c r="AZ29" s="476"/>
      <c r="BA29" s="476"/>
      <c r="BB29" s="477"/>
      <c r="BC29" s="469" t="s">
        <v>195</v>
      </c>
      <c r="BD29" s="470"/>
      <c r="BE29" s="470"/>
      <c r="BF29" s="470"/>
      <c r="BG29" s="470"/>
      <c r="BH29" s="470"/>
      <c r="BI29" s="470"/>
      <c r="BJ29" s="470"/>
      <c r="BK29" s="470"/>
      <c r="BL29" s="470"/>
      <c r="BM29" s="471"/>
      <c r="BN29" s="455">
        <v>1</v>
      </c>
      <c r="BO29" s="456"/>
      <c r="BP29" s="456"/>
      <c r="BQ29" s="456"/>
      <c r="BR29" s="456"/>
      <c r="BS29" s="456"/>
      <c r="BT29" s="456"/>
      <c r="BU29" s="457"/>
      <c r="BV29" s="455">
        <v>1</v>
      </c>
      <c r="BW29" s="456"/>
      <c r="BX29" s="456"/>
      <c r="BY29" s="456"/>
      <c r="BZ29" s="456"/>
      <c r="CA29" s="456"/>
      <c r="CB29" s="456"/>
      <c r="CC29" s="457"/>
      <c r="CD29" s="192"/>
      <c r="CE29" s="487"/>
      <c r="CF29" s="487"/>
      <c r="CG29" s="487"/>
      <c r="CH29" s="487"/>
      <c r="CI29" s="487"/>
      <c r="CJ29" s="487"/>
      <c r="CK29" s="487"/>
      <c r="CL29" s="487"/>
      <c r="CM29" s="487"/>
      <c r="CN29" s="487"/>
      <c r="CO29" s="487"/>
      <c r="CP29" s="487"/>
      <c r="CQ29" s="487"/>
      <c r="CR29" s="487"/>
      <c r="CS29" s="488"/>
      <c r="CT29" s="452"/>
      <c r="CU29" s="453"/>
      <c r="CV29" s="453"/>
      <c r="CW29" s="453"/>
      <c r="CX29" s="453"/>
      <c r="CY29" s="453"/>
      <c r="CZ29" s="453"/>
      <c r="DA29" s="454"/>
      <c r="DB29" s="452"/>
      <c r="DC29" s="453"/>
      <c r="DD29" s="453"/>
      <c r="DE29" s="453"/>
      <c r="DF29" s="453"/>
      <c r="DG29" s="453"/>
      <c r="DH29" s="453"/>
      <c r="DI29" s="454"/>
    </row>
    <row r="30" spans="1:113" ht="18.75" customHeight="1" thickBot="1" x14ac:dyDescent="0.25">
      <c r="A30" s="177"/>
      <c r="B30" s="437"/>
      <c r="C30" s="438"/>
      <c r="D30" s="439"/>
      <c r="E30" s="416"/>
      <c r="F30" s="417"/>
      <c r="G30" s="417"/>
      <c r="H30" s="417"/>
      <c r="I30" s="417"/>
      <c r="J30" s="417"/>
      <c r="K30" s="418"/>
      <c r="L30" s="419"/>
      <c r="M30" s="420"/>
      <c r="N30" s="420"/>
      <c r="O30" s="420"/>
      <c r="P30" s="421"/>
      <c r="Q30" s="419"/>
      <c r="R30" s="420"/>
      <c r="S30" s="420"/>
      <c r="T30" s="420"/>
      <c r="U30" s="420"/>
      <c r="V30" s="421"/>
      <c r="W30" s="422" t="s">
        <v>196</v>
      </c>
      <c r="X30" s="423"/>
      <c r="Y30" s="423"/>
      <c r="Z30" s="423"/>
      <c r="AA30" s="423"/>
      <c r="AB30" s="423"/>
      <c r="AC30" s="423"/>
      <c r="AD30" s="423"/>
      <c r="AE30" s="423"/>
      <c r="AF30" s="423"/>
      <c r="AG30" s="424"/>
      <c r="AH30" s="425">
        <v>92.5</v>
      </c>
      <c r="AI30" s="426"/>
      <c r="AJ30" s="426"/>
      <c r="AK30" s="426"/>
      <c r="AL30" s="426"/>
      <c r="AM30" s="426"/>
      <c r="AN30" s="426"/>
      <c r="AO30" s="426"/>
      <c r="AP30" s="426"/>
      <c r="AQ30" s="426"/>
      <c r="AR30" s="426"/>
      <c r="AS30" s="426"/>
      <c r="AT30" s="426"/>
      <c r="AU30" s="426"/>
      <c r="AV30" s="426"/>
      <c r="AW30" s="426"/>
      <c r="AX30" s="427"/>
      <c r="AY30" s="478"/>
      <c r="AZ30" s="479"/>
      <c r="BA30" s="479"/>
      <c r="BB30" s="480"/>
      <c r="BC30" s="428" t="s">
        <v>52</v>
      </c>
      <c r="BD30" s="429"/>
      <c r="BE30" s="429"/>
      <c r="BF30" s="429"/>
      <c r="BG30" s="429"/>
      <c r="BH30" s="429"/>
      <c r="BI30" s="429"/>
      <c r="BJ30" s="429"/>
      <c r="BK30" s="429"/>
      <c r="BL30" s="429"/>
      <c r="BM30" s="430"/>
      <c r="BN30" s="489">
        <v>315089</v>
      </c>
      <c r="BO30" s="490"/>
      <c r="BP30" s="490"/>
      <c r="BQ30" s="490"/>
      <c r="BR30" s="490"/>
      <c r="BS30" s="490"/>
      <c r="BT30" s="490"/>
      <c r="BU30" s="491"/>
      <c r="BV30" s="489">
        <v>215455</v>
      </c>
      <c r="BW30" s="490"/>
      <c r="BX30" s="490"/>
      <c r="BY30" s="490"/>
      <c r="BZ30" s="490"/>
      <c r="CA30" s="490"/>
      <c r="CB30" s="490"/>
      <c r="CC30" s="491"/>
      <c r="CD30" s="193"/>
      <c r="CE30" s="194"/>
      <c r="CF30" s="194"/>
      <c r="CG30" s="194"/>
      <c r="CH30" s="194"/>
      <c r="CI30" s="194"/>
      <c r="CJ30" s="194"/>
      <c r="CK30" s="194"/>
      <c r="CL30" s="194"/>
      <c r="CM30" s="194"/>
      <c r="CN30" s="194"/>
      <c r="CO30" s="194"/>
      <c r="CP30" s="194"/>
      <c r="CQ30" s="194"/>
      <c r="CR30" s="194"/>
      <c r="CS30" s="195"/>
      <c r="CT30" s="196"/>
      <c r="CU30" s="197"/>
      <c r="CV30" s="197"/>
      <c r="CW30" s="197"/>
      <c r="CX30" s="197"/>
      <c r="CY30" s="197"/>
      <c r="CZ30" s="197"/>
      <c r="DA30" s="198"/>
      <c r="DB30" s="196"/>
      <c r="DC30" s="197"/>
      <c r="DD30" s="197"/>
      <c r="DE30" s="197"/>
      <c r="DF30" s="197"/>
      <c r="DG30" s="197"/>
      <c r="DH30" s="197"/>
      <c r="DI30" s="198"/>
    </row>
    <row r="31" spans="1:113" ht="13.5" customHeight="1" x14ac:dyDescent="0.2">
      <c r="A31" s="177"/>
      <c r="B31" s="199"/>
      <c r="DI31" s="200"/>
    </row>
    <row r="32" spans="1:113" ht="13.5" customHeight="1" x14ac:dyDescent="0.2">
      <c r="A32" s="177"/>
      <c r="B32" s="201"/>
      <c r="C32" s="414" t="s">
        <v>197</v>
      </c>
      <c r="D32" s="414"/>
      <c r="E32" s="414"/>
      <c r="F32" s="414"/>
      <c r="G32" s="414"/>
      <c r="H32" s="414"/>
      <c r="I32" s="414"/>
      <c r="J32" s="414"/>
      <c r="K32" s="414"/>
      <c r="L32" s="414"/>
      <c r="M32" s="414"/>
      <c r="N32" s="414"/>
      <c r="O32" s="414"/>
      <c r="P32" s="414"/>
      <c r="Q32" s="414"/>
      <c r="R32" s="414"/>
      <c r="S32" s="414"/>
      <c r="U32" s="415" t="s">
        <v>198</v>
      </c>
      <c r="V32" s="415"/>
      <c r="W32" s="415"/>
      <c r="X32" s="415"/>
      <c r="Y32" s="415"/>
      <c r="Z32" s="415"/>
      <c r="AA32" s="415"/>
      <c r="AB32" s="415"/>
      <c r="AC32" s="415"/>
      <c r="AD32" s="415"/>
      <c r="AE32" s="415"/>
      <c r="AF32" s="415"/>
      <c r="AG32" s="415"/>
      <c r="AH32" s="415"/>
      <c r="AI32" s="415"/>
      <c r="AJ32" s="415"/>
      <c r="AK32" s="415"/>
      <c r="AM32" s="415" t="s">
        <v>199</v>
      </c>
      <c r="AN32" s="415"/>
      <c r="AO32" s="415"/>
      <c r="AP32" s="415"/>
      <c r="AQ32" s="415"/>
      <c r="AR32" s="415"/>
      <c r="AS32" s="415"/>
      <c r="AT32" s="415"/>
      <c r="AU32" s="415"/>
      <c r="AV32" s="415"/>
      <c r="AW32" s="415"/>
      <c r="AX32" s="415"/>
      <c r="AY32" s="415"/>
      <c r="AZ32" s="415"/>
      <c r="BA32" s="415"/>
      <c r="BB32" s="415"/>
      <c r="BC32" s="415"/>
      <c r="BE32" s="415" t="s">
        <v>200</v>
      </c>
      <c r="BF32" s="415"/>
      <c r="BG32" s="415"/>
      <c r="BH32" s="415"/>
      <c r="BI32" s="415"/>
      <c r="BJ32" s="415"/>
      <c r="BK32" s="415"/>
      <c r="BL32" s="415"/>
      <c r="BM32" s="415"/>
      <c r="BN32" s="415"/>
      <c r="BO32" s="415"/>
      <c r="BP32" s="415"/>
      <c r="BQ32" s="415"/>
      <c r="BR32" s="415"/>
      <c r="BS32" s="415"/>
      <c r="BT32" s="415"/>
      <c r="BU32" s="415"/>
      <c r="BW32" s="415" t="s">
        <v>201</v>
      </c>
      <c r="BX32" s="415"/>
      <c r="BY32" s="415"/>
      <c r="BZ32" s="415"/>
      <c r="CA32" s="415"/>
      <c r="CB32" s="415"/>
      <c r="CC32" s="415"/>
      <c r="CD32" s="415"/>
      <c r="CE32" s="415"/>
      <c r="CF32" s="415"/>
      <c r="CG32" s="415"/>
      <c r="CH32" s="415"/>
      <c r="CI32" s="415"/>
      <c r="CJ32" s="415"/>
      <c r="CK32" s="415"/>
      <c r="CL32" s="415"/>
      <c r="CM32" s="415"/>
      <c r="CO32" s="415" t="s">
        <v>202</v>
      </c>
      <c r="CP32" s="415"/>
      <c r="CQ32" s="415"/>
      <c r="CR32" s="415"/>
      <c r="CS32" s="415"/>
      <c r="CT32" s="415"/>
      <c r="CU32" s="415"/>
      <c r="CV32" s="415"/>
      <c r="CW32" s="415"/>
      <c r="CX32" s="415"/>
      <c r="CY32" s="415"/>
      <c r="CZ32" s="415"/>
      <c r="DA32" s="415"/>
      <c r="DB32" s="415"/>
      <c r="DC32" s="415"/>
      <c r="DD32" s="415"/>
      <c r="DE32" s="415"/>
      <c r="DI32" s="200"/>
    </row>
    <row r="33" spans="1:113" ht="13.5" customHeight="1" x14ac:dyDescent="0.2">
      <c r="A33" s="177"/>
      <c r="B33" s="201"/>
      <c r="C33" s="407" t="s">
        <v>203</v>
      </c>
      <c r="D33" s="407"/>
      <c r="E33" s="406" t="s">
        <v>204</v>
      </c>
      <c r="F33" s="406"/>
      <c r="G33" s="406"/>
      <c r="H33" s="406"/>
      <c r="I33" s="406"/>
      <c r="J33" s="406"/>
      <c r="K33" s="406"/>
      <c r="L33" s="406"/>
      <c r="M33" s="406"/>
      <c r="N33" s="406"/>
      <c r="O33" s="406"/>
      <c r="P33" s="406"/>
      <c r="Q33" s="406"/>
      <c r="R33" s="406"/>
      <c r="S33" s="406"/>
      <c r="T33" s="202"/>
      <c r="U33" s="407" t="s">
        <v>203</v>
      </c>
      <c r="V33" s="407"/>
      <c r="W33" s="406" t="s">
        <v>205</v>
      </c>
      <c r="X33" s="406"/>
      <c r="Y33" s="406"/>
      <c r="Z33" s="406"/>
      <c r="AA33" s="406"/>
      <c r="AB33" s="406"/>
      <c r="AC33" s="406"/>
      <c r="AD33" s="406"/>
      <c r="AE33" s="406"/>
      <c r="AF33" s="406"/>
      <c r="AG33" s="406"/>
      <c r="AH33" s="406"/>
      <c r="AI33" s="406"/>
      <c r="AJ33" s="406"/>
      <c r="AK33" s="406"/>
      <c r="AL33" s="202"/>
      <c r="AM33" s="407" t="s">
        <v>203</v>
      </c>
      <c r="AN33" s="407"/>
      <c r="AO33" s="406" t="s">
        <v>206</v>
      </c>
      <c r="AP33" s="406"/>
      <c r="AQ33" s="406"/>
      <c r="AR33" s="406"/>
      <c r="AS33" s="406"/>
      <c r="AT33" s="406"/>
      <c r="AU33" s="406"/>
      <c r="AV33" s="406"/>
      <c r="AW33" s="406"/>
      <c r="AX33" s="406"/>
      <c r="AY33" s="406"/>
      <c r="AZ33" s="406"/>
      <c r="BA33" s="406"/>
      <c r="BB33" s="406"/>
      <c r="BC33" s="406"/>
      <c r="BD33" s="203"/>
      <c r="BE33" s="406" t="s">
        <v>207</v>
      </c>
      <c r="BF33" s="406"/>
      <c r="BG33" s="406" t="s">
        <v>208</v>
      </c>
      <c r="BH33" s="406"/>
      <c r="BI33" s="406"/>
      <c r="BJ33" s="406"/>
      <c r="BK33" s="406"/>
      <c r="BL33" s="406"/>
      <c r="BM33" s="406"/>
      <c r="BN33" s="406"/>
      <c r="BO33" s="406"/>
      <c r="BP33" s="406"/>
      <c r="BQ33" s="406"/>
      <c r="BR33" s="406"/>
      <c r="BS33" s="406"/>
      <c r="BT33" s="406"/>
      <c r="BU33" s="406"/>
      <c r="BV33" s="203"/>
      <c r="BW33" s="407" t="s">
        <v>207</v>
      </c>
      <c r="BX33" s="407"/>
      <c r="BY33" s="406" t="s">
        <v>209</v>
      </c>
      <c r="BZ33" s="406"/>
      <c r="CA33" s="406"/>
      <c r="CB33" s="406"/>
      <c r="CC33" s="406"/>
      <c r="CD33" s="406"/>
      <c r="CE33" s="406"/>
      <c r="CF33" s="406"/>
      <c r="CG33" s="406"/>
      <c r="CH33" s="406"/>
      <c r="CI33" s="406"/>
      <c r="CJ33" s="406"/>
      <c r="CK33" s="406"/>
      <c r="CL33" s="406"/>
      <c r="CM33" s="406"/>
      <c r="CN33" s="202"/>
      <c r="CO33" s="407" t="s">
        <v>210</v>
      </c>
      <c r="CP33" s="407"/>
      <c r="CQ33" s="406" t="s">
        <v>211</v>
      </c>
      <c r="CR33" s="406"/>
      <c r="CS33" s="406"/>
      <c r="CT33" s="406"/>
      <c r="CU33" s="406"/>
      <c r="CV33" s="406"/>
      <c r="CW33" s="406"/>
      <c r="CX33" s="406"/>
      <c r="CY33" s="406"/>
      <c r="CZ33" s="406"/>
      <c r="DA33" s="406"/>
      <c r="DB33" s="406"/>
      <c r="DC33" s="406"/>
      <c r="DD33" s="406"/>
      <c r="DE33" s="406"/>
      <c r="DF33" s="202"/>
      <c r="DG33" s="405" t="s">
        <v>212</v>
      </c>
      <c r="DH33" s="405"/>
      <c r="DI33" s="204"/>
    </row>
    <row r="34" spans="1:113" ht="32.25" customHeight="1" x14ac:dyDescent="0.2">
      <c r="A34" s="177"/>
      <c r="B34" s="201"/>
      <c r="C34" s="403">
        <f>IF(E34="","",1)</f>
        <v>1</v>
      </c>
      <c r="D34" s="403"/>
      <c r="E34" s="404" t="str">
        <f>IF('各会計、関係団体の財政状況及び健全化判断比率'!B7="","",'各会計、関係団体の財政状況及び健全化判断比率'!B7)</f>
        <v>一般会計</v>
      </c>
      <c r="F34" s="404"/>
      <c r="G34" s="404"/>
      <c r="H34" s="404"/>
      <c r="I34" s="404"/>
      <c r="J34" s="404"/>
      <c r="K34" s="404"/>
      <c r="L34" s="404"/>
      <c r="M34" s="404"/>
      <c r="N34" s="404"/>
      <c r="O34" s="404"/>
      <c r="P34" s="404"/>
      <c r="Q34" s="404"/>
      <c r="R34" s="404"/>
      <c r="S34" s="404"/>
      <c r="T34" s="177"/>
      <c r="U34" s="403">
        <f>IF(W34="","",MAX(C34:D43)+1)</f>
        <v>3</v>
      </c>
      <c r="V34" s="403"/>
      <c r="W34" s="404" t="str">
        <f>IF('各会計、関係団体の財政状況及び健全化判断比率'!B28="","",'各会計、関係団体の財政状況及び健全化判断比率'!B28)</f>
        <v>国民健康保険事業特別会計（事業勘定）</v>
      </c>
      <c r="X34" s="404"/>
      <c r="Y34" s="404"/>
      <c r="Z34" s="404"/>
      <c r="AA34" s="404"/>
      <c r="AB34" s="404"/>
      <c r="AC34" s="404"/>
      <c r="AD34" s="404"/>
      <c r="AE34" s="404"/>
      <c r="AF34" s="404"/>
      <c r="AG34" s="404"/>
      <c r="AH34" s="404"/>
      <c r="AI34" s="404"/>
      <c r="AJ34" s="404"/>
      <c r="AK34" s="404"/>
      <c r="AL34" s="177"/>
      <c r="AM34" s="403">
        <f>IF(AO34="","",MAX(C34:D43,U34:V43)+1)</f>
        <v>8</v>
      </c>
      <c r="AN34" s="403"/>
      <c r="AO34" s="404" t="str">
        <f>IF('各会計、関係団体の財政状況及び健全化判断比率'!B33="","",'各会計、関係団体の財政状況及び健全化判断比率'!B33)</f>
        <v>水道事業会計</v>
      </c>
      <c r="AP34" s="404"/>
      <c r="AQ34" s="404"/>
      <c r="AR34" s="404"/>
      <c r="AS34" s="404"/>
      <c r="AT34" s="404"/>
      <c r="AU34" s="404"/>
      <c r="AV34" s="404"/>
      <c r="AW34" s="404"/>
      <c r="AX34" s="404"/>
      <c r="AY34" s="404"/>
      <c r="AZ34" s="404"/>
      <c r="BA34" s="404"/>
      <c r="BB34" s="404"/>
      <c r="BC34" s="404"/>
      <c r="BD34" s="177"/>
      <c r="BE34" s="403">
        <f>IF(BG34="","",MAX(C34:D43,U34:V43,AM34:AN43)+1)</f>
        <v>9</v>
      </c>
      <c r="BF34" s="403"/>
      <c r="BG34" s="404" t="str">
        <f>IF('各会計、関係団体の財政状況及び健全化判断比率'!B34="","",'各会計、関係団体の財政状況及び健全化判断比率'!B34)</f>
        <v>下水道事業特別会計</v>
      </c>
      <c r="BH34" s="404"/>
      <c r="BI34" s="404"/>
      <c r="BJ34" s="404"/>
      <c r="BK34" s="404"/>
      <c r="BL34" s="404"/>
      <c r="BM34" s="404"/>
      <c r="BN34" s="404"/>
      <c r="BO34" s="404"/>
      <c r="BP34" s="404"/>
      <c r="BQ34" s="404"/>
      <c r="BR34" s="404"/>
      <c r="BS34" s="404"/>
      <c r="BT34" s="404"/>
      <c r="BU34" s="404"/>
      <c r="BV34" s="177"/>
      <c r="BW34" s="403">
        <f>IF(BY34="","",MAX(C34:D43,U34:V43,AM34:AN43,BE34:BF43)+1)</f>
        <v>10</v>
      </c>
      <c r="BX34" s="403"/>
      <c r="BY34" s="404" t="str">
        <f>IF('各会計、関係団体の財政状況及び健全化判断比率'!B68="","",'各会計、関係団体の財政状況及び健全化判断比率'!B68)</f>
        <v>湯河原町真鶴町衛生組合</v>
      </c>
      <c r="BZ34" s="404"/>
      <c r="CA34" s="404"/>
      <c r="CB34" s="404"/>
      <c r="CC34" s="404"/>
      <c r="CD34" s="404"/>
      <c r="CE34" s="404"/>
      <c r="CF34" s="404"/>
      <c r="CG34" s="404"/>
      <c r="CH34" s="404"/>
      <c r="CI34" s="404"/>
      <c r="CJ34" s="404"/>
      <c r="CK34" s="404"/>
      <c r="CL34" s="404"/>
      <c r="CM34" s="404"/>
      <c r="CN34" s="177"/>
      <c r="CO34" s="403">
        <f>IF(CQ34="","",MAX(C34:D43,U34:V43,AM34:AN43,BE34:BF43,BW34:BX43)+1)</f>
        <v>15</v>
      </c>
      <c r="CP34" s="403"/>
      <c r="CQ34" s="404" t="str">
        <f>IF('各会計、関係団体の財政状況及び健全化判断比率'!BS7="","",'各会計、関係団体の財政状況及び健全化判断比率'!BS7)</f>
        <v>公益財団法人かながわ海岸美化財団</v>
      </c>
      <c r="CR34" s="404"/>
      <c r="CS34" s="404"/>
      <c r="CT34" s="404"/>
      <c r="CU34" s="404"/>
      <c r="CV34" s="404"/>
      <c r="CW34" s="404"/>
      <c r="CX34" s="404"/>
      <c r="CY34" s="404"/>
      <c r="CZ34" s="404"/>
      <c r="DA34" s="404"/>
      <c r="DB34" s="404"/>
      <c r="DC34" s="404"/>
      <c r="DD34" s="404"/>
      <c r="DE34" s="404"/>
      <c r="DG34" s="401" t="str">
        <f>IF('各会計、関係団体の財政状況及び健全化判断比率'!BR7="","",'各会計、関係団体の財政状況及び健全化判断比率'!BR7)</f>
        <v/>
      </c>
      <c r="DH34" s="401"/>
      <c r="DI34" s="204"/>
    </row>
    <row r="35" spans="1:113" ht="32.25" customHeight="1" x14ac:dyDescent="0.2">
      <c r="A35" s="177"/>
      <c r="B35" s="201"/>
      <c r="C35" s="403">
        <f>IF(E35="","",C34+1)</f>
        <v>2</v>
      </c>
      <c r="D35" s="403"/>
      <c r="E35" s="404" t="str">
        <f>IF('各会計、関係団体の財政状況及び健全化判断比率'!B8="","",'各会計、関係団体の財政状況及び健全化判断比率'!B8)</f>
        <v>真鶴魚座・ケープ真鶴特別会計</v>
      </c>
      <c r="F35" s="404"/>
      <c r="G35" s="404"/>
      <c r="H35" s="404"/>
      <c r="I35" s="404"/>
      <c r="J35" s="404"/>
      <c r="K35" s="404"/>
      <c r="L35" s="404"/>
      <c r="M35" s="404"/>
      <c r="N35" s="404"/>
      <c r="O35" s="404"/>
      <c r="P35" s="404"/>
      <c r="Q35" s="404"/>
      <c r="R35" s="404"/>
      <c r="S35" s="404"/>
      <c r="T35" s="177"/>
      <c r="U35" s="403">
        <f>IF(W35="","",U34+1)</f>
        <v>4</v>
      </c>
      <c r="V35" s="403"/>
      <c r="W35" s="404" t="str">
        <f>IF('各会計、関係団体の財政状況及び健全化判断比率'!B29="","",'各会計、関係団体の財政状況及び健全化判断比率'!B29)</f>
        <v>国民健康保険事業特別会計（施設勘定）</v>
      </c>
      <c r="X35" s="404"/>
      <c r="Y35" s="404"/>
      <c r="Z35" s="404"/>
      <c r="AA35" s="404"/>
      <c r="AB35" s="404"/>
      <c r="AC35" s="404"/>
      <c r="AD35" s="404"/>
      <c r="AE35" s="404"/>
      <c r="AF35" s="404"/>
      <c r="AG35" s="404"/>
      <c r="AH35" s="404"/>
      <c r="AI35" s="404"/>
      <c r="AJ35" s="404"/>
      <c r="AK35" s="404"/>
      <c r="AL35" s="177"/>
      <c r="AM35" s="403" t="str">
        <f t="shared" ref="AM35:AM43" si="0">IF(AO35="","",AM34+1)</f>
        <v/>
      </c>
      <c r="AN35" s="403"/>
      <c r="AO35" s="404"/>
      <c r="AP35" s="404"/>
      <c r="AQ35" s="404"/>
      <c r="AR35" s="404"/>
      <c r="AS35" s="404"/>
      <c r="AT35" s="404"/>
      <c r="AU35" s="404"/>
      <c r="AV35" s="404"/>
      <c r="AW35" s="404"/>
      <c r="AX35" s="404"/>
      <c r="AY35" s="404"/>
      <c r="AZ35" s="404"/>
      <c r="BA35" s="404"/>
      <c r="BB35" s="404"/>
      <c r="BC35" s="404"/>
      <c r="BD35" s="177"/>
      <c r="BE35" s="403" t="str">
        <f t="shared" ref="BE35:BE43" si="1">IF(BG35="","",BE34+1)</f>
        <v/>
      </c>
      <c r="BF35" s="403"/>
      <c r="BG35" s="404"/>
      <c r="BH35" s="404"/>
      <c r="BI35" s="404"/>
      <c r="BJ35" s="404"/>
      <c r="BK35" s="404"/>
      <c r="BL35" s="404"/>
      <c r="BM35" s="404"/>
      <c r="BN35" s="404"/>
      <c r="BO35" s="404"/>
      <c r="BP35" s="404"/>
      <c r="BQ35" s="404"/>
      <c r="BR35" s="404"/>
      <c r="BS35" s="404"/>
      <c r="BT35" s="404"/>
      <c r="BU35" s="404"/>
      <c r="BV35" s="177"/>
      <c r="BW35" s="403">
        <f t="shared" ref="BW35:BW43" si="2">IF(BY35="","",BW34+1)</f>
        <v>11</v>
      </c>
      <c r="BX35" s="403"/>
      <c r="BY35" s="404" t="str">
        <f>IF('各会計、関係団体の財政状況及び健全化判断比率'!B69="","",'各会計、関係団体の財政状況及び健全化判断比率'!B69)</f>
        <v>神奈川県市町村職員退職手当組合</v>
      </c>
      <c r="BZ35" s="404"/>
      <c r="CA35" s="404"/>
      <c r="CB35" s="404"/>
      <c r="CC35" s="404"/>
      <c r="CD35" s="404"/>
      <c r="CE35" s="404"/>
      <c r="CF35" s="404"/>
      <c r="CG35" s="404"/>
      <c r="CH35" s="404"/>
      <c r="CI35" s="404"/>
      <c r="CJ35" s="404"/>
      <c r="CK35" s="404"/>
      <c r="CL35" s="404"/>
      <c r="CM35" s="404"/>
      <c r="CN35" s="177"/>
      <c r="CO35" s="403">
        <f t="shared" ref="CO35:CO43" si="3">IF(CQ35="","",CO34+1)</f>
        <v>16</v>
      </c>
      <c r="CP35" s="403"/>
      <c r="CQ35" s="404" t="str">
        <f>IF('各会計、関係団体の財政状況及び健全化判断比率'!BS8="","",'各会計、関係団体の財政状況及び健全化判断比率'!BS8)</f>
        <v>公益財団法人かながわ健康財団</v>
      </c>
      <c r="CR35" s="404"/>
      <c r="CS35" s="404"/>
      <c r="CT35" s="404"/>
      <c r="CU35" s="404"/>
      <c r="CV35" s="404"/>
      <c r="CW35" s="404"/>
      <c r="CX35" s="404"/>
      <c r="CY35" s="404"/>
      <c r="CZ35" s="404"/>
      <c r="DA35" s="404"/>
      <c r="DB35" s="404"/>
      <c r="DC35" s="404"/>
      <c r="DD35" s="404"/>
      <c r="DE35" s="404"/>
      <c r="DG35" s="401" t="str">
        <f>IF('各会計、関係団体の財政状況及び健全化判断比率'!BR8="","",'各会計、関係団体の財政状況及び健全化判断比率'!BR8)</f>
        <v/>
      </c>
      <c r="DH35" s="401"/>
      <c r="DI35" s="204"/>
    </row>
    <row r="36" spans="1:113" ht="32.25" customHeight="1" x14ac:dyDescent="0.2">
      <c r="A36" s="177"/>
      <c r="B36" s="201"/>
      <c r="C36" s="403" t="str">
        <f>IF(E36="","",C35+1)</f>
        <v/>
      </c>
      <c r="D36" s="403"/>
      <c r="E36" s="404" t="str">
        <f>IF('各会計、関係団体の財政状況及び健全化判断比率'!B9="","",'各会計、関係団体の財政状況及び健全化判断比率'!B9)</f>
        <v/>
      </c>
      <c r="F36" s="404"/>
      <c r="G36" s="404"/>
      <c r="H36" s="404"/>
      <c r="I36" s="404"/>
      <c r="J36" s="404"/>
      <c r="K36" s="404"/>
      <c r="L36" s="404"/>
      <c r="M36" s="404"/>
      <c r="N36" s="404"/>
      <c r="O36" s="404"/>
      <c r="P36" s="404"/>
      <c r="Q36" s="404"/>
      <c r="R36" s="404"/>
      <c r="S36" s="404"/>
      <c r="T36" s="177"/>
      <c r="U36" s="403">
        <f t="shared" ref="U36:U43" si="4">IF(W36="","",U35+1)</f>
        <v>5</v>
      </c>
      <c r="V36" s="403"/>
      <c r="W36" s="404" t="str">
        <f>IF('各会計、関係団体の財政状況及び健全化判断比率'!B30="","",'各会計、関係団体の財政状況及び健全化判断比率'!B30)</f>
        <v>介護保険事業特別会計（保険事業勘定）</v>
      </c>
      <c r="X36" s="404"/>
      <c r="Y36" s="404"/>
      <c r="Z36" s="404"/>
      <c r="AA36" s="404"/>
      <c r="AB36" s="404"/>
      <c r="AC36" s="404"/>
      <c r="AD36" s="404"/>
      <c r="AE36" s="404"/>
      <c r="AF36" s="404"/>
      <c r="AG36" s="404"/>
      <c r="AH36" s="404"/>
      <c r="AI36" s="404"/>
      <c r="AJ36" s="404"/>
      <c r="AK36" s="404"/>
      <c r="AL36" s="177"/>
      <c r="AM36" s="403" t="str">
        <f t="shared" si="0"/>
        <v/>
      </c>
      <c r="AN36" s="403"/>
      <c r="AO36" s="404"/>
      <c r="AP36" s="404"/>
      <c r="AQ36" s="404"/>
      <c r="AR36" s="404"/>
      <c r="AS36" s="404"/>
      <c r="AT36" s="404"/>
      <c r="AU36" s="404"/>
      <c r="AV36" s="404"/>
      <c r="AW36" s="404"/>
      <c r="AX36" s="404"/>
      <c r="AY36" s="404"/>
      <c r="AZ36" s="404"/>
      <c r="BA36" s="404"/>
      <c r="BB36" s="404"/>
      <c r="BC36" s="404"/>
      <c r="BD36" s="177"/>
      <c r="BE36" s="403" t="str">
        <f t="shared" si="1"/>
        <v/>
      </c>
      <c r="BF36" s="403"/>
      <c r="BG36" s="404"/>
      <c r="BH36" s="404"/>
      <c r="BI36" s="404"/>
      <c r="BJ36" s="404"/>
      <c r="BK36" s="404"/>
      <c r="BL36" s="404"/>
      <c r="BM36" s="404"/>
      <c r="BN36" s="404"/>
      <c r="BO36" s="404"/>
      <c r="BP36" s="404"/>
      <c r="BQ36" s="404"/>
      <c r="BR36" s="404"/>
      <c r="BS36" s="404"/>
      <c r="BT36" s="404"/>
      <c r="BU36" s="404"/>
      <c r="BV36" s="177"/>
      <c r="BW36" s="403">
        <f t="shared" si="2"/>
        <v>12</v>
      </c>
      <c r="BX36" s="403"/>
      <c r="BY36" s="404" t="str">
        <f>IF('各会計、関係団体の財政状況及び健全化判断比率'!B70="","",'各会計、関係団体の財政状況及び健全化判断比率'!B70)</f>
        <v>神奈川県後期高齢者医療広域連合（一般会計）</v>
      </c>
      <c r="BZ36" s="404"/>
      <c r="CA36" s="404"/>
      <c r="CB36" s="404"/>
      <c r="CC36" s="404"/>
      <c r="CD36" s="404"/>
      <c r="CE36" s="404"/>
      <c r="CF36" s="404"/>
      <c r="CG36" s="404"/>
      <c r="CH36" s="404"/>
      <c r="CI36" s="404"/>
      <c r="CJ36" s="404"/>
      <c r="CK36" s="404"/>
      <c r="CL36" s="404"/>
      <c r="CM36" s="404"/>
      <c r="CN36" s="177"/>
      <c r="CO36" s="403" t="str">
        <f t="shared" si="3"/>
        <v/>
      </c>
      <c r="CP36" s="403"/>
      <c r="CQ36" s="404" t="str">
        <f>IF('各会計、関係団体の財政状況及び健全化判断比率'!BS9="","",'各会計、関係団体の財政状況及び健全化判断比率'!BS9)</f>
        <v/>
      </c>
      <c r="CR36" s="404"/>
      <c r="CS36" s="404"/>
      <c r="CT36" s="404"/>
      <c r="CU36" s="404"/>
      <c r="CV36" s="404"/>
      <c r="CW36" s="404"/>
      <c r="CX36" s="404"/>
      <c r="CY36" s="404"/>
      <c r="CZ36" s="404"/>
      <c r="DA36" s="404"/>
      <c r="DB36" s="404"/>
      <c r="DC36" s="404"/>
      <c r="DD36" s="404"/>
      <c r="DE36" s="404"/>
      <c r="DG36" s="401" t="str">
        <f>IF('各会計、関係団体の財政状況及び健全化判断比率'!BR9="","",'各会計、関係団体の財政状況及び健全化判断比率'!BR9)</f>
        <v/>
      </c>
      <c r="DH36" s="401"/>
      <c r="DI36" s="204"/>
    </row>
    <row r="37" spans="1:113" ht="32.25" customHeight="1" x14ac:dyDescent="0.2">
      <c r="A37" s="177"/>
      <c r="B37" s="201"/>
      <c r="C37" s="403" t="str">
        <f>IF(E37="","",C36+1)</f>
        <v/>
      </c>
      <c r="D37" s="403"/>
      <c r="E37" s="404" t="str">
        <f>IF('各会計、関係団体の財政状況及び健全化判断比率'!B10="","",'各会計、関係団体の財政状況及び健全化判断比率'!B10)</f>
        <v/>
      </c>
      <c r="F37" s="404"/>
      <c r="G37" s="404"/>
      <c r="H37" s="404"/>
      <c r="I37" s="404"/>
      <c r="J37" s="404"/>
      <c r="K37" s="404"/>
      <c r="L37" s="404"/>
      <c r="M37" s="404"/>
      <c r="N37" s="404"/>
      <c r="O37" s="404"/>
      <c r="P37" s="404"/>
      <c r="Q37" s="404"/>
      <c r="R37" s="404"/>
      <c r="S37" s="404"/>
      <c r="T37" s="177"/>
      <c r="U37" s="403">
        <f t="shared" si="4"/>
        <v>6</v>
      </c>
      <c r="V37" s="403"/>
      <c r="W37" s="404" t="str">
        <f>IF('各会計、関係団体の財政状況及び健全化判断比率'!B31="","",'各会計、関係団体の財政状況及び健全化判断比率'!B31)</f>
        <v>介護保険事業特別会計（介護サービス事業勘定）</v>
      </c>
      <c r="X37" s="404"/>
      <c r="Y37" s="404"/>
      <c r="Z37" s="404"/>
      <c r="AA37" s="404"/>
      <c r="AB37" s="404"/>
      <c r="AC37" s="404"/>
      <c r="AD37" s="404"/>
      <c r="AE37" s="404"/>
      <c r="AF37" s="404"/>
      <c r="AG37" s="404"/>
      <c r="AH37" s="404"/>
      <c r="AI37" s="404"/>
      <c r="AJ37" s="404"/>
      <c r="AK37" s="404"/>
      <c r="AL37" s="177"/>
      <c r="AM37" s="403" t="str">
        <f t="shared" si="0"/>
        <v/>
      </c>
      <c r="AN37" s="403"/>
      <c r="AO37" s="404"/>
      <c r="AP37" s="404"/>
      <c r="AQ37" s="404"/>
      <c r="AR37" s="404"/>
      <c r="AS37" s="404"/>
      <c r="AT37" s="404"/>
      <c r="AU37" s="404"/>
      <c r="AV37" s="404"/>
      <c r="AW37" s="404"/>
      <c r="AX37" s="404"/>
      <c r="AY37" s="404"/>
      <c r="AZ37" s="404"/>
      <c r="BA37" s="404"/>
      <c r="BB37" s="404"/>
      <c r="BC37" s="404"/>
      <c r="BD37" s="177"/>
      <c r="BE37" s="403" t="str">
        <f t="shared" si="1"/>
        <v/>
      </c>
      <c r="BF37" s="403"/>
      <c r="BG37" s="404"/>
      <c r="BH37" s="404"/>
      <c r="BI37" s="404"/>
      <c r="BJ37" s="404"/>
      <c r="BK37" s="404"/>
      <c r="BL37" s="404"/>
      <c r="BM37" s="404"/>
      <c r="BN37" s="404"/>
      <c r="BO37" s="404"/>
      <c r="BP37" s="404"/>
      <c r="BQ37" s="404"/>
      <c r="BR37" s="404"/>
      <c r="BS37" s="404"/>
      <c r="BT37" s="404"/>
      <c r="BU37" s="404"/>
      <c r="BV37" s="177"/>
      <c r="BW37" s="403">
        <f t="shared" si="2"/>
        <v>13</v>
      </c>
      <c r="BX37" s="403"/>
      <c r="BY37" s="404" t="str">
        <f>IF('各会計、関係団体の財政状況及び健全化判断比率'!B71="","",'各会計、関係団体の財政状況及び健全化判断比率'!B71)</f>
        <v>神奈川県後期高齢者医療広域連合（事業会計）</v>
      </c>
      <c r="BZ37" s="404"/>
      <c r="CA37" s="404"/>
      <c r="CB37" s="404"/>
      <c r="CC37" s="404"/>
      <c r="CD37" s="404"/>
      <c r="CE37" s="404"/>
      <c r="CF37" s="404"/>
      <c r="CG37" s="404"/>
      <c r="CH37" s="404"/>
      <c r="CI37" s="404"/>
      <c r="CJ37" s="404"/>
      <c r="CK37" s="404"/>
      <c r="CL37" s="404"/>
      <c r="CM37" s="404"/>
      <c r="CN37" s="177"/>
      <c r="CO37" s="403" t="str">
        <f t="shared" si="3"/>
        <v/>
      </c>
      <c r="CP37" s="403"/>
      <c r="CQ37" s="404" t="str">
        <f>IF('各会計、関係団体の財政状況及び健全化判断比率'!BS10="","",'各会計、関係団体の財政状況及び健全化判断比率'!BS10)</f>
        <v/>
      </c>
      <c r="CR37" s="404"/>
      <c r="CS37" s="404"/>
      <c r="CT37" s="404"/>
      <c r="CU37" s="404"/>
      <c r="CV37" s="404"/>
      <c r="CW37" s="404"/>
      <c r="CX37" s="404"/>
      <c r="CY37" s="404"/>
      <c r="CZ37" s="404"/>
      <c r="DA37" s="404"/>
      <c r="DB37" s="404"/>
      <c r="DC37" s="404"/>
      <c r="DD37" s="404"/>
      <c r="DE37" s="404"/>
      <c r="DG37" s="401" t="str">
        <f>IF('各会計、関係団体の財政状況及び健全化判断比率'!BR10="","",'各会計、関係団体の財政状況及び健全化判断比率'!BR10)</f>
        <v/>
      </c>
      <c r="DH37" s="401"/>
      <c r="DI37" s="204"/>
    </row>
    <row r="38" spans="1:113" ht="32.25" customHeight="1" x14ac:dyDescent="0.2">
      <c r="A38" s="177"/>
      <c r="B38" s="201"/>
      <c r="C38" s="403" t="str">
        <f t="shared" ref="C38:C43" si="5">IF(E38="","",C37+1)</f>
        <v/>
      </c>
      <c r="D38" s="403"/>
      <c r="E38" s="404" t="str">
        <f>IF('各会計、関係団体の財政状況及び健全化判断比率'!B11="","",'各会計、関係団体の財政状況及び健全化判断比率'!B11)</f>
        <v/>
      </c>
      <c r="F38" s="404"/>
      <c r="G38" s="404"/>
      <c r="H38" s="404"/>
      <c r="I38" s="404"/>
      <c r="J38" s="404"/>
      <c r="K38" s="404"/>
      <c r="L38" s="404"/>
      <c r="M38" s="404"/>
      <c r="N38" s="404"/>
      <c r="O38" s="404"/>
      <c r="P38" s="404"/>
      <c r="Q38" s="404"/>
      <c r="R38" s="404"/>
      <c r="S38" s="404"/>
      <c r="T38" s="177"/>
      <c r="U38" s="403">
        <f t="shared" si="4"/>
        <v>7</v>
      </c>
      <c r="V38" s="403"/>
      <c r="W38" s="404" t="str">
        <f>IF('各会計、関係団体の財政状況及び健全化判断比率'!B32="","",'各会計、関係団体の財政状況及び健全化判断比率'!B32)</f>
        <v>後期高齢者医療特別会計</v>
      </c>
      <c r="X38" s="404"/>
      <c r="Y38" s="404"/>
      <c r="Z38" s="404"/>
      <c r="AA38" s="404"/>
      <c r="AB38" s="404"/>
      <c r="AC38" s="404"/>
      <c r="AD38" s="404"/>
      <c r="AE38" s="404"/>
      <c r="AF38" s="404"/>
      <c r="AG38" s="404"/>
      <c r="AH38" s="404"/>
      <c r="AI38" s="404"/>
      <c r="AJ38" s="404"/>
      <c r="AK38" s="404"/>
      <c r="AL38" s="177"/>
      <c r="AM38" s="403" t="str">
        <f t="shared" si="0"/>
        <v/>
      </c>
      <c r="AN38" s="403"/>
      <c r="AO38" s="404"/>
      <c r="AP38" s="404"/>
      <c r="AQ38" s="404"/>
      <c r="AR38" s="404"/>
      <c r="AS38" s="404"/>
      <c r="AT38" s="404"/>
      <c r="AU38" s="404"/>
      <c r="AV38" s="404"/>
      <c r="AW38" s="404"/>
      <c r="AX38" s="404"/>
      <c r="AY38" s="404"/>
      <c r="AZ38" s="404"/>
      <c r="BA38" s="404"/>
      <c r="BB38" s="404"/>
      <c r="BC38" s="404"/>
      <c r="BD38" s="177"/>
      <c r="BE38" s="403" t="str">
        <f t="shared" si="1"/>
        <v/>
      </c>
      <c r="BF38" s="403"/>
      <c r="BG38" s="404"/>
      <c r="BH38" s="404"/>
      <c r="BI38" s="404"/>
      <c r="BJ38" s="404"/>
      <c r="BK38" s="404"/>
      <c r="BL38" s="404"/>
      <c r="BM38" s="404"/>
      <c r="BN38" s="404"/>
      <c r="BO38" s="404"/>
      <c r="BP38" s="404"/>
      <c r="BQ38" s="404"/>
      <c r="BR38" s="404"/>
      <c r="BS38" s="404"/>
      <c r="BT38" s="404"/>
      <c r="BU38" s="404"/>
      <c r="BV38" s="177"/>
      <c r="BW38" s="403">
        <f t="shared" si="2"/>
        <v>14</v>
      </c>
      <c r="BX38" s="403"/>
      <c r="BY38" s="404" t="str">
        <f>IF('各会計、関係団体の財政状況及び健全化判断比率'!B72="","",'各会計、関係団体の財政状況及び健全化判断比率'!B72)</f>
        <v>神奈川県町村情報システム共同事業組合</v>
      </c>
      <c r="BZ38" s="404"/>
      <c r="CA38" s="404"/>
      <c r="CB38" s="404"/>
      <c r="CC38" s="404"/>
      <c r="CD38" s="404"/>
      <c r="CE38" s="404"/>
      <c r="CF38" s="404"/>
      <c r="CG38" s="404"/>
      <c r="CH38" s="404"/>
      <c r="CI38" s="404"/>
      <c r="CJ38" s="404"/>
      <c r="CK38" s="404"/>
      <c r="CL38" s="404"/>
      <c r="CM38" s="404"/>
      <c r="CN38" s="177"/>
      <c r="CO38" s="403" t="str">
        <f t="shared" si="3"/>
        <v/>
      </c>
      <c r="CP38" s="403"/>
      <c r="CQ38" s="404" t="str">
        <f>IF('各会計、関係団体の財政状況及び健全化判断比率'!BS11="","",'各会計、関係団体の財政状況及び健全化判断比率'!BS11)</f>
        <v/>
      </c>
      <c r="CR38" s="404"/>
      <c r="CS38" s="404"/>
      <c r="CT38" s="404"/>
      <c r="CU38" s="404"/>
      <c r="CV38" s="404"/>
      <c r="CW38" s="404"/>
      <c r="CX38" s="404"/>
      <c r="CY38" s="404"/>
      <c r="CZ38" s="404"/>
      <c r="DA38" s="404"/>
      <c r="DB38" s="404"/>
      <c r="DC38" s="404"/>
      <c r="DD38" s="404"/>
      <c r="DE38" s="404"/>
      <c r="DG38" s="401" t="str">
        <f>IF('各会計、関係団体の財政状況及び健全化判断比率'!BR11="","",'各会計、関係団体の財政状況及び健全化判断比率'!BR11)</f>
        <v/>
      </c>
      <c r="DH38" s="401"/>
      <c r="DI38" s="204"/>
    </row>
    <row r="39" spans="1:113" ht="32.25" customHeight="1" x14ac:dyDescent="0.2">
      <c r="A39" s="177"/>
      <c r="B39" s="201"/>
      <c r="C39" s="403" t="str">
        <f t="shared" si="5"/>
        <v/>
      </c>
      <c r="D39" s="403"/>
      <c r="E39" s="404" t="str">
        <f>IF('各会計、関係団体の財政状況及び健全化判断比率'!B12="","",'各会計、関係団体の財政状況及び健全化判断比率'!B12)</f>
        <v/>
      </c>
      <c r="F39" s="404"/>
      <c r="G39" s="404"/>
      <c r="H39" s="404"/>
      <c r="I39" s="404"/>
      <c r="J39" s="404"/>
      <c r="K39" s="404"/>
      <c r="L39" s="404"/>
      <c r="M39" s="404"/>
      <c r="N39" s="404"/>
      <c r="O39" s="404"/>
      <c r="P39" s="404"/>
      <c r="Q39" s="404"/>
      <c r="R39" s="404"/>
      <c r="S39" s="404"/>
      <c r="T39" s="177"/>
      <c r="U39" s="403" t="str">
        <f t="shared" si="4"/>
        <v/>
      </c>
      <c r="V39" s="403"/>
      <c r="W39" s="404"/>
      <c r="X39" s="404"/>
      <c r="Y39" s="404"/>
      <c r="Z39" s="404"/>
      <c r="AA39" s="404"/>
      <c r="AB39" s="404"/>
      <c r="AC39" s="404"/>
      <c r="AD39" s="404"/>
      <c r="AE39" s="404"/>
      <c r="AF39" s="404"/>
      <c r="AG39" s="404"/>
      <c r="AH39" s="404"/>
      <c r="AI39" s="404"/>
      <c r="AJ39" s="404"/>
      <c r="AK39" s="404"/>
      <c r="AL39" s="177"/>
      <c r="AM39" s="403" t="str">
        <f t="shared" si="0"/>
        <v/>
      </c>
      <c r="AN39" s="403"/>
      <c r="AO39" s="404"/>
      <c r="AP39" s="404"/>
      <c r="AQ39" s="404"/>
      <c r="AR39" s="404"/>
      <c r="AS39" s="404"/>
      <c r="AT39" s="404"/>
      <c r="AU39" s="404"/>
      <c r="AV39" s="404"/>
      <c r="AW39" s="404"/>
      <c r="AX39" s="404"/>
      <c r="AY39" s="404"/>
      <c r="AZ39" s="404"/>
      <c r="BA39" s="404"/>
      <c r="BB39" s="404"/>
      <c r="BC39" s="404"/>
      <c r="BD39" s="177"/>
      <c r="BE39" s="403" t="str">
        <f t="shared" si="1"/>
        <v/>
      </c>
      <c r="BF39" s="403"/>
      <c r="BG39" s="404"/>
      <c r="BH39" s="404"/>
      <c r="BI39" s="404"/>
      <c r="BJ39" s="404"/>
      <c r="BK39" s="404"/>
      <c r="BL39" s="404"/>
      <c r="BM39" s="404"/>
      <c r="BN39" s="404"/>
      <c r="BO39" s="404"/>
      <c r="BP39" s="404"/>
      <c r="BQ39" s="404"/>
      <c r="BR39" s="404"/>
      <c r="BS39" s="404"/>
      <c r="BT39" s="404"/>
      <c r="BU39" s="404"/>
      <c r="BV39" s="177"/>
      <c r="BW39" s="403" t="str">
        <f t="shared" si="2"/>
        <v/>
      </c>
      <c r="BX39" s="403"/>
      <c r="BY39" s="404" t="str">
        <f>IF('各会計、関係団体の財政状況及び健全化判断比率'!B73="","",'各会計、関係団体の財政状況及び健全化判断比率'!B73)</f>
        <v/>
      </c>
      <c r="BZ39" s="404"/>
      <c r="CA39" s="404"/>
      <c r="CB39" s="404"/>
      <c r="CC39" s="404"/>
      <c r="CD39" s="404"/>
      <c r="CE39" s="404"/>
      <c r="CF39" s="404"/>
      <c r="CG39" s="404"/>
      <c r="CH39" s="404"/>
      <c r="CI39" s="404"/>
      <c r="CJ39" s="404"/>
      <c r="CK39" s="404"/>
      <c r="CL39" s="404"/>
      <c r="CM39" s="404"/>
      <c r="CN39" s="177"/>
      <c r="CO39" s="403" t="str">
        <f t="shared" si="3"/>
        <v/>
      </c>
      <c r="CP39" s="403"/>
      <c r="CQ39" s="404" t="str">
        <f>IF('各会計、関係団体の財政状況及び健全化判断比率'!BS12="","",'各会計、関係団体の財政状況及び健全化判断比率'!BS12)</f>
        <v/>
      </c>
      <c r="CR39" s="404"/>
      <c r="CS39" s="404"/>
      <c r="CT39" s="404"/>
      <c r="CU39" s="404"/>
      <c r="CV39" s="404"/>
      <c r="CW39" s="404"/>
      <c r="CX39" s="404"/>
      <c r="CY39" s="404"/>
      <c r="CZ39" s="404"/>
      <c r="DA39" s="404"/>
      <c r="DB39" s="404"/>
      <c r="DC39" s="404"/>
      <c r="DD39" s="404"/>
      <c r="DE39" s="404"/>
      <c r="DG39" s="401" t="str">
        <f>IF('各会計、関係団体の財政状況及び健全化判断比率'!BR12="","",'各会計、関係団体の財政状況及び健全化判断比率'!BR12)</f>
        <v/>
      </c>
      <c r="DH39" s="401"/>
      <c r="DI39" s="204"/>
    </row>
    <row r="40" spans="1:113" ht="32.25" customHeight="1" x14ac:dyDescent="0.2">
      <c r="A40" s="177"/>
      <c r="B40" s="201"/>
      <c r="C40" s="403" t="str">
        <f t="shared" si="5"/>
        <v/>
      </c>
      <c r="D40" s="403"/>
      <c r="E40" s="404" t="str">
        <f>IF('各会計、関係団体の財政状況及び健全化判断比率'!B13="","",'各会計、関係団体の財政状況及び健全化判断比率'!B13)</f>
        <v/>
      </c>
      <c r="F40" s="404"/>
      <c r="G40" s="404"/>
      <c r="H40" s="404"/>
      <c r="I40" s="404"/>
      <c r="J40" s="404"/>
      <c r="K40" s="404"/>
      <c r="L40" s="404"/>
      <c r="M40" s="404"/>
      <c r="N40" s="404"/>
      <c r="O40" s="404"/>
      <c r="P40" s="404"/>
      <c r="Q40" s="404"/>
      <c r="R40" s="404"/>
      <c r="S40" s="404"/>
      <c r="T40" s="177"/>
      <c r="U40" s="403" t="str">
        <f t="shared" si="4"/>
        <v/>
      </c>
      <c r="V40" s="403"/>
      <c r="W40" s="404"/>
      <c r="X40" s="404"/>
      <c r="Y40" s="404"/>
      <c r="Z40" s="404"/>
      <c r="AA40" s="404"/>
      <c r="AB40" s="404"/>
      <c r="AC40" s="404"/>
      <c r="AD40" s="404"/>
      <c r="AE40" s="404"/>
      <c r="AF40" s="404"/>
      <c r="AG40" s="404"/>
      <c r="AH40" s="404"/>
      <c r="AI40" s="404"/>
      <c r="AJ40" s="404"/>
      <c r="AK40" s="404"/>
      <c r="AL40" s="177"/>
      <c r="AM40" s="403" t="str">
        <f t="shared" si="0"/>
        <v/>
      </c>
      <c r="AN40" s="403"/>
      <c r="AO40" s="404"/>
      <c r="AP40" s="404"/>
      <c r="AQ40" s="404"/>
      <c r="AR40" s="404"/>
      <c r="AS40" s="404"/>
      <c r="AT40" s="404"/>
      <c r="AU40" s="404"/>
      <c r="AV40" s="404"/>
      <c r="AW40" s="404"/>
      <c r="AX40" s="404"/>
      <c r="AY40" s="404"/>
      <c r="AZ40" s="404"/>
      <c r="BA40" s="404"/>
      <c r="BB40" s="404"/>
      <c r="BC40" s="404"/>
      <c r="BD40" s="177"/>
      <c r="BE40" s="403" t="str">
        <f t="shared" si="1"/>
        <v/>
      </c>
      <c r="BF40" s="403"/>
      <c r="BG40" s="404"/>
      <c r="BH40" s="404"/>
      <c r="BI40" s="404"/>
      <c r="BJ40" s="404"/>
      <c r="BK40" s="404"/>
      <c r="BL40" s="404"/>
      <c r="BM40" s="404"/>
      <c r="BN40" s="404"/>
      <c r="BO40" s="404"/>
      <c r="BP40" s="404"/>
      <c r="BQ40" s="404"/>
      <c r="BR40" s="404"/>
      <c r="BS40" s="404"/>
      <c r="BT40" s="404"/>
      <c r="BU40" s="404"/>
      <c r="BV40" s="177"/>
      <c r="BW40" s="403" t="str">
        <f t="shared" si="2"/>
        <v/>
      </c>
      <c r="BX40" s="403"/>
      <c r="BY40" s="404" t="str">
        <f>IF('各会計、関係団体の財政状況及び健全化判断比率'!B74="","",'各会計、関係団体の財政状況及び健全化判断比率'!B74)</f>
        <v/>
      </c>
      <c r="BZ40" s="404"/>
      <c r="CA40" s="404"/>
      <c r="CB40" s="404"/>
      <c r="CC40" s="404"/>
      <c r="CD40" s="404"/>
      <c r="CE40" s="404"/>
      <c r="CF40" s="404"/>
      <c r="CG40" s="404"/>
      <c r="CH40" s="404"/>
      <c r="CI40" s="404"/>
      <c r="CJ40" s="404"/>
      <c r="CK40" s="404"/>
      <c r="CL40" s="404"/>
      <c r="CM40" s="404"/>
      <c r="CN40" s="177"/>
      <c r="CO40" s="403" t="str">
        <f t="shared" si="3"/>
        <v/>
      </c>
      <c r="CP40" s="403"/>
      <c r="CQ40" s="404" t="str">
        <f>IF('各会計、関係団体の財政状況及び健全化判断比率'!BS13="","",'各会計、関係団体の財政状況及び健全化判断比率'!BS13)</f>
        <v/>
      </c>
      <c r="CR40" s="404"/>
      <c r="CS40" s="404"/>
      <c r="CT40" s="404"/>
      <c r="CU40" s="404"/>
      <c r="CV40" s="404"/>
      <c r="CW40" s="404"/>
      <c r="CX40" s="404"/>
      <c r="CY40" s="404"/>
      <c r="CZ40" s="404"/>
      <c r="DA40" s="404"/>
      <c r="DB40" s="404"/>
      <c r="DC40" s="404"/>
      <c r="DD40" s="404"/>
      <c r="DE40" s="404"/>
      <c r="DG40" s="401" t="str">
        <f>IF('各会計、関係団体の財政状況及び健全化判断比率'!BR13="","",'各会計、関係団体の財政状況及び健全化判断比率'!BR13)</f>
        <v/>
      </c>
      <c r="DH40" s="401"/>
      <c r="DI40" s="204"/>
    </row>
    <row r="41" spans="1:113" ht="32.25" customHeight="1" x14ac:dyDescent="0.2">
      <c r="A41" s="177"/>
      <c r="B41" s="201"/>
      <c r="C41" s="403" t="str">
        <f t="shared" si="5"/>
        <v/>
      </c>
      <c r="D41" s="403"/>
      <c r="E41" s="404" t="str">
        <f>IF('各会計、関係団体の財政状況及び健全化判断比率'!B14="","",'各会計、関係団体の財政状況及び健全化判断比率'!B14)</f>
        <v/>
      </c>
      <c r="F41" s="404"/>
      <c r="G41" s="404"/>
      <c r="H41" s="404"/>
      <c r="I41" s="404"/>
      <c r="J41" s="404"/>
      <c r="K41" s="404"/>
      <c r="L41" s="404"/>
      <c r="M41" s="404"/>
      <c r="N41" s="404"/>
      <c r="O41" s="404"/>
      <c r="P41" s="404"/>
      <c r="Q41" s="404"/>
      <c r="R41" s="404"/>
      <c r="S41" s="404"/>
      <c r="T41" s="177"/>
      <c r="U41" s="403" t="str">
        <f t="shared" si="4"/>
        <v/>
      </c>
      <c r="V41" s="403"/>
      <c r="W41" s="404"/>
      <c r="X41" s="404"/>
      <c r="Y41" s="404"/>
      <c r="Z41" s="404"/>
      <c r="AA41" s="404"/>
      <c r="AB41" s="404"/>
      <c r="AC41" s="404"/>
      <c r="AD41" s="404"/>
      <c r="AE41" s="404"/>
      <c r="AF41" s="404"/>
      <c r="AG41" s="404"/>
      <c r="AH41" s="404"/>
      <c r="AI41" s="404"/>
      <c r="AJ41" s="404"/>
      <c r="AK41" s="404"/>
      <c r="AL41" s="177"/>
      <c r="AM41" s="403" t="str">
        <f t="shared" si="0"/>
        <v/>
      </c>
      <c r="AN41" s="403"/>
      <c r="AO41" s="404"/>
      <c r="AP41" s="404"/>
      <c r="AQ41" s="404"/>
      <c r="AR41" s="404"/>
      <c r="AS41" s="404"/>
      <c r="AT41" s="404"/>
      <c r="AU41" s="404"/>
      <c r="AV41" s="404"/>
      <c r="AW41" s="404"/>
      <c r="AX41" s="404"/>
      <c r="AY41" s="404"/>
      <c r="AZ41" s="404"/>
      <c r="BA41" s="404"/>
      <c r="BB41" s="404"/>
      <c r="BC41" s="404"/>
      <c r="BD41" s="177"/>
      <c r="BE41" s="403" t="str">
        <f t="shared" si="1"/>
        <v/>
      </c>
      <c r="BF41" s="403"/>
      <c r="BG41" s="404"/>
      <c r="BH41" s="404"/>
      <c r="BI41" s="404"/>
      <c r="BJ41" s="404"/>
      <c r="BK41" s="404"/>
      <c r="BL41" s="404"/>
      <c r="BM41" s="404"/>
      <c r="BN41" s="404"/>
      <c r="BO41" s="404"/>
      <c r="BP41" s="404"/>
      <c r="BQ41" s="404"/>
      <c r="BR41" s="404"/>
      <c r="BS41" s="404"/>
      <c r="BT41" s="404"/>
      <c r="BU41" s="404"/>
      <c r="BV41" s="177"/>
      <c r="BW41" s="403" t="str">
        <f t="shared" si="2"/>
        <v/>
      </c>
      <c r="BX41" s="403"/>
      <c r="BY41" s="404" t="str">
        <f>IF('各会計、関係団体の財政状況及び健全化判断比率'!B75="","",'各会計、関係団体の財政状況及び健全化判断比率'!B75)</f>
        <v/>
      </c>
      <c r="BZ41" s="404"/>
      <c r="CA41" s="404"/>
      <c r="CB41" s="404"/>
      <c r="CC41" s="404"/>
      <c r="CD41" s="404"/>
      <c r="CE41" s="404"/>
      <c r="CF41" s="404"/>
      <c r="CG41" s="404"/>
      <c r="CH41" s="404"/>
      <c r="CI41" s="404"/>
      <c r="CJ41" s="404"/>
      <c r="CK41" s="404"/>
      <c r="CL41" s="404"/>
      <c r="CM41" s="404"/>
      <c r="CN41" s="177"/>
      <c r="CO41" s="403" t="str">
        <f t="shared" si="3"/>
        <v/>
      </c>
      <c r="CP41" s="403"/>
      <c r="CQ41" s="404" t="str">
        <f>IF('各会計、関係団体の財政状況及び健全化判断比率'!BS14="","",'各会計、関係団体の財政状況及び健全化判断比率'!BS14)</f>
        <v/>
      </c>
      <c r="CR41" s="404"/>
      <c r="CS41" s="404"/>
      <c r="CT41" s="404"/>
      <c r="CU41" s="404"/>
      <c r="CV41" s="404"/>
      <c r="CW41" s="404"/>
      <c r="CX41" s="404"/>
      <c r="CY41" s="404"/>
      <c r="CZ41" s="404"/>
      <c r="DA41" s="404"/>
      <c r="DB41" s="404"/>
      <c r="DC41" s="404"/>
      <c r="DD41" s="404"/>
      <c r="DE41" s="404"/>
      <c r="DG41" s="401" t="str">
        <f>IF('各会計、関係団体の財政状況及び健全化判断比率'!BR14="","",'各会計、関係団体の財政状況及び健全化判断比率'!BR14)</f>
        <v/>
      </c>
      <c r="DH41" s="401"/>
      <c r="DI41" s="204"/>
    </row>
    <row r="42" spans="1:113" ht="32.25" customHeight="1" x14ac:dyDescent="0.2">
      <c r="B42" s="201"/>
      <c r="C42" s="403" t="str">
        <f t="shared" si="5"/>
        <v/>
      </c>
      <c r="D42" s="403"/>
      <c r="E42" s="404" t="str">
        <f>IF('各会計、関係団体の財政状況及び健全化判断比率'!B15="","",'各会計、関係団体の財政状況及び健全化判断比率'!B15)</f>
        <v/>
      </c>
      <c r="F42" s="404"/>
      <c r="G42" s="404"/>
      <c r="H42" s="404"/>
      <c r="I42" s="404"/>
      <c r="J42" s="404"/>
      <c r="K42" s="404"/>
      <c r="L42" s="404"/>
      <c r="M42" s="404"/>
      <c r="N42" s="404"/>
      <c r="O42" s="404"/>
      <c r="P42" s="404"/>
      <c r="Q42" s="404"/>
      <c r="R42" s="404"/>
      <c r="S42" s="404"/>
      <c r="T42" s="177"/>
      <c r="U42" s="403" t="str">
        <f t="shared" si="4"/>
        <v/>
      </c>
      <c r="V42" s="403"/>
      <c r="W42" s="404"/>
      <c r="X42" s="404"/>
      <c r="Y42" s="404"/>
      <c r="Z42" s="404"/>
      <c r="AA42" s="404"/>
      <c r="AB42" s="404"/>
      <c r="AC42" s="404"/>
      <c r="AD42" s="404"/>
      <c r="AE42" s="404"/>
      <c r="AF42" s="404"/>
      <c r="AG42" s="404"/>
      <c r="AH42" s="404"/>
      <c r="AI42" s="404"/>
      <c r="AJ42" s="404"/>
      <c r="AK42" s="404"/>
      <c r="AL42" s="177"/>
      <c r="AM42" s="403" t="str">
        <f t="shared" si="0"/>
        <v/>
      </c>
      <c r="AN42" s="403"/>
      <c r="AO42" s="404"/>
      <c r="AP42" s="404"/>
      <c r="AQ42" s="404"/>
      <c r="AR42" s="404"/>
      <c r="AS42" s="404"/>
      <c r="AT42" s="404"/>
      <c r="AU42" s="404"/>
      <c r="AV42" s="404"/>
      <c r="AW42" s="404"/>
      <c r="AX42" s="404"/>
      <c r="AY42" s="404"/>
      <c r="AZ42" s="404"/>
      <c r="BA42" s="404"/>
      <c r="BB42" s="404"/>
      <c r="BC42" s="404"/>
      <c r="BD42" s="177"/>
      <c r="BE42" s="403" t="str">
        <f t="shared" si="1"/>
        <v/>
      </c>
      <c r="BF42" s="403"/>
      <c r="BG42" s="404"/>
      <c r="BH42" s="404"/>
      <c r="BI42" s="404"/>
      <c r="BJ42" s="404"/>
      <c r="BK42" s="404"/>
      <c r="BL42" s="404"/>
      <c r="BM42" s="404"/>
      <c r="BN42" s="404"/>
      <c r="BO42" s="404"/>
      <c r="BP42" s="404"/>
      <c r="BQ42" s="404"/>
      <c r="BR42" s="404"/>
      <c r="BS42" s="404"/>
      <c r="BT42" s="404"/>
      <c r="BU42" s="404"/>
      <c r="BV42" s="177"/>
      <c r="BW42" s="403" t="str">
        <f t="shared" si="2"/>
        <v/>
      </c>
      <c r="BX42" s="403"/>
      <c r="BY42" s="404" t="str">
        <f>IF('各会計、関係団体の財政状況及び健全化判断比率'!B76="","",'各会計、関係団体の財政状況及び健全化判断比率'!B76)</f>
        <v/>
      </c>
      <c r="BZ42" s="404"/>
      <c r="CA42" s="404"/>
      <c r="CB42" s="404"/>
      <c r="CC42" s="404"/>
      <c r="CD42" s="404"/>
      <c r="CE42" s="404"/>
      <c r="CF42" s="404"/>
      <c r="CG42" s="404"/>
      <c r="CH42" s="404"/>
      <c r="CI42" s="404"/>
      <c r="CJ42" s="404"/>
      <c r="CK42" s="404"/>
      <c r="CL42" s="404"/>
      <c r="CM42" s="404"/>
      <c r="CN42" s="177"/>
      <c r="CO42" s="403" t="str">
        <f t="shared" si="3"/>
        <v/>
      </c>
      <c r="CP42" s="403"/>
      <c r="CQ42" s="404" t="str">
        <f>IF('各会計、関係団体の財政状況及び健全化判断比率'!BS15="","",'各会計、関係団体の財政状況及び健全化判断比率'!BS15)</f>
        <v/>
      </c>
      <c r="CR42" s="404"/>
      <c r="CS42" s="404"/>
      <c r="CT42" s="404"/>
      <c r="CU42" s="404"/>
      <c r="CV42" s="404"/>
      <c r="CW42" s="404"/>
      <c r="CX42" s="404"/>
      <c r="CY42" s="404"/>
      <c r="CZ42" s="404"/>
      <c r="DA42" s="404"/>
      <c r="DB42" s="404"/>
      <c r="DC42" s="404"/>
      <c r="DD42" s="404"/>
      <c r="DE42" s="404"/>
      <c r="DG42" s="401" t="str">
        <f>IF('各会計、関係団体の財政状況及び健全化判断比率'!BR15="","",'各会計、関係団体の財政状況及び健全化判断比率'!BR15)</f>
        <v/>
      </c>
      <c r="DH42" s="401"/>
      <c r="DI42" s="204"/>
    </row>
    <row r="43" spans="1:113" ht="32.25" customHeight="1" x14ac:dyDescent="0.2">
      <c r="B43" s="201"/>
      <c r="C43" s="403" t="str">
        <f t="shared" si="5"/>
        <v/>
      </c>
      <c r="D43" s="403"/>
      <c r="E43" s="404" t="str">
        <f>IF('各会計、関係団体の財政状況及び健全化判断比率'!B16="","",'各会計、関係団体の財政状況及び健全化判断比率'!B16)</f>
        <v/>
      </c>
      <c r="F43" s="404"/>
      <c r="G43" s="404"/>
      <c r="H43" s="404"/>
      <c r="I43" s="404"/>
      <c r="J43" s="404"/>
      <c r="K43" s="404"/>
      <c r="L43" s="404"/>
      <c r="M43" s="404"/>
      <c r="N43" s="404"/>
      <c r="O43" s="404"/>
      <c r="P43" s="404"/>
      <c r="Q43" s="404"/>
      <c r="R43" s="404"/>
      <c r="S43" s="404"/>
      <c r="T43" s="177"/>
      <c r="U43" s="403" t="str">
        <f t="shared" si="4"/>
        <v/>
      </c>
      <c r="V43" s="403"/>
      <c r="W43" s="404"/>
      <c r="X43" s="404"/>
      <c r="Y43" s="404"/>
      <c r="Z43" s="404"/>
      <c r="AA43" s="404"/>
      <c r="AB43" s="404"/>
      <c r="AC43" s="404"/>
      <c r="AD43" s="404"/>
      <c r="AE43" s="404"/>
      <c r="AF43" s="404"/>
      <c r="AG43" s="404"/>
      <c r="AH43" s="404"/>
      <c r="AI43" s="404"/>
      <c r="AJ43" s="404"/>
      <c r="AK43" s="404"/>
      <c r="AL43" s="177"/>
      <c r="AM43" s="403" t="str">
        <f t="shared" si="0"/>
        <v/>
      </c>
      <c r="AN43" s="403"/>
      <c r="AO43" s="404"/>
      <c r="AP43" s="404"/>
      <c r="AQ43" s="404"/>
      <c r="AR43" s="404"/>
      <c r="AS43" s="404"/>
      <c r="AT43" s="404"/>
      <c r="AU43" s="404"/>
      <c r="AV43" s="404"/>
      <c r="AW43" s="404"/>
      <c r="AX43" s="404"/>
      <c r="AY43" s="404"/>
      <c r="AZ43" s="404"/>
      <c r="BA43" s="404"/>
      <c r="BB43" s="404"/>
      <c r="BC43" s="404"/>
      <c r="BD43" s="177"/>
      <c r="BE43" s="403" t="str">
        <f t="shared" si="1"/>
        <v/>
      </c>
      <c r="BF43" s="403"/>
      <c r="BG43" s="404"/>
      <c r="BH43" s="404"/>
      <c r="BI43" s="404"/>
      <c r="BJ43" s="404"/>
      <c r="BK43" s="404"/>
      <c r="BL43" s="404"/>
      <c r="BM43" s="404"/>
      <c r="BN43" s="404"/>
      <c r="BO43" s="404"/>
      <c r="BP43" s="404"/>
      <c r="BQ43" s="404"/>
      <c r="BR43" s="404"/>
      <c r="BS43" s="404"/>
      <c r="BT43" s="404"/>
      <c r="BU43" s="404"/>
      <c r="BV43" s="177"/>
      <c r="BW43" s="403" t="str">
        <f t="shared" si="2"/>
        <v/>
      </c>
      <c r="BX43" s="403"/>
      <c r="BY43" s="404" t="str">
        <f>IF('各会計、関係団体の財政状況及び健全化判断比率'!B77="","",'各会計、関係団体の財政状況及び健全化判断比率'!B77)</f>
        <v/>
      </c>
      <c r="BZ43" s="404"/>
      <c r="CA43" s="404"/>
      <c r="CB43" s="404"/>
      <c r="CC43" s="404"/>
      <c r="CD43" s="404"/>
      <c r="CE43" s="404"/>
      <c r="CF43" s="404"/>
      <c r="CG43" s="404"/>
      <c r="CH43" s="404"/>
      <c r="CI43" s="404"/>
      <c r="CJ43" s="404"/>
      <c r="CK43" s="404"/>
      <c r="CL43" s="404"/>
      <c r="CM43" s="404"/>
      <c r="CN43" s="177"/>
      <c r="CO43" s="403" t="str">
        <f t="shared" si="3"/>
        <v/>
      </c>
      <c r="CP43" s="403"/>
      <c r="CQ43" s="404" t="str">
        <f>IF('各会計、関係団体の財政状況及び健全化判断比率'!BS16="","",'各会計、関係団体の財政状況及び健全化判断比率'!BS16)</f>
        <v/>
      </c>
      <c r="CR43" s="404"/>
      <c r="CS43" s="404"/>
      <c r="CT43" s="404"/>
      <c r="CU43" s="404"/>
      <c r="CV43" s="404"/>
      <c r="CW43" s="404"/>
      <c r="CX43" s="404"/>
      <c r="CY43" s="404"/>
      <c r="CZ43" s="404"/>
      <c r="DA43" s="404"/>
      <c r="DB43" s="404"/>
      <c r="DC43" s="404"/>
      <c r="DD43" s="404"/>
      <c r="DE43" s="404"/>
      <c r="DG43" s="401" t="str">
        <f>IF('各会計、関係団体の財政状況及び健全化判断比率'!BR16="","",'各会計、関係団体の財政状況及び健全化判断比率'!BR16)</f>
        <v/>
      </c>
      <c r="DH43" s="401"/>
      <c r="DI43" s="204"/>
    </row>
    <row r="44" spans="1:113" ht="13.5" customHeight="1" thickBot="1" x14ac:dyDescent="0.25">
      <c r="B44" s="205"/>
      <c r="C44" s="206"/>
      <c r="D44" s="206"/>
      <c r="E44" s="206"/>
      <c r="F44" s="206"/>
      <c r="G44" s="206"/>
      <c r="H44" s="206"/>
      <c r="I44" s="206"/>
      <c r="J44" s="206"/>
      <c r="K44" s="206"/>
      <c r="L44" s="206"/>
      <c r="M44" s="206"/>
      <c r="N44" s="206"/>
      <c r="O44" s="206"/>
      <c r="P44" s="206"/>
      <c r="Q44" s="206"/>
      <c r="R44" s="206"/>
      <c r="S44" s="206"/>
      <c r="T44" s="206"/>
      <c r="U44" s="206"/>
      <c r="V44" s="206"/>
      <c r="W44" s="206"/>
      <c r="X44" s="206"/>
      <c r="Y44" s="206"/>
      <c r="Z44" s="206"/>
      <c r="AA44" s="206"/>
      <c r="AB44" s="206"/>
      <c r="AC44" s="206"/>
      <c r="AD44" s="206"/>
      <c r="AE44" s="206"/>
      <c r="AF44" s="206"/>
      <c r="AG44" s="206"/>
      <c r="AH44" s="206"/>
      <c r="AI44" s="206"/>
      <c r="AJ44" s="206"/>
      <c r="AK44" s="206"/>
      <c r="AL44" s="206"/>
      <c r="AM44" s="206"/>
      <c r="AN44" s="206"/>
      <c r="AO44" s="206"/>
      <c r="AP44" s="206"/>
      <c r="AQ44" s="206"/>
      <c r="AR44" s="206"/>
      <c r="AS44" s="206"/>
      <c r="AT44" s="206"/>
      <c r="AU44" s="206"/>
      <c r="AV44" s="206"/>
      <c r="AW44" s="206"/>
      <c r="AX44" s="206"/>
      <c r="AY44" s="206"/>
      <c r="AZ44" s="206"/>
      <c r="BA44" s="206"/>
      <c r="BB44" s="206"/>
      <c r="BC44" s="206"/>
      <c r="BD44" s="206"/>
      <c r="BE44" s="206"/>
      <c r="BF44" s="206"/>
      <c r="BG44" s="206"/>
      <c r="BH44" s="206"/>
      <c r="BI44" s="206"/>
      <c r="BJ44" s="206"/>
      <c r="BK44" s="206"/>
      <c r="BL44" s="206"/>
      <c r="BM44" s="206"/>
      <c r="BN44" s="206"/>
      <c r="BO44" s="206"/>
      <c r="BP44" s="206"/>
      <c r="BQ44" s="206"/>
      <c r="BR44" s="206"/>
      <c r="BS44" s="206"/>
      <c r="BT44" s="206"/>
      <c r="BU44" s="206"/>
      <c r="BV44" s="206"/>
      <c r="BW44" s="206"/>
      <c r="BX44" s="206"/>
      <c r="BY44" s="206"/>
      <c r="BZ44" s="206"/>
      <c r="CA44" s="206"/>
      <c r="CB44" s="206"/>
      <c r="CC44" s="206"/>
      <c r="CD44" s="206"/>
      <c r="CE44" s="206"/>
      <c r="CF44" s="206"/>
      <c r="CG44" s="206"/>
      <c r="CH44" s="206"/>
      <c r="CI44" s="206"/>
      <c r="CJ44" s="206"/>
      <c r="CK44" s="206"/>
      <c r="CL44" s="206"/>
      <c r="CM44" s="206"/>
      <c r="CN44" s="206"/>
      <c r="CO44" s="206"/>
      <c r="CP44" s="206"/>
      <c r="CQ44" s="206"/>
      <c r="CR44" s="206"/>
      <c r="CS44" s="206"/>
      <c r="CT44" s="206"/>
      <c r="CU44" s="206"/>
      <c r="CV44" s="206"/>
      <c r="CW44" s="206"/>
      <c r="CX44" s="206"/>
      <c r="CY44" s="206"/>
      <c r="CZ44" s="206"/>
      <c r="DA44" s="206"/>
      <c r="DB44" s="206"/>
      <c r="DC44" s="206"/>
      <c r="DD44" s="206"/>
      <c r="DE44" s="206"/>
      <c r="DF44" s="206"/>
      <c r="DG44" s="206"/>
      <c r="DH44" s="206"/>
      <c r="DI44" s="207"/>
    </row>
    <row r="45" spans="1:113" x14ac:dyDescent="0.2"/>
    <row r="46" spans="1:113" x14ac:dyDescent="0.2">
      <c r="B46" s="176" t="s">
        <v>213</v>
      </c>
      <c r="E46" s="400" t="s">
        <v>214</v>
      </c>
      <c r="F46" s="400"/>
      <c r="G46" s="400"/>
      <c r="H46" s="400"/>
      <c r="I46" s="400"/>
      <c r="J46" s="400"/>
      <c r="K46" s="400"/>
      <c r="L46" s="400"/>
      <c r="M46" s="400"/>
      <c r="N46" s="400"/>
      <c r="O46" s="400"/>
      <c r="P46" s="400"/>
      <c r="Q46" s="400"/>
      <c r="R46" s="400"/>
      <c r="S46" s="400"/>
      <c r="T46" s="400"/>
      <c r="U46" s="400"/>
      <c r="V46" s="400"/>
      <c r="W46" s="400"/>
      <c r="X46" s="400"/>
      <c r="Y46" s="400"/>
      <c r="Z46" s="400"/>
      <c r="AA46" s="400"/>
      <c r="AB46" s="400"/>
      <c r="AC46" s="400"/>
      <c r="AD46" s="400"/>
      <c r="AE46" s="400"/>
      <c r="AF46" s="400"/>
      <c r="AG46" s="400"/>
      <c r="AH46" s="400"/>
      <c r="AI46" s="400"/>
      <c r="AJ46" s="400"/>
      <c r="AK46" s="400"/>
      <c r="AL46" s="400"/>
      <c r="AM46" s="400"/>
      <c r="AN46" s="400"/>
      <c r="AO46" s="400"/>
      <c r="AP46" s="400"/>
      <c r="AQ46" s="400"/>
      <c r="AR46" s="400"/>
      <c r="AS46" s="400"/>
      <c r="AT46" s="400"/>
      <c r="AU46" s="400"/>
      <c r="AV46" s="400"/>
      <c r="AW46" s="400"/>
      <c r="AX46" s="400"/>
      <c r="AY46" s="400"/>
      <c r="AZ46" s="400"/>
      <c r="BA46" s="400"/>
      <c r="BB46" s="400"/>
      <c r="BC46" s="400"/>
      <c r="BD46" s="400"/>
      <c r="BE46" s="400"/>
      <c r="BF46" s="400"/>
      <c r="BG46" s="400"/>
      <c r="BH46" s="400"/>
      <c r="BI46" s="400"/>
      <c r="BJ46" s="400"/>
      <c r="BK46" s="400"/>
      <c r="BL46" s="400"/>
      <c r="BM46" s="400"/>
      <c r="BN46" s="400"/>
      <c r="BO46" s="400"/>
      <c r="BP46" s="400"/>
      <c r="BQ46" s="400"/>
      <c r="BR46" s="400"/>
      <c r="BS46" s="400"/>
      <c r="BT46" s="400"/>
      <c r="BU46" s="400"/>
      <c r="BV46" s="400"/>
      <c r="BW46" s="400"/>
      <c r="BX46" s="400"/>
      <c r="BY46" s="400"/>
      <c r="BZ46" s="400"/>
      <c r="CA46" s="400"/>
      <c r="CB46" s="400"/>
      <c r="CC46" s="400"/>
      <c r="CD46" s="400"/>
      <c r="CE46" s="400"/>
      <c r="CF46" s="400"/>
      <c r="CG46" s="400"/>
      <c r="CH46" s="400"/>
      <c r="CI46" s="400"/>
      <c r="CJ46" s="400"/>
      <c r="CK46" s="400"/>
      <c r="CL46" s="400"/>
      <c r="CM46" s="400"/>
      <c r="CN46" s="400"/>
      <c r="CO46" s="400"/>
      <c r="CP46" s="400"/>
      <c r="CQ46" s="400"/>
      <c r="CR46" s="400"/>
      <c r="CS46" s="400"/>
      <c r="CT46" s="400"/>
      <c r="CU46" s="400"/>
      <c r="CV46" s="400"/>
      <c r="CW46" s="400"/>
      <c r="CX46" s="400"/>
      <c r="CY46" s="400"/>
      <c r="CZ46" s="400"/>
      <c r="DA46" s="400"/>
      <c r="DB46" s="400"/>
      <c r="DC46" s="400"/>
      <c r="DD46" s="400"/>
      <c r="DE46" s="400"/>
      <c r="DF46" s="400"/>
      <c r="DG46" s="400"/>
      <c r="DH46" s="400"/>
      <c r="DI46" s="400"/>
    </row>
    <row r="47" spans="1:113" x14ac:dyDescent="0.2">
      <c r="E47" s="400" t="s">
        <v>215</v>
      </c>
      <c r="F47" s="400"/>
      <c r="G47" s="400"/>
      <c r="H47" s="400"/>
      <c r="I47" s="400"/>
      <c r="J47" s="400"/>
      <c r="K47" s="400"/>
      <c r="L47" s="400"/>
      <c r="M47" s="400"/>
      <c r="N47" s="400"/>
      <c r="O47" s="400"/>
      <c r="P47" s="400"/>
      <c r="Q47" s="400"/>
      <c r="R47" s="400"/>
      <c r="S47" s="400"/>
      <c r="T47" s="400"/>
      <c r="U47" s="400"/>
      <c r="V47" s="400"/>
      <c r="W47" s="400"/>
      <c r="X47" s="400"/>
      <c r="Y47" s="400"/>
      <c r="Z47" s="400"/>
      <c r="AA47" s="400"/>
      <c r="AB47" s="400"/>
      <c r="AC47" s="400"/>
      <c r="AD47" s="400"/>
      <c r="AE47" s="400"/>
      <c r="AF47" s="400"/>
      <c r="AG47" s="400"/>
      <c r="AH47" s="400"/>
      <c r="AI47" s="400"/>
      <c r="AJ47" s="400"/>
      <c r="AK47" s="400"/>
      <c r="AL47" s="400"/>
      <c r="AM47" s="400"/>
      <c r="AN47" s="400"/>
      <c r="AO47" s="400"/>
      <c r="AP47" s="400"/>
      <c r="AQ47" s="400"/>
      <c r="AR47" s="400"/>
      <c r="AS47" s="400"/>
      <c r="AT47" s="400"/>
      <c r="AU47" s="400"/>
      <c r="AV47" s="400"/>
      <c r="AW47" s="400"/>
      <c r="AX47" s="400"/>
      <c r="AY47" s="400"/>
      <c r="AZ47" s="400"/>
      <c r="BA47" s="400"/>
      <c r="BB47" s="400"/>
      <c r="BC47" s="400"/>
      <c r="BD47" s="400"/>
      <c r="BE47" s="400"/>
      <c r="BF47" s="400"/>
      <c r="BG47" s="400"/>
      <c r="BH47" s="400"/>
      <c r="BI47" s="400"/>
      <c r="BJ47" s="400"/>
      <c r="BK47" s="400"/>
      <c r="BL47" s="400"/>
      <c r="BM47" s="400"/>
      <c r="BN47" s="400"/>
      <c r="BO47" s="400"/>
      <c r="BP47" s="400"/>
      <c r="BQ47" s="400"/>
      <c r="BR47" s="400"/>
      <c r="BS47" s="400"/>
      <c r="BT47" s="400"/>
      <c r="BU47" s="400"/>
      <c r="BV47" s="400"/>
      <c r="BW47" s="400"/>
      <c r="BX47" s="400"/>
      <c r="BY47" s="400"/>
      <c r="BZ47" s="400"/>
      <c r="CA47" s="400"/>
      <c r="CB47" s="400"/>
      <c r="CC47" s="400"/>
      <c r="CD47" s="400"/>
      <c r="CE47" s="400"/>
      <c r="CF47" s="400"/>
      <c r="CG47" s="400"/>
      <c r="CH47" s="400"/>
      <c r="CI47" s="400"/>
      <c r="CJ47" s="400"/>
      <c r="CK47" s="400"/>
      <c r="CL47" s="400"/>
      <c r="CM47" s="400"/>
      <c r="CN47" s="400"/>
      <c r="CO47" s="400"/>
      <c r="CP47" s="400"/>
      <c r="CQ47" s="400"/>
      <c r="CR47" s="400"/>
      <c r="CS47" s="400"/>
      <c r="CT47" s="400"/>
      <c r="CU47" s="400"/>
      <c r="CV47" s="400"/>
      <c r="CW47" s="400"/>
      <c r="CX47" s="400"/>
      <c r="CY47" s="400"/>
      <c r="CZ47" s="400"/>
      <c r="DA47" s="400"/>
      <c r="DB47" s="400"/>
      <c r="DC47" s="400"/>
      <c r="DD47" s="400"/>
      <c r="DE47" s="400"/>
      <c r="DF47" s="400"/>
      <c r="DG47" s="400"/>
      <c r="DH47" s="400"/>
      <c r="DI47" s="400"/>
    </row>
    <row r="48" spans="1:113" x14ac:dyDescent="0.2">
      <c r="E48" s="400" t="s">
        <v>216</v>
      </c>
      <c r="F48" s="400"/>
      <c r="G48" s="400"/>
      <c r="H48" s="400"/>
      <c r="I48" s="400"/>
      <c r="J48" s="400"/>
      <c r="K48" s="400"/>
      <c r="L48" s="400"/>
      <c r="M48" s="400"/>
      <c r="N48" s="400"/>
      <c r="O48" s="400"/>
      <c r="P48" s="400"/>
      <c r="Q48" s="400"/>
      <c r="R48" s="400"/>
      <c r="S48" s="400"/>
      <c r="T48" s="400"/>
      <c r="U48" s="400"/>
      <c r="V48" s="400"/>
      <c r="W48" s="400"/>
      <c r="X48" s="400"/>
      <c r="Y48" s="400"/>
      <c r="Z48" s="400"/>
      <c r="AA48" s="400"/>
      <c r="AB48" s="400"/>
      <c r="AC48" s="400"/>
      <c r="AD48" s="400"/>
      <c r="AE48" s="400"/>
      <c r="AF48" s="400"/>
      <c r="AG48" s="400"/>
      <c r="AH48" s="400"/>
      <c r="AI48" s="400"/>
      <c r="AJ48" s="400"/>
      <c r="AK48" s="400"/>
      <c r="AL48" s="400"/>
      <c r="AM48" s="400"/>
      <c r="AN48" s="400"/>
      <c r="AO48" s="400"/>
      <c r="AP48" s="400"/>
      <c r="AQ48" s="400"/>
      <c r="AR48" s="400"/>
      <c r="AS48" s="400"/>
      <c r="AT48" s="400"/>
      <c r="AU48" s="400"/>
      <c r="AV48" s="400"/>
      <c r="AW48" s="400"/>
      <c r="AX48" s="400"/>
      <c r="AY48" s="400"/>
      <c r="AZ48" s="400"/>
      <c r="BA48" s="400"/>
      <c r="BB48" s="400"/>
      <c r="BC48" s="400"/>
      <c r="BD48" s="400"/>
      <c r="BE48" s="400"/>
      <c r="BF48" s="400"/>
      <c r="BG48" s="400"/>
      <c r="BH48" s="400"/>
      <c r="BI48" s="400"/>
      <c r="BJ48" s="400"/>
      <c r="BK48" s="400"/>
      <c r="BL48" s="400"/>
      <c r="BM48" s="400"/>
      <c r="BN48" s="400"/>
      <c r="BO48" s="400"/>
      <c r="BP48" s="400"/>
      <c r="BQ48" s="400"/>
      <c r="BR48" s="400"/>
      <c r="BS48" s="400"/>
      <c r="BT48" s="400"/>
      <c r="BU48" s="400"/>
      <c r="BV48" s="400"/>
      <c r="BW48" s="400"/>
      <c r="BX48" s="400"/>
      <c r="BY48" s="400"/>
      <c r="BZ48" s="400"/>
      <c r="CA48" s="400"/>
      <c r="CB48" s="400"/>
      <c r="CC48" s="400"/>
      <c r="CD48" s="400"/>
      <c r="CE48" s="400"/>
      <c r="CF48" s="400"/>
      <c r="CG48" s="400"/>
      <c r="CH48" s="400"/>
      <c r="CI48" s="400"/>
      <c r="CJ48" s="400"/>
      <c r="CK48" s="400"/>
      <c r="CL48" s="400"/>
      <c r="CM48" s="400"/>
      <c r="CN48" s="400"/>
      <c r="CO48" s="400"/>
      <c r="CP48" s="400"/>
      <c r="CQ48" s="400"/>
      <c r="CR48" s="400"/>
      <c r="CS48" s="400"/>
      <c r="CT48" s="400"/>
      <c r="CU48" s="400"/>
      <c r="CV48" s="400"/>
      <c r="CW48" s="400"/>
      <c r="CX48" s="400"/>
      <c r="CY48" s="400"/>
      <c r="CZ48" s="400"/>
      <c r="DA48" s="400"/>
      <c r="DB48" s="400"/>
      <c r="DC48" s="400"/>
      <c r="DD48" s="400"/>
      <c r="DE48" s="400"/>
      <c r="DF48" s="400"/>
      <c r="DG48" s="400"/>
      <c r="DH48" s="400"/>
      <c r="DI48" s="400"/>
    </row>
    <row r="49" spans="5:113" x14ac:dyDescent="0.2">
      <c r="E49" s="402" t="s">
        <v>217</v>
      </c>
      <c r="F49" s="402"/>
      <c r="G49" s="402"/>
      <c r="H49" s="402"/>
      <c r="I49" s="402"/>
      <c r="J49" s="402"/>
      <c r="K49" s="402"/>
      <c r="L49" s="402"/>
      <c r="M49" s="402"/>
      <c r="N49" s="402"/>
      <c r="O49" s="402"/>
      <c r="P49" s="402"/>
      <c r="Q49" s="402"/>
      <c r="R49" s="402"/>
      <c r="S49" s="402"/>
      <c r="T49" s="402"/>
      <c r="U49" s="402"/>
      <c r="V49" s="402"/>
      <c r="W49" s="402"/>
      <c r="X49" s="402"/>
      <c r="Y49" s="402"/>
      <c r="Z49" s="402"/>
      <c r="AA49" s="402"/>
      <c r="AB49" s="402"/>
      <c r="AC49" s="402"/>
      <c r="AD49" s="402"/>
      <c r="AE49" s="402"/>
      <c r="AF49" s="402"/>
      <c r="AG49" s="402"/>
      <c r="AH49" s="402"/>
      <c r="AI49" s="402"/>
      <c r="AJ49" s="402"/>
      <c r="AK49" s="402"/>
      <c r="AL49" s="402"/>
      <c r="AM49" s="402"/>
      <c r="AN49" s="402"/>
      <c r="AO49" s="402"/>
      <c r="AP49" s="402"/>
      <c r="AQ49" s="402"/>
      <c r="AR49" s="402"/>
      <c r="AS49" s="402"/>
      <c r="AT49" s="402"/>
      <c r="AU49" s="402"/>
      <c r="AV49" s="402"/>
      <c r="AW49" s="402"/>
      <c r="AX49" s="402"/>
      <c r="AY49" s="402"/>
      <c r="AZ49" s="402"/>
      <c r="BA49" s="402"/>
      <c r="BB49" s="402"/>
      <c r="BC49" s="402"/>
      <c r="BD49" s="402"/>
      <c r="BE49" s="402"/>
      <c r="BF49" s="402"/>
      <c r="BG49" s="402"/>
      <c r="BH49" s="402"/>
      <c r="BI49" s="402"/>
      <c r="BJ49" s="402"/>
      <c r="BK49" s="402"/>
      <c r="BL49" s="402"/>
      <c r="BM49" s="402"/>
      <c r="BN49" s="402"/>
      <c r="BO49" s="402"/>
      <c r="BP49" s="402"/>
      <c r="BQ49" s="402"/>
      <c r="BR49" s="402"/>
      <c r="BS49" s="402"/>
      <c r="BT49" s="402"/>
      <c r="BU49" s="402"/>
      <c r="BV49" s="402"/>
      <c r="BW49" s="402"/>
      <c r="BX49" s="402"/>
      <c r="BY49" s="402"/>
      <c r="BZ49" s="402"/>
      <c r="CA49" s="402"/>
      <c r="CB49" s="402"/>
      <c r="CC49" s="402"/>
      <c r="CD49" s="402"/>
      <c r="CE49" s="402"/>
      <c r="CF49" s="402"/>
      <c r="CG49" s="402"/>
      <c r="CH49" s="402"/>
      <c r="CI49" s="402"/>
      <c r="CJ49" s="402"/>
      <c r="CK49" s="402"/>
      <c r="CL49" s="402"/>
      <c r="CM49" s="402"/>
      <c r="CN49" s="402"/>
      <c r="CO49" s="402"/>
      <c r="CP49" s="402"/>
      <c r="CQ49" s="402"/>
      <c r="CR49" s="402"/>
      <c r="CS49" s="402"/>
      <c r="CT49" s="402"/>
      <c r="CU49" s="402"/>
      <c r="CV49" s="402"/>
      <c r="CW49" s="402"/>
      <c r="CX49" s="402"/>
      <c r="CY49" s="402"/>
      <c r="CZ49" s="402"/>
      <c r="DA49" s="402"/>
      <c r="DB49" s="402"/>
      <c r="DC49" s="402"/>
      <c r="DD49" s="402"/>
      <c r="DE49" s="402"/>
      <c r="DF49" s="402"/>
      <c r="DG49" s="402"/>
      <c r="DH49" s="402"/>
      <c r="DI49" s="402"/>
    </row>
    <row r="50" spans="5:113" x14ac:dyDescent="0.2">
      <c r="E50" s="400" t="s">
        <v>218</v>
      </c>
      <c r="F50" s="400"/>
      <c r="G50" s="400"/>
      <c r="H50" s="400"/>
      <c r="I50" s="400"/>
      <c r="J50" s="400"/>
      <c r="K50" s="400"/>
      <c r="L50" s="400"/>
      <c r="M50" s="400"/>
      <c r="N50" s="400"/>
      <c r="O50" s="400"/>
      <c r="P50" s="400"/>
      <c r="Q50" s="400"/>
      <c r="R50" s="400"/>
      <c r="S50" s="400"/>
      <c r="T50" s="400"/>
      <c r="U50" s="400"/>
      <c r="V50" s="400"/>
      <c r="W50" s="400"/>
      <c r="X50" s="400"/>
      <c r="Y50" s="400"/>
      <c r="Z50" s="400"/>
      <c r="AA50" s="400"/>
      <c r="AB50" s="400"/>
      <c r="AC50" s="400"/>
      <c r="AD50" s="400"/>
      <c r="AE50" s="400"/>
      <c r="AF50" s="400"/>
      <c r="AG50" s="400"/>
      <c r="AH50" s="400"/>
      <c r="AI50" s="400"/>
      <c r="AJ50" s="400"/>
      <c r="AK50" s="400"/>
      <c r="AL50" s="400"/>
      <c r="AM50" s="400"/>
      <c r="AN50" s="400"/>
      <c r="AO50" s="400"/>
      <c r="AP50" s="400"/>
      <c r="AQ50" s="400"/>
      <c r="AR50" s="400"/>
      <c r="AS50" s="400"/>
      <c r="AT50" s="400"/>
      <c r="AU50" s="400"/>
      <c r="AV50" s="400"/>
      <c r="AW50" s="400"/>
      <c r="AX50" s="400"/>
      <c r="AY50" s="400"/>
      <c r="AZ50" s="400"/>
      <c r="BA50" s="400"/>
      <c r="BB50" s="400"/>
      <c r="BC50" s="400"/>
      <c r="BD50" s="400"/>
      <c r="BE50" s="400"/>
      <c r="BF50" s="400"/>
      <c r="BG50" s="400"/>
      <c r="BH50" s="400"/>
      <c r="BI50" s="400"/>
      <c r="BJ50" s="400"/>
      <c r="BK50" s="400"/>
      <c r="BL50" s="400"/>
      <c r="BM50" s="400"/>
      <c r="BN50" s="400"/>
      <c r="BO50" s="400"/>
      <c r="BP50" s="400"/>
      <c r="BQ50" s="400"/>
      <c r="BR50" s="400"/>
      <c r="BS50" s="400"/>
      <c r="BT50" s="400"/>
      <c r="BU50" s="400"/>
      <c r="BV50" s="400"/>
      <c r="BW50" s="400"/>
      <c r="BX50" s="400"/>
      <c r="BY50" s="400"/>
      <c r="BZ50" s="400"/>
      <c r="CA50" s="400"/>
      <c r="CB50" s="400"/>
      <c r="CC50" s="400"/>
      <c r="CD50" s="400"/>
      <c r="CE50" s="400"/>
      <c r="CF50" s="400"/>
      <c r="CG50" s="400"/>
      <c r="CH50" s="400"/>
      <c r="CI50" s="400"/>
      <c r="CJ50" s="400"/>
      <c r="CK50" s="400"/>
      <c r="CL50" s="400"/>
      <c r="CM50" s="400"/>
      <c r="CN50" s="400"/>
      <c r="CO50" s="400"/>
      <c r="CP50" s="400"/>
      <c r="CQ50" s="400"/>
      <c r="CR50" s="400"/>
      <c r="CS50" s="400"/>
      <c r="CT50" s="400"/>
      <c r="CU50" s="400"/>
      <c r="CV50" s="400"/>
      <c r="CW50" s="400"/>
      <c r="CX50" s="400"/>
      <c r="CY50" s="400"/>
      <c r="CZ50" s="400"/>
      <c r="DA50" s="400"/>
      <c r="DB50" s="400"/>
      <c r="DC50" s="400"/>
      <c r="DD50" s="400"/>
      <c r="DE50" s="400"/>
      <c r="DF50" s="400"/>
      <c r="DG50" s="400"/>
      <c r="DH50" s="400"/>
      <c r="DI50" s="400"/>
    </row>
    <row r="51" spans="5:113" x14ac:dyDescent="0.2">
      <c r="E51" s="400" t="s">
        <v>219</v>
      </c>
      <c r="F51" s="400"/>
      <c r="G51" s="400"/>
      <c r="H51" s="400"/>
      <c r="I51" s="400"/>
      <c r="J51" s="400"/>
      <c r="K51" s="400"/>
      <c r="L51" s="400"/>
      <c r="M51" s="400"/>
      <c r="N51" s="400"/>
      <c r="O51" s="400"/>
      <c r="P51" s="400"/>
      <c r="Q51" s="400"/>
      <c r="R51" s="400"/>
      <c r="S51" s="400"/>
      <c r="T51" s="400"/>
      <c r="U51" s="400"/>
      <c r="V51" s="400"/>
      <c r="W51" s="400"/>
      <c r="X51" s="400"/>
      <c r="Y51" s="400"/>
      <c r="Z51" s="400"/>
      <c r="AA51" s="400"/>
      <c r="AB51" s="400"/>
      <c r="AC51" s="400"/>
      <c r="AD51" s="400"/>
      <c r="AE51" s="400"/>
      <c r="AF51" s="400"/>
      <c r="AG51" s="400"/>
      <c r="AH51" s="400"/>
      <c r="AI51" s="400"/>
      <c r="AJ51" s="400"/>
      <c r="AK51" s="400"/>
      <c r="AL51" s="400"/>
      <c r="AM51" s="400"/>
      <c r="AN51" s="400"/>
      <c r="AO51" s="400"/>
      <c r="AP51" s="400"/>
      <c r="AQ51" s="400"/>
      <c r="AR51" s="400"/>
      <c r="AS51" s="400"/>
      <c r="AT51" s="400"/>
      <c r="AU51" s="400"/>
      <c r="AV51" s="400"/>
      <c r="AW51" s="400"/>
      <c r="AX51" s="400"/>
      <c r="AY51" s="400"/>
      <c r="AZ51" s="400"/>
      <c r="BA51" s="400"/>
      <c r="BB51" s="400"/>
      <c r="BC51" s="400"/>
      <c r="BD51" s="400"/>
      <c r="BE51" s="400"/>
      <c r="BF51" s="400"/>
      <c r="BG51" s="400"/>
      <c r="BH51" s="400"/>
      <c r="BI51" s="400"/>
      <c r="BJ51" s="400"/>
      <c r="BK51" s="400"/>
      <c r="BL51" s="400"/>
      <c r="BM51" s="400"/>
      <c r="BN51" s="400"/>
      <c r="BO51" s="400"/>
      <c r="BP51" s="400"/>
      <c r="BQ51" s="400"/>
      <c r="BR51" s="400"/>
      <c r="BS51" s="400"/>
      <c r="BT51" s="400"/>
      <c r="BU51" s="400"/>
      <c r="BV51" s="400"/>
      <c r="BW51" s="400"/>
      <c r="BX51" s="400"/>
      <c r="BY51" s="400"/>
      <c r="BZ51" s="400"/>
      <c r="CA51" s="400"/>
      <c r="CB51" s="400"/>
      <c r="CC51" s="400"/>
      <c r="CD51" s="400"/>
      <c r="CE51" s="400"/>
      <c r="CF51" s="400"/>
      <c r="CG51" s="400"/>
      <c r="CH51" s="400"/>
      <c r="CI51" s="400"/>
      <c r="CJ51" s="400"/>
      <c r="CK51" s="400"/>
      <c r="CL51" s="400"/>
      <c r="CM51" s="400"/>
      <c r="CN51" s="400"/>
      <c r="CO51" s="400"/>
      <c r="CP51" s="400"/>
      <c r="CQ51" s="400"/>
      <c r="CR51" s="400"/>
      <c r="CS51" s="400"/>
      <c r="CT51" s="400"/>
      <c r="CU51" s="400"/>
      <c r="CV51" s="400"/>
      <c r="CW51" s="400"/>
      <c r="CX51" s="400"/>
      <c r="CY51" s="400"/>
      <c r="CZ51" s="400"/>
      <c r="DA51" s="400"/>
      <c r="DB51" s="400"/>
      <c r="DC51" s="400"/>
      <c r="DD51" s="400"/>
      <c r="DE51" s="400"/>
      <c r="DF51" s="400"/>
      <c r="DG51" s="400"/>
      <c r="DH51" s="400"/>
      <c r="DI51" s="400"/>
    </row>
    <row r="52" spans="5:113" x14ac:dyDescent="0.2">
      <c r="E52" s="400" t="s">
        <v>220</v>
      </c>
      <c r="F52" s="400"/>
      <c r="G52" s="400"/>
      <c r="H52" s="400"/>
      <c r="I52" s="400"/>
      <c r="J52" s="400"/>
      <c r="K52" s="400"/>
      <c r="L52" s="400"/>
      <c r="M52" s="400"/>
      <c r="N52" s="400"/>
      <c r="O52" s="400"/>
      <c r="P52" s="400"/>
      <c r="Q52" s="400"/>
      <c r="R52" s="400"/>
      <c r="S52" s="400"/>
      <c r="T52" s="400"/>
      <c r="U52" s="400"/>
      <c r="V52" s="400"/>
      <c r="W52" s="400"/>
      <c r="X52" s="400"/>
      <c r="Y52" s="400"/>
      <c r="Z52" s="400"/>
      <c r="AA52" s="400"/>
      <c r="AB52" s="400"/>
      <c r="AC52" s="400"/>
      <c r="AD52" s="400"/>
      <c r="AE52" s="400"/>
      <c r="AF52" s="400"/>
      <c r="AG52" s="400"/>
      <c r="AH52" s="400"/>
      <c r="AI52" s="400"/>
      <c r="AJ52" s="400"/>
      <c r="AK52" s="400"/>
      <c r="AL52" s="400"/>
      <c r="AM52" s="400"/>
      <c r="AN52" s="400"/>
      <c r="AO52" s="400"/>
      <c r="AP52" s="400"/>
      <c r="AQ52" s="400"/>
      <c r="AR52" s="400"/>
      <c r="AS52" s="400"/>
      <c r="AT52" s="400"/>
      <c r="AU52" s="400"/>
      <c r="AV52" s="400"/>
      <c r="AW52" s="400"/>
      <c r="AX52" s="400"/>
      <c r="AY52" s="400"/>
      <c r="AZ52" s="400"/>
      <c r="BA52" s="400"/>
      <c r="BB52" s="400"/>
      <c r="BC52" s="400"/>
      <c r="BD52" s="400"/>
      <c r="BE52" s="400"/>
      <c r="BF52" s="400"/>
      <c r="BG52" s="400"/>
      <c r="BH52" s="400"/>
      <c r="BI52" s="400"/>
      <c r="BJ52" s="400"/>
      <c r="BK52" s="400"/>
      <c r="BL52" s="400"/>
      <c r="BM52" s="400"/>
      <c r="BN52" s="400"/>
      <c r="BO52" s="400"/>
      <c r="BP52" s="400"/>
      <c r="BQ52" s="400"/>
      <c r="BR52" s="400"/>
      <c r="BS52" s="400"/>
      <c r="BT52" s="400"/>
      <c r="BU52" s="400"/>
      <c r="BV52" s="400"/>
      <c r="BW52" s="400"/>
      <c r="BX52" s="400"/>
      <c r="BY52" s="400"/>
      <c r="BZ52" s="400"/>
      <c r="CA52" s="400"/>
      <c r="CB52" s="400"/>
      <c r="CC52" s="400"/>
      <c r="CD52" s="400"/>
      <c r="CE52" s="400"/>
      <c r="CF52" s="400"/>
      <c r="CG52" s="400"/>
      <c r="CH52" s="400"/>
      <c r="CI52" s="400"/>
      <c r="CJ52" s="400"/>
      <c r="CK52" s="400"/>
      <c r="CL52" s="400"/>
      <c r="CM52" s="400"/>
      <c r="CN52" s="400"/>
      <c r="CO52" s="400"/>
      <c r="CP52" s="400"/>
      <c r="CQ52" s="400"/>
      <c r="CR52" s="400"/>
      <c r="CS52" s="400"/>
      <c r="CT52" s="400"/>
      <c r="CU52" s="400"/>
      <c r="CV52" s="400"/>
      <c r="CW52" s="400"/>
      <c r="CX52" s="400"/>
      <c r="CY52" s="400"/>
      <c r="CZ52" s="400"/>
      <c r="DA52" s="400"/>
      <c r="DB52" s="400"/>
      <c r="DC52" s="400"/>
      <c r="DD52" s="400"/>
      <c r="DE52" s="400"/>
      <c r="DF52" s="400"/>
      <c r="DG52" s="400"/>
      <c r="DH52" s="400"/>
      <c r="DI52" s="400"/>
    </row>
    <row r="53" spans="5:113" x14ac:dyDescent="0.2">
      <c r="E53" s="400" t="s">
        <v>221</v>
      </c>
      <c r="F53" s="400"/>
      <c r="G53" s="400"/>
      <c r="H53" s="400"/>
      <c r="I53" s="400"/>
      <c r="J53" s="400"/>
      <c r="K53" s="400"/>
      <c r="L53" s="400"/>
      <c r="M53" s="400"/>
      <c r="N53" s="400"/>
      <c r="O53" s="400"/>
      <c r="P53" s="400"/>
      <c r="Q53" s="400"/>
      <c r="R53" s="400"/>
      <c r="S53" s="400"/>
      <c r="T53" s="400"/>
      <c r="U53" s="400"/>
      <c r="V53" s="400"/>
      <c r="W53" s="400"/>
      <c r="X53" s="400"/>
      <c r="Y53" s="400"/>
      <c r="Z53" s="400"/>
      <c r="AA53" s="400"/>
      <c r="AB53" s="400"/>
      <c r="AC53" s="400"/>
      <c r="AD53" s="400"/>
      <c r="AE53" s="400"/>
      <c r="AF53" s="400"/>
      <c r="AG53" s="400"/>
      <c r="AH53" s="400"/>
      <c r="AI53" s="400"/>
      <c r="AJ53" s="400"/>
      <c r="AK53" s="400"/>
      <c r="AL53" s="400"/>
      <c r="AM53" s="400"/>
      <c r="AN53" s="400"/>
      <c r="AO53" s="400"/>
      <c r="AP53" s="400"/>
      <c r="AQ53" s="400"/>
      <c r="AR53" s="400"/>
      <c r="AS53" s="400"/>
      <c r="AT53" s="400"/>
      <c r="AU53" s="400"/>
      <c r="AV53" s="400"/>
      <c r="AW53" s="400"/>
      <c r="AX53" s="400"/>
      <c r="AY53" s="400"/>
      <c r="AZ53" s="400"/>
      <c r="BA53" s="400"/>
      <c r="BB53" s="400"/>
      <c r="BC53" s="400"/>
      <c r="BD53" s="400"/>
      <c r="BE53" s="400"/>
      <c r="BF53" s="400"/>
      <c r="BG53" s="400"/>
      <c r="BH53" s="400"/>
      <c r="BI53" s="400"/>
      <c r="BJ53" s="400"/>
      <c r="BK53" s="400"/>
      <c r="BL53" s="400"/>
      <c r="BM53" s="400"/>
      <c r="BN53" s="400"/>
      <c r="BO53" s="400"/>
      <c r="BP53" s="400"/>
      <c r="BQ53" s="400"/>
      <c r="BR53" s="400"/>
      <c r="BS53" s="400"/>
      <c r="BT53" s="400"/>
      <c r="BU53" s="400"/>
      <c r="BV53" s="400"/>
      <c r="BW53" s="400"/>
      <c r="BX53" s="400"/>
      <c r="BY53" s="400"/>
      <c r="BZ53" s="400"/>
      <c r="CA53" s="400"/>
      <c r="CB53" s="400"/>
      <c r="CC53" s="400"/>
      <c r="CD53" s="400"/>
      <c r="CE53" s="400"/>
      <c r="CF53" s="400"/>
      <c r="CG53" s="400"/>
      <c r="CH53" s="400"/>
      <c r="CI53" s="400"/>
      <c r="CJ53" s="400"/>
      <c r="CK53" s="400"/>
      <c r="CL53" s="400"/>
      <c r="CM53" s="400"/>
      <c r="CN53" s="400"/>
      <c r="CO53" s="400"/>
      <c r="CP53" s="400"/>
      <c r="CQ53" s="400"/>
      <c r="CR53" s="400"/>
      <c r="CS53" s="400"/>
      <c r="CT53" s="400"/>
      <c r="CU53" s="400"/>
      <c r="CV53" s="400"/>
      <c r="CW53" s="400"/>
      <c r="CX53" s="400"/>
      <c r="CY53" s="400"/>
      <c r="CZ53" s="400"/>
      <c r="DA53" s="400"/>
      <c r="DB53" s="400"/>
      <c r="DC53" s="400"/>
      <c r="DD53" s="400"/>
      <c r="DE53" s="400"/>
      <c r="DF53" s="400"/>
      <c r="DG53" s="400"/>
      <c r="DH53" s="400"/>
      <c r="DI53" s="400"/>
    </row>
    <row r="54" spans="5:113" x14ac:dyDescent="0.2"/>
    <row r="55" spans="5:113" x14ac:dyDescent="0.2"/>
    <row r="56" spans="5:113" x14ac:dyDescent="0.2"/>
  </sheetData>
  <sheetProtection algorithmName="SHA-512" hashValue="5XmUJNsLm6bCTDBLhKpE0qRkS+3LMpXFP3dWwymsAmGboD8p4pSpYF7i1Y5/mR8yfqAGGSh3qwIf6d57GtMhSw==" saltValue="ifleJLk6TVnhdB+7UCFedA=="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3">
      <c r="A33" s="22"/>
      <c r="B33" s="25" t="s">
        <v>7</v>
      </c>
      <c r="C33" s="26"/>
      <c r="D33" s="26"/>
      <c r="E33" s="27" t="s">
        <v>2</v>
      </c>
      <c r="F33" s="28" t="s">
        <v>571</v>
      </c>
      <c r="G33" s="29" t="s">
        <v>572</v>
      </c>
      <c r="H33" s="29" t="s">
        <v>573</v>
      </c>
      <c r="I33" s="29" t="s">
        <v>574</v>
      </c>
      <c r="J33" s="30" t="s">
        <v>575</v>
      </c>
      <c r="K33" s="22"/>
      <c r="L33" s="22"/>
      <c r="M33" s="22"/>
      <c r="N33" s="22"/>
      <c r="O33" s="22"/>
      <c r="P33" s="22"/>
    </row>
    <row r="34" spans="1:16" ht="39" customHeight="1" x14ac:dyDescent="0.2">
      <c r="A34" s="22"/>
      <c r="B34" s="31"/>
      <c r="C34" s="1187" t="s">
        <v>580</v>
      </c>
      <c r="D34" s="1187"/>
      <c r="E34" s="1188"/>
      <c r="F34" s="32">
        <v>9.9700000000000006</v>
      </c>
      <c r="G34" s="33">
        <v>8.0399999999999991</v>
      </c>
      <c r="H34" s="33">
        <v>6.61</v>
      </c>
      <c r="I34" s="33">
        <v>13.36</v>
      </c>
      <c r="J34" s="34">
        <v>7.13</v>
      </c>
      <c r="K34" s="22"/>
      <c r="L34" s="22"/>
      <c r="M34" s="22"/>
      <c r="N34" s="22"/>
      <c r="O34" s="22"/>
      <c r="P34" s="22"/>
    </row>
    <row r="35" spans="1:16" ht="39" customHeight="1" x14ac:dyDescent="0.2">
      <c r="A35" s="22"/>
      <c r="B35" s="35"/>
      <c r="C35" s="1181" t="s">
        <v>581</v>
      </c>
      <c r="D35" s="1182"/>
      <c r="E35" s="1183"/>
      <c r="F35" s="36">
        <v>1.18</v>
      </c>
      <c r="G35" s="37">
        <v>0.85</v>
      </c>
      <c r="H35" s="37">
        <v>0.66</v>
      </c>
      <c r="I35" s="37">
        <v>1.31</v>
      </c>
      <c r="J35" s="38">
        <v>2.98</v>
      </c>
      <c r="K35" s="22"/>
      <c r="L35" s="22"/>
      <c r="M35" s="22"/>
      <c r="N35" s="22"/>
      <c r="O35" s="22"/>
      <c r="P35" s="22"/>
    </row>
    <row r="36" spans="1:16" ht="39" customHeight="1" x14ac:dyDescent="0.2">
      <c r="A36" s="22"/>
      <c r="B36" s="35"/>
      <c r="C36" s="1181" t="s">
        <v>582</v>
      </c>
      <c r="D36" s="1182"/>
      <c r="E36" s="1183"/>
      <c r="F36" s="36">
        <v>3.08</v>
      </c>
      <c r="G36" s="37">
        <v>1.94</v>
      </c>
      <c r="H36" s="37">
        <v>2.56</v>
      </c>
      <c r="I36" s="37">
        <v>1.96</v>
      </c>
      <c r="J36" s="38">
        <v>1.28</v>
      </c>
      <c r="K36" s="22"/>
      <c r="L36" s="22"/>
      <c r="M36" s="22"/>
      <c r="N36" s="22"/>
      <c r="O36" s="22"/>
      <c r="P36" s="22"/>
    </row>
    <row r="37" spans="1:16" ht="39" customHeight="1" x14ac:dyDescent="0.2">
      <c r="A37" s="22"/>
      <c r="B37" s="35"/>
      <c r="C37" s="1181" t="s">
        <v>583</v>
      </c>
      <c r="D37" s="1182"/>
      <c r="E37" s="1183"/>
      <c r="F37" s="36">
        <v>3.66</v>
      </c>
      <c r="G37" s="37">
        <v>2.2000000000000002</v>
      </c>
      <c r="H37" s="37">
        <v>2.96</v>
      </c>
      <c r="I37" s="37">
        <v>2.38</v>
      </c>
      <c r="J37" s="38">
        <v>0.82</v>
      </c>
      <c r="K37" s="22"/>
      <c r="L37" s="22"/>
      <c r="M37" s="22"/>
      <c r="N37" s="22"/>
      <c r="O37" s="22"/>
      <c r="P37" s="22"/>
    </row>
    <row r="38" spans="1:16" ht="39" customHeight="1" x14ac:dyDescent="0.2">
      <c r="A38" s="22"/>
      <c r="B38" s="35"/>
      <c r="C38" s="1181" t="s">
        <v>584</v>
      </c>
      <c r="D38" s="1182"/>
      <c r="E38" s="1183"/>
      <c r="F38" s="36">
        <v>0.26</v>
      </c>
      <c r="G38" s="37">
        <v>0.02</v>
      </c>
      <c r="H38" s="37">
        <v>0.12</v>
      </c>
      <c r="I38" s="37">
        <v>0.22</v>
      </c>
      <c r="J38" s="38">
        <v>0.24</v>
      </c>
      <c r="K38" s="22"/>
      <c r="L38" s="22"/>
      <c r="M38" s="22"/>
      <c r="N38" s="22"/>
      <c r="O38" s="22"/>
      <c r="P38" s="22"/>
    </row>
    <row r="39" spans="1:16" ht="39" customHeight="1" x14ac:dyDescent="0.2">
      <c r="A39" s="22"/>
      <c r="B39" s="35"/>
      <c r="C39" s="1181" t="s">
        <v>585</v>
      </c>
      <c r="D39" s="1182"/>
      <c r="E39" s="1183"/>
      <c r="F39" s="36">
        <v>0.05</v>
      </c>
      <c r="G39" s="37">
        <v>0.28999999999999998</v>
      </c>
      <c r="H39" s="37">
        <v>7.0000000000000007E-2</v>
      </c>
      <c r="I39" s="37">
        <v>0.13</v>
      </c>
      <c r="J39" s="38">
        <v>0.16</v>
      </c>
      <c r="K39" s="22"/>
      <c r="L39" s="22"/>
      <c r="M39" s="22"/>
      <c r="N39" s="22"/>
      <c r="O39" s="22"/>
      <c r="P39" s="22"/>
    </row>
    <row r="40" spans="1:16" ht="39" customHeight="1" x14ac:dyDescent="0.2">
      <c r="A40" s="22"/>
      <c r="B40" s="35"/>
      <c r="C40" s="1181" t="s">
        <v>586</v>
      </c>
      <c r="D40" s="1182"/>
      <c r="E40" s="1183"/>
      <c r="F40" s="36">
        <v>0.06</v>
      </c>
      <c r="G40" s="37">
        <v>0.05</v>
      </c>
      <c r="H40" s="37">
        <v>0.02</v>
      </c>
      <c r="I40" s="37">
        <v>7.0000000000000007E-2</v>
      </c>
      <c r="J40" s="38">
        <v>0.11</v>
      </c>
      <c r="K40" s="22"/>
      <c r="L40" s="22"/>
      <c r="M40" s="22"/>
      <c r="N40" s="22"/>
      <c r="O40" s="22"/>
      <c r="P40" s="22"/>
    </row>
    <row r="41" spans="1:16" ht="39" customHeight="1" x14ac:dyDescent="0.2">
      <c r="A41" s="22"/>
      <c r="B41" s="35"/>
      <c r="C41" s="1181" t="s">
        <v>587</v>
      </c>
      <c r="D41" s="1182"/>
      <c r="E41" s="1183"/>
      <c r="F41" s="36">
        <v>0.08</v>
      </c>
      <c r="G41" s="37">
        <v>0.16</v>
      </c>
      <c r="H41" s="37">
        <v>0.12</v>
      </c>
      <c r="I41" s="37">
        <v>0.09</v>
      </c>
      <c r="J41" s="38">
        <v>0.11</v>
      </c>
      <c r="K41" s="22"/>
      <c r="L41" s="22"/>
      <c r="M41" s="22"/>
      <c r="N41" s="22"/>
      <c r="O41" s="22"/>
      <c r="P41" s="22"/>
    </row>
    <row r="42" spans="1:16" ht="39" customHeight="1" x14ac:dyDescent="0.2">
      <c r="A42" s="22"/>
      <c r="B42" s="39"/>
      <c r="C42" s="1181" t="s">
        <v>588</v>
      </c>
      <c r="D42" s="1182"/>
      <c r="E42" s="1183"/>
      <c r="F42" s="36" t="s">
        <v>529</v>
      </c>
      <c r="G42" s="37" t="s">
        <v>529</v>
      </c>
      <c r="H42" s="37" t="s">
        <v>529</v>
      </c>
      <c r="I42" s="37" t="s">
        <v>529</v>
      </c>
      <c r="J42" s="38" t="s">
        <v>529</v>
      </c>
      <c r="K42" s="22"/>
      <c r="L42" s="22"/>
      <c r="M42" s="22"/>
      <c r="N42" s="22"/>
      <c r="O42" s="22"/>
      <c r="P42" s="22"/>
    </row>
    <row r="43" spans="1:16" ht="39" customHeight="1" thickBot="1" x14ac:dyDescent="0.25">
      <c r="A43" s="22"/>
      <c r="B43" s="40"/>
      <c r="C43" s="1184" t="s">
        <v>589</v>
      </c>
      <c r="D43" s="1185"/>
      <c r="E43" s="1186"/>
      <c r="F43" s="41">
        <v>0.06</v>
      </c>
      <c r="G43" s="42">
        <v>0.09</v>
      </c>
      <c r="H43" s="42">
        <v>0.05</v>
      </c>
      <c r="I43" s="42">
        <v>0.02</v>
      </c>
      <c r="J43" s="43">
        <v>0.04</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SLkDvfIN9kgWWHju6BGUvlDaDAoUesQUcImNVf72K13imVo/U9hvEt3Wk5JQkBvAxByREBkKRqNxZJZ6HnFPBg==" saltValue="5pes4pJyIj3YK01ij+tLc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3">
      <c r="A44" s="48"/>
      <c r="B44" s="51" t="s">
        <v>10</v>
      </c>
      <c r="C44" s="52"/>
      <c r="D44" s="52"/>
      <c r="E44" s="53"/>
      <c r="F44" s="53"/>
      <c r="G44" s="53"/>
      <c r="H44" s="53"/>
      <c r="I44" s="53"/>
      <c r="J44" s="54" t="s">
        <v>2</v>
      </c>
      <c r="K44" s="55" t="s">
        <v>571</v>
      </c>
      <c r="L44" s="56" t="s">
        <v>572</v>
      </c>
      <c r="M44" s="56" t="s">
        <v>573</v>
      </c>
      <c r="N44" s="56" t="s">
        <v>574</v>
      </c>
      <c r="O44" s="57" t="s">
        <v>575</v>
      </c>
      <c r="P44" s="48"/>
      <c r="Q44" s="48"/>
      <c r="R44" s="48"/>
      <c r="S44" s="48"/>
      <c r="T44" s="48"/>
      <c r="U44" s="48"/>
    </row>
    <row r="45" spans="1:21" ht="30.75" customHeight="1" x14ac:dyDescent="0.2">
      <c r="A45" s="48"/>
      <c r="B45" s="1212" t="s">
        <v>11</v>
      </c>
      <c r="C45" s="1213"/>
      <c r="D45" s="58"/>
      <c r="E45" s="1218" t="s">
        <v>12</v>
      </c>
      <c r="F45" s="1218"/>
      <c r="G45" s="1218"/>
      <c r="H45" s="1218"/>
      <c r="I45" s="1218"/>
      <c r="J45" s="1219"/>
      <c r="K45" s="59">
        <v>303</v>
      </c>
      <c r="L45" s="60">
        <v>326</v>
      </c>
      <c r="M45" s="60">
        <v>361</v>
      </c>
      <c r="N45" s="60">
        <v>385</v>
      </c>
      <c r="O45" s="61">
        <v>406</v>
      </c>
      <c r="P45" s="48"/>
      <c r="Q45" s="48"/>
      <c r="R45" s="48"/>
      <c r="S45" s="48"/>
      <c r="T45" s="48"/>
      <c r="U45" s="48"/>
    </row>
    <row r="46" spans="1:21" ht="30.75" customHeight="1" x14ac:dyDescent="0.2">
      <c r="A46" s="48"/>
      <c r="B46" s="1214"/>
      <c r="C46" s="1215"/>
      <c r="D46" s="62"/>
      <c r="E46" s="1191" t="s">
        <v>13</v>
      </c>
      <c r="F46" s="1191"/>
      <c r="G46" s="1191"/>
      <c r="H46" s="1191"/>
      <c r="I46" s="1191"/>
      <c r="J46" s="1192"/>
      <c r="K46" s="63" t="s">
        <v>529</v>
      </c>
      <c r="L46" s="64" t="s">
        <v>529</v>
      </c>
      <c r="M46" s="64" t="s">
        <v>529</v>
      </c>
      <c r="N46" s="64" t="s">
        <v>529</v>
      </c>
      <c r="O46" s="65" t="s">
        <v>529</v>
      </c>
      <c r="P46" s="48"/>
      <c r="Q46" s="48"/>
      <c r="R46" s="48"/>
      <c r="S46" s="48"/>
      <c r="T46" s="48"/>
      <c r="U46" s="48"/>
    </row>
    <row r="47" spans="1:21" ht="30.75" customHeight="1" x14ac:dyDescent="0.2">
      <c r="A47" s="48"/>
      <c r="B47" s="1214"/>
      <c r="C47" s="1215"/>
      <c r="D47" s="62"/>
      <c r="E47" s="1191" t="s">
        <v>14</v>
      </c>
      <c r="F47" s="1191"/>
      <c r="G47" s="1191"/>
      <c r="H47" s="1191"/>
      <c r="I47" s="1191"/>
      <c r="J47" s="1192"/>
      <c r="K47" s="63" t="s">
        <v>529</v>
      </c>
      <c r="L47" s="64" t="s">
        <v>529</v>
      </c>
      <c r="M47" s="64" t="s">
        <v>529</v>
      </c>
      <c r="N47" s="64" t="s">
        <v>529</v>
      </c>
      <c r="O47" s="65" t="s">
        <v>529</v>
      </c>
      <c r="P47" s="48"/>
      <c r="Q47" s="48"/>
      <c r="R47" s="48"/>
      <c r="S47" s="48"/>
      <c r="T47" s="48"/>
      <c r="U47" s="48"/>
    </row>
    <row r="48" spans="1:21" ht="30.75" customHeight="1" x14ac:dyDescent="0.2">
      <c r="A48" s="48"/>
      <c r="B48" s="1214"/>
      <c r="C48" s="1215"/>
      <c r="D48" s="62"/>
      <c r="E48" s="1191" t="s">
        <v>15</v>
      </c>
      <c r="F48" s="1191"/>
      <c r="G48" s="1191"/>
      <c r="H48" s="1191"/>
      <c r="I48" s="1191"/>
      <c r="J48" s="1192"/>
      <c r="K48" s="63">
        <v>90</v>
      </c>
      <c r="L48" s="64">
        <v>91</v>
      </c>
      <c r="M48" s="64">
        <v>95</v>
      </c>
      <c r="N48" s="64">
        <v>98</v>
      </c>
      <c r="O48" s="65">
        <v>98</v>
      </c>
      <c r="P48" s="48"/>
      <c r="Q48" s="48"/>
      <c r="R48" s="48"/>
      <c r="S48" s="48"/>
      <c r="T48" s="48"/>
      <c r="U48" s="48"/>
    </row>
    <row r="49" spans="1:21" ht="30.75" customHeight="1" x14ac:dyDescent="0.2">
      <c r="A49" s="48"/>
      <c r="B49" s="1214"/>
      <c r="C49" s="1215"/>
      <c r="D49" s="62"/>
      <c r="E49" s="1191" t="s">
        <v>16</v>
      </c>
      <c r="F49" s="1191"/>
      <c r="G49" s="1191"/>
      <c r="H49" s="1191"/>
      <c r="I49" s="1191"/>
      <c r="J49" s="1192"/>
      <c r="K49" s="63">
        <v>77</v>
      </c>
      <c r="L49" s="64">
        <v>83</v>
      </c>
      <c r="M49" s="64">
        <v>105</v>
      </c>
      <c r="N49" s="64">
        <v>105</v>
      </c>
      <c r="O49" s="65">
        <v>95</v>
      </c>
      <c r="P49" s="48"/>
      <c r="Q49" s="48"/>
      <c r="R49" s="48"/>
      <c r="S49" s="48"/>
      <c r="T49" s="48"/>
      <c r="U49" s="48"/>
    </row>
    <row r="50" spans="1:21" ht="30.75" customHeight="1" x14ac:dyDescent="0.2">
      <c r="A50" s="48"/>
      <c r="B50" s="1214"/>
      <c r="C50" s="1215"/>
      <c r="D50" s="62"/>
      <c r="E50" s="1191" t="s">
        <v>17</v>
      </c>
      <c r="F50" s="1191"/>
      <c r="G50" s="1191"/>
      <c r="H50" s="1191"/>
      <c r="I50" s="1191"/>
      <c r="J50" s="1192"/>
      <c r="K50" s="63" t="s">
        <v>529</v>
      </c>
      <c r="L50" s="64" t="s">
        <v>529</v>
      </c>
      <c r="M50" s="64" t="s">
        <v>529</v>
      </c>
      <c r="N50" s="64" t="s">
        <v>529</v>
      </c>
      <c r="O50" s="65" t="s">
        <v>529</v>
      </c>
      <c r="P50" s="48"/>
      <c r="Q50" s="48"/>
      <c r="R50" s="48"/>
      <c r="S50" s="48"/>
      <c r="T50" s="48"/>
      <c r="U50" s="48"/>
    </row>
    <row r="51" spans="1:21" ht="30.75" customHeight="1" x14ac:dyDescent="0.2">
      <c r="A51" s="48"/>
      <c r="B51" s="1216"/>
      <c r="C51" s="1217"/>
      <c r="D51" s="66"/>
      <c r="E51" s="1191" t="s">
        <v>18</v>
      </c>
      <c r="F51" s="1191"/>
      <c r="G51" s="1191"/>
      <c r="H51" s="1191"/>
      <c r="I51" s="1191"/>
      <c r="J51" s="1192"/>
      <c r="K51" s="63" t="s">
        <v>529</v>
      </c>
      <c r="L51" s="64">
        <v>0</v>
      </c>
      <c r="M51" s="64">
        <v>0</v>
      </c>
      <c r="N51" s="64" t="s">
        <v>529</v>
      </c>
      <c r="O51" s="65" t="s">
        <v>529</v>
      </c>
      <c r="P51" s="48"/>
      <c r="Q51" s="48"/>
      <c r="R51" s="48"/>
      <c r="S51" s="48"/>
      <c r="T51" s="48"/>
      <c r="U51" s="48"/>
    </row>
    <row r="52" spans="1:21" ht="30.75" customHeight="1" x14ac:dyDescent="0.2">
      <c r="A52" s="48"/>
      <c r="B52" s="1189" t="s">
        <v>19</v>
      </c>
      <c r="C52" s="1190"/>
      <c r="D52" s="66"/>
      <c r="E52" s="1191" t="s">
        <v>20</v>
      </c>
      <c r="F52" s="1191"/>
      <c r="G52" s="1191"/>
      <c r="H52" s="1191"/>
      <c r="I52" s="1191"/>
      <c r="J52" s="1192"/>
      <c r="K52" s="63">
        <v>253</v>
      </c>
      <c r="L52" s="64">
        <v>284</v>
      </c>
      <c r="M52" s="64">
        <v>311</v>
      </c>
      <c r="N52" s="64">
        <v>324</v>
      </c>
      <c r="O52" s="65">
        <v>327</v>
      </c>
      <c r="P52" s="48"/>
      <c r="Q52" s="48"/>
      <c r="R52" s="48"/>
      <c r="S52" s="48"/>
      <c r="T52" s="48"/>
      <c r="U52" s="48"/>
    </row>
    <row r="53" spans="1:21" ht="30.75" customHeight="1" thickBot="1" x14ac:dyDescent="0.25">
      <c r="A53" s="48"/>
      <c r="B53" s="1193" t="s">
        <v>21</v>
      </c>
      <c r="C53" s="1194"/>
      <c r="D53" s="67"/>
      <c r="E53" s="1195" t="s">
        <v>22</v>
      </c>
      <c r="F53" s="1195"/>
      <c r="G53" s="1195"/>
      <c r="H53" s="1195"/>
      <c r="I53" s="1195"/>
      <c r="J53" s="1196"/>
      <c r="K53" s="68">
        <v>217</v>
      </c>
      <c r="L53" s="69">
        <v>216</v>
      </c>
      <c r="M53" s="69">
        <v>250</v>
      </c>
      <c r="N53" s="69">
        <v>264</v>
      </c>
      <c r="O53" s="70">
        <v>272</v>
      </c>
      <c r="P53" s="48"/>
      <c r="Q53" s="48"/>
      <c r="R53" s="48"/>
      <c r="S53" s="48"/>
      <c r="T53" s="48"/>
      <c r="U53" s="48"/>
    </row>
    <row r="54" spans="1:21" ht="24" customHeight="1" x14ac:dyDescent="0.25">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5</v>
      </c>
      <c r="C56" s="73"/>
      <c r="D56" s="73"/>
      <c r="E56" s="73"/>
      <c r="F56" s="73"/>
      <c r="G56" s="73"/>
      <c r="H56" s="73"/>
      <c r="I56" s="73"/>
      <c r="J56" s="73"/>
      <c r="K56" s="74"/>
      <c r="L56" s="74"/>
      <c r="M56" s="74"/>
      <c r="N56" s="74"/>
      <c r="O56" s="75" t="s">
        <v>590</v>
      </c>
      <c r="P56" s="48"/>
      <c r="Q56" s="48"/>
      <c r="R56" s="48"/>
      <c r="S56" s="48"/>
      <c r="T56" s="48"/>
      <c r="U56" s="48"/>
    </row>
    <row r="57" spans="1:21" ht="31.5" customHeight="1" thickBot="1" x14ac:dyDescent="0.3">
      <c r="A57" s="48"/>
      <c r="B57" s="76"/>
      <c r="C57" s="77"/>
      <c r="D57" s="77"/>
      <c r="E57" s="78"/>
      <c r="F57" s="78"/>
      <c r="G57" s="78"/>
      <c r="H57" s="78"/>
      <c r="I57" s="78"/>
      <c r="J57" s="79" t="s">
        <v>2</v>
      </c>
      <c r="K57" s="80" t="s">
        <v>591</v>
      </c>
      <c r="L57" s="81" t="s">
        <v>592</v>
      </c>
      <c r="M57" s="81" t="s">
        <v>593</v>
      </c>
      <c r="N57" s="81" t="s">
        <v>594</v>
      </c>
      <c r="O57" s="82" t="s">
        <v>595</v>
      </c>
      <c r="P57" s="48"/>
      <c r="Q57" s="48"/>
      <c r="R57" s="48"/>
      <c r="S57" s="48"/>
      <c r="T57" s="48"/>
      <c r="U57" s="48"/>
    </row>
    <row r="58" spans="1:21" ht="31.5" customHeight="1" x14ac:dyDescent="0.2">
      <c r="B58" s="1197" t="s">
        <v>26</v>
      </c>
      <c r="C58" s="1198"/>
      <c r="D58" s="1203" t="s">
        <v>27</v>
      </c>
      <c r="E58" s="1204"/>
      <c r="F58" s="1204"/>
      <c r="G58" s="1204"/>
      <c r="H58" s="1204"/>
      <c r="I58" s="1204"/>
      <c r="J58" s="1205"/>
      <c r="K58" s="83"/>
      <c r="L58" s="84"/>
      <c r="M58" s="84"/>
      <c r="N58" s="84"/>
      <c r="O58" s="85"/>
    </row>
    <row r="59" spans="1:21" ht="31.5" customHeight="1" x14ac:dyDescent="0.2">
      <c r="B59" s="1199"/>
      <c r="C59" s="1200"/>
      <c r="D59" s="1206" t="s">
        <v>28</v>
      </c>
      <c r="E59" s="1207"/>
      <c r="F59" s="1207"/>
      <c r="G59" s="1207"/>
      <c r="H59" s="1207"/>
      <c r="I59" s="1207"/>
      <c r="J59" s="1208"/>
      <c r="K59" s="86"/>
      <c r="L59" s="87"/>
      <c r="M59" s="87"/>
      <c r="N59" s="87"/>
      <c r="O59" s="88"/>
    </row>
    <row r="60" spans="1:21" ht="31.5" customHeight="1" thickBot="1" x14ac:dyDescent="0.25">
      <c r="B60" s="1201"/>
      <c r="C60" s="1202"/>
      <c r="D60" s="1209" t="s">
        <v>29</v>
      </c>
      <c r="E60" s="1210"/>
      <c r="F60" s="1210"/>
      <c r="G60" s="1210"/>
      <c r="H60" s="1210"/>
      <c r="I60" s="1210"/>
      <c r="J60" s="1211"/>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NO076CN2J5KcdCPsdaAty74FTiKFY2LloI+0leMi/g7p+RKKOQxAvc/GVUDGzK9Wr/LsBvoL/1udwOoWY3yDEg==" saltValue="446I8UwI3YDilIgGcjVJxg=="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3">
      <c r="B40" s="98" t="s">
        <v>10</v>
      </c>
      <c r="C40" s="99"/>
      <c r="D40" s="99"/>
      <c r="E40" s="100"/>
      <c r="F40" s="100"/>
      <c r="G40" s="100"/>
      <c r="H40" s="101" t="s">
        <v>2</v>
      </c>
      <c r="I40" s="102" t="s">
        <v>571</v>
      </c>
      <c r="J40" s="103" t="s">
        <v>572</v>
      </c>
      <c r="K40" s="103" t="s">
        <v>573</v>
      </c>
      <c r="L40" s="103" t="s">
        <v>574</v>
      </c>
      <c r="M40" s="104" t="s">
        <v>575</v>
      </c>
    </row>
    <row r="41" spans="2:13" ht="27.75" customHeight="1" x14ac:dyDescent="0.2">
      <c r="B41" s="1232" t="s">
        <v>32</v>
      </c>
      <c r="C41" s="1233"/>
      <c r="D41" s="105"/>
      <c r="E41" s="1234" t="s">
        <v>33</v>
      </c>
      <c r="F41" s="1234"/>
      <c r="G41" s="1234"/>
      <c r="H41" s="1235"/>
      <c r="I41" s="351">
        <v>3235</v>
      </c>
      <c r="J41" s="352">
        <v>3481</v>
      </c>
      <c r="K41" s="352">
        <v>3500</v>
      </c>
      <c r="L41" s="352">
        <v>3464</v>
      </c>
      <c r="M41" s="353">
        <v>3263</v>
      </c>
    </row>
    <row r="42" spans="2:13" ht="27.75" customHeight="1" x14ac:dyDescent="0.2">
      <c r="B42" s="1222"/>
      <c r="C42" s="1223"/>
      <c r="D42" s="106"/>
      <c r="E42" s="1226" t="s">
        <v>34</v>
      </c>
      <c r="F42" s="1226"/>
      <c r="G42" s="1226"/>
      <c r="H42" s="1227"/>
      <c r="I42" s="354" t="s">
        <v>529</v>
      </c>
      <c r="J42" s="355" t="s">
        <v>529</v>
      </c>
      <c r="K42" s="355" t="s">
        <v>529</v>
      </c>
      <c r="L42" s="355" t="s">
        <v>529</v>
      </c>
      <c r="M42" s="356" t="s">
        <v>529</v>
      </c>
    </row>
    <row r="43" spans="2:13" ht="27.75" customHeight="1" x14ac:dyDescent="0.2">
      <c r="B43" s="1222"/>
      <c r="C43" s="1223"/>
      <c r="D43" s="106"/>
      <c r="E43" s="1226" t="s">
        <v>35</v>
      </c>
      <c r="F43" s="1226"/>
      <c r="G43" s="1226"/>
      <c r="H43" s="1227"/>
      <c r="I43" s="354">
        <v>1730</v>
      </c>
      <c r="J43" s="355">
        <v>1743</v>
      </c>
      <c r="K43" s="355">
        <v>1654</v>
      </c>
      <c r="L43" s="355">
        <v>1648</v>
      </c>
      <c r="M43" s="356">
        <v>1498</v>
      </c>
    </row>
    <row r="44" spans="2:13" ht="27.75" customHeight="1" x14ac:dyDescent="0.2">
      <c r="B44" s="1222"/>
      <c r="C44" s="1223"/>
      <c r="D44" s="106"/>
      <c r="E44" s="1226" t="s">
        <v>36</v>
      </c>
      <c r="F44" s="1226"/>
      <c r="G44" s="1226"/>
      <c r="H44" s="1227"/>
      <c r="I44" s="354">
        <v>1067</v>
      </c>
      <c r="J44" s="355">
        <v>990</v>
      </c>
      <c r="K44" s="355">
        <v>890</v>
      </c>
      <c r="L44" s="355">
        <v>790</v>
      </c>
      <c r="M44" s="356">
        <v>690</v>
      </c>
    </row>
    <row r="45" spans="2:13" ht="27.75" customHeight="1" x14ac:dyDescent="0.2">
      <c r="B45" s="1222"/>
      <c r="C45" s="1223"/>
      <c r="D45" s="106"/>
      <c r="E45" s="1226" t="s">
        <v>37</v>
      </c>
      <c r="F45" s="1226"/>
      <c r="G45" s="1226"/>
      <c r="H45" s="1227"/>
      <c r="I45" s="354">
        <v>816</v>
      </c>
      <c r="J45" s="355">
        <v>827</v>
      </c>
      <c r="K45" s="355">
        <v>861</v>
      </c>
      <c r="L45" s="355">
        <v>731</v>
      </c>
      <c r="M45" s="356">
        <v>720</v>
      </c>
    </row>
    <row r="46" spans="2:13" ht="27.75" customHeight="1" x14ac:dyDescent="0.2">
      <c r="B46" s="1222"/>
      <c r="C46" s="1223"/>
      <c r="D46" s="107"/>
      <c r="E46" s="1226" t="s">
        <v>38</v>
      </c>
      <c r="F46" s="1226"/>
      <c r="G46" s="1226"/>
      <c r="H46" s="1227"/>
      <c r="I46" s="354" t="s">
        <v>529</v>
      </c>
      <c r="J46" s="355" t="s">
        <v>529</v>
      </c>
      <c r="K46" s="355" t="s">
        <v>529</v>
      </c>
      <c r="L46" s="355" t="s">
        <v>529</v>
      </c>
      <c r="M46" s="356" t="s">
        <v>529</v>
      </c>
    </row>
    <row r="47" spans="2:13" ht="27.75" customHeight="1" x14ac:dyDescent="0.2">
      <c r="B47" s="1222"/>
      <c r="C47" s="1223"/>
      <c r="D47" s="108"/>
      <c r="E47" s="1236" t="s">
        <v>39</v>
      </c>
      <c r="F47" s="1237"/>
      <c r="G47" s="1237"/>
      <c r="H47" s="1238"/>
      <c r="I47" s="354" t="s">
        <v>529</v>
      </c>
      <c r="J47" s="355" t="s">
        <v>529</v>
      </c>
      <c r="K47" s="355" t="s">
        <v>529</v>
      </c>
      <c r="L47" s="355" t="s">
        <v>529</v>
      </c>
      <c r="M47" s="356" t="s">
        <v>529</v>
      </c>
    </row>
    <row r="48" spans="2:13" ht="27.75" customHeight="1" x14ac:dyDescent="0.2">
      <c r="B48" s="1222"/>
      <c r="C48" s="1223"/>
      <c r="D48" s="106"/>
      <c r="E48" s="1226" t="s">
        <v>40</v>
      </c>
      <c r="F48" s="1226"/>
      <c r="G48" s="1226"/>
      <c r="H48" s="1227"/>
      <c r="I48" s="354" t="s">
        <v>529</v>
      </c>
      <c r="J48" s="355" t="s">
        <v>529</v>
      </c>
      <c r="K48" s="355" t="s">
        <v>529</v>
      </c>
      <c r="L48" s="355" t="s">
        <v>529</v>
      </c>
      <c r="M48" s="356" t="s">
        <v>529</v>
      </c>
    </row>
    <row r="49" spans="2:13" ht="27.75" customHeight="1" x14ac:dyDescent="0.2">
      <c r="B49" s="1224"/>
      <c r="C49" s="1225"/>
      <c r="D49" s="106"/>
      <c r="E49" s="1226" t="s">
        <v>41</v>
      </c>
      <c r="F49" s="1226"/>
      <c r="G49" s="1226"/>
      <c r="H49" s="1227"/>
      <c r="I49" s="354" t="s">
        <v>529</v>
      </c>
      <c r="J49" s="355" t="s">
        <v>529</v>
      </c>
      <c r="K49" s="355" t="s">
        <v>529</v>
      </c>
      <c r="L49" s="355" t="s">
        <v>529</v>
      </c>
      <c r="M49" s="356" t="s">
        <v>529</v>
      </c>
    </row>
    <row r="50" spans="2:13" ht="27.75" customHeight="1" x14ac:dyDescent="0.2">
      <c r="B50" s="1220" t="s">
        <v>42</v>
      </c>
      <c r="C50" s="1221"/>
      <c r="D50" s="109"/>
      <c r="E50" s="1226" t="s">
        <v>43</v>
      </c>
      <c r="F50" s="1226"/>
      <c r="G50" s="1226"/>
      <c r="H50" s="1227"/>
      <c r="I50" s="354">
        <v>595</v>
      </c>
      <c r="J50" s="355">
        <v>556</v>
      </c>
      <c r="K50" s="355">
        <v>512</v>
      </c>
      <c r="L50" s="355">
        <v>751</v>
      </c>
      <c r="M50" s="356">
        <v>1006</v>
      </c>
    </row>
    <row r="51" spans="2:13" ht="27.75" customHeight="1" x14ac:dyDescent="0.2">
      <c r="B51" s="1222"/>
      <c r="C51" s="1223"/>
      <c r="D51" s="106"/>
      <c r="E51" s="1226" t="s">
        <v>44</v>
      </c>
      <c r="F51" s="1226"/>
      <c r="G51" s="1226"/>
      <c r="H51" s="1227"/>
      <c r="I51" s="354">
        <v>55</v>
      </c>
      <c r="J51" s="355">
        <v>47</v>
      </c>
      <c r="K51" s="355">
        <v>40</v>
      </c>
      <c r="L51" s="355">
        <v>35</v>
      </c>
      <c r="M51" s="356">
        <v>31</v>
      </c>
    </row>
    <row r="52" spans="2:13" ht="27.75" customHeight="1" x14ac:dyDescent="0.2">
      <c r="B52" s="1224"/>
      <c r="C52" s="1225"/>
      <c r="D52" s="106"/>
      <c r="E52" s="1226" t="s">
        <v>45</v>
      </c>
      <c r="F52" s="1226"/>
      <c r="G52" s="1226"/>
      <c r="H52" s="1227"/>
      <c r="I52" s="354">
        <v>3344</v>
      </c>
      <c r="J52" s="355">
        <v>3592</v>
      </c>
      <c r="K52" s="355">
        <v>3574</v>
      </c>
      <c r="L52" s="355">
        <v>3533</v>
      </c>
      <c r="M52" s="356">
        <v>3343</v>
      </c>
    </row>
    <row r="53" spans="2:13" ht="27.75" customHeight="1" thickBot="1" x14ac:dyDescent="0.25">
      <c r="B53" s="1228" t="s">
        <v>46</v>
      </c>
      <c r="C53" s="1229"/>
      <c r="D53" s="110"/>
      <c r="E53" s="1230" t="s">
        <v>47</v>
      </c>
      <c r="F53" s="1230"/>
      <c r="G53" s="1230"/>
      <c r="H53" s="1231"/>
      <c r="I53" s="357">
        <v>2854</v>
      </c>
      <c r="J53" s="358">
        <v>2846</v>
      </c>
      <c r="K53" s="358">
        <v>2779</v>
      </c>
      <c r="L53" s="358">
        <v>2314</v>
      </c>
      <c r="M53" s="359">
        <v>1791</v>
      </c>
    </row>
    <row r="54" spans="2:13" ht="27.75" customHeight="1" x14ac:dyDescent="0.25">
      <c r="B54" s="111" t="s">
        <v>48</v>
      </c>
      <c r="C54" s="112"/>
      <c r="D54" s="112"/>
      <c r="E54" s="113"/>
      <c r="F54" s="113"/>
      <c r="G54" s="113"/>
      <c r="H54" s="113"/>
      <c r="I54" s="114"/>
      <c r="J54" s="114"/>
      <c r="K54" s="114"/>
      <c r="L54" s="114"/>
      <c r="M54" s="114"/>
    </row>
    <row r="55" spans="2:13" ht="13" x14ac:dyDescent="0.2"/>
  </sheetData>
  <sheetProtection algorithmName="SHA-512" hashValue="CLFYgnEaiwimm8HcKAF/Xz9KoRXdSV5Ajl+dy/PJrjmDAzeykwf5GIpU6MSxtqBDp6Uraieavivv9SBavFX7SA==" saltValue="t53f/Qwx3Mb9ZlgLvrkB6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1" customWidth="1"/>
    <col min="2" max="2" width="16.36328125" style="1" customWidth="1"/>
    <col min="3" max="5" width="26.26953125" style="1" customWidth="1"/>
    <col min="6" max="8" width="24.2695312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9</v>
      </c>
    </row>
    <row r="54" spans="2:8" ht="29.25" customHeight="1" thickBot="1" x14ac:dyDescent="0.35">
      <c r="B54" s="116" t="s">
        <v>1</v>
      </c>
      <c r="C54" s="117"/>
      <c r="D54" s="117"/>
      <c r="E54" s="118" t="s">
        <v>2</v>
      </c>
      <c r="F54" s="119" t="s">
        <v>573</v>
      </c>
      <c r="G54" s="119" t="s">
        <v>574</v>
      </c>
      <c r="H54" s="120" t="s">
        <v>575</v>
      </c>
    </row>
    <row r="55" spans="2:8" ht="52.5" customHeight="1" x14ac:dyDescent="0.2">
      <c r="B55" s="121"/>
      <c r="C55" s="1247" t="s">
        <v>50</v>
      </c>
      <c r="D55" s="1247"/>
      <c r="E55" s="1248"/>
      <c r="F55" s="122">
        <v>260</v>
      </c>
      <c r="G55" s="122">
        <v>335</v>
      </c>
      <c r="H55" s="123">
        <v>445</v>
      </c>
    </row>
    <row r="56" spans="2:8" ht="52.5" customHeight="1" x14ac:dyDescent="0.2">
      <c r="B56" s="124"/>
      <c r="C56" s="1249" t="s">
        <v>51</v>
      </c>
      <c r="D56" s="1249"/>
      <c r="E56" s="1250"/>
      <c r="F56" s="125">
        <v>0</v>
      </c>
      <c r="G56" s="125">
        <v>0</v>
      </c>
      <c r="H56" s="126">
        <v>0</v>
      </c>
    </row>
    <row r="57" spans="2:8" ht="53.25" customHeight="1" x14ac:dyDescent="0.2">
      <c r="B57" s="124"/>
      <c r="C57" s="1251" t="s">
        <v>52</v>
      </c>
      <c r="D57" s="1251"/>
      <c r="E57" s="1252"/>
      <c r="F57" s="127">
        <v>78</v>
      </c>
      <c r="G57" s="127">
        <v>215</v>
      </c>
      <c r="H57" s="128">
        <v>315</v>
      </c>
    </row>
    <row r="58" spans="2:8" ht="45.75" customHeight="1" x14ac:dyDescent="0.2">
      <c r="B58" s="129"/>
      <c r="C58" s="1239" t="s">
        <v>605</v>
      </c>
      <c r="D58" s="1240"/>
      <c r="E58" s="1241"/>
      <c r="F58" s="360">
        <v>0</v>
      </c>
      <c r="G58" s="360">
        <v>40</v>
      </c>
      <c r="H58" s="361">
        <v>100</v>
      </c>
    </row>
    <row r="59" spans="2:8" ht="45.75" customHeight="1" x14ac:dyDescent="0.2">
      <c r="B59" s="129"/>
      <c r="C59" s="1239" t="s">
        <v>609</v>
      </c>
      <c r="D59" s="1240"/>
      <c r="E59" s="1241"/>
      <c r="F59" s="360">
        <v>0</v>
      </c>
      <c r="G59" s="360">
        <v>48</v>
      </c>
      <c r="H59" s="361">
        <v>100</v>
      </c>
    </row>
    <row r="60" spans="2:8" ht="45.75" customHeight="1" x14ac:dyDescent="0.2">
      <c r="B60" s="129"/>
      <c r="C60" s="1239" t="s">
        <v>606</v>
      </c>
      <c r="D60" s="1240"/>
      <c r="E60" s="1241"/>
      <c r="F60" s="360">
        <v>31</v>
      </c>
      <c r="G60" s="360">
        <v>49</v>
      </c>
      <c r="H60" s="361">
        <v>47</v>
      </c>
    </row>
    <row r="61" spans="2:8" ht="45.75" customHeight="1" x14ac:dyDescent="0.2">
      <c r="B61" s="129"/>
      <c r="C61" s="1239" t="s">
        <v>607</v>
      </c>
      <c r="D61" s="1240"/>
      <c r="E61" s="1241"/>
      <c r="F61" s="360">
        <v>10</v>
      </c>
      <c r="G61" s="360">
        <v>22</v>
      </c>
      <c r="H61" s="361">
        <v>23</v>
      </c>
    </row>
    <row r="62" spans="2:8" ht="45.75" customHeight="1" thickBot="1" x14ac:dyDescent="0.25">
      <c r="B62" s="130"/>
      <c r="C62" s="1242" t="s">
        <v>608</v>
      </c>
      <c r="D62" s="1243"/>
      <c r="E62" s="1244"/>
      <c r="F62" s="362">
        <v>2</v>
      </c>
      <c r="G62" s="362">
        <v>12</v>
      </c>
      <c r="H62" s="363">
        <v>12</v>
      </c>
    </row>
    <row r="63" spans="2:8" ht="52.5" customHeight="1" thickBot="1" x14ac:dyDescent="0.25">
      <c r="B63" s="131"/>
      <c r="C63" s="1245" t="s">
        <v>53</v>
      </c>
      <c r="D63" s="1245"/>
      <c r="E63" s="1246"/>
      <c r="F63" s="132">
        <v>338</v>
      </c>
      <c r="G63" s="132">
        <v>550</v>
      </c>
      <c r="H63" s="133">
        <v>760</v>
      </c>
    </row>
    <row r="64" spans="2:8" ht="13" x14ac:dyDescent="0.2"/>
  </sheetData>
  <sheetProtection algorithmName="SHA-512" hashValue="rrcxBkUFbvcR566OHUQpB/t9YL9mgm6u5sarwYz1sbz7uR5mdxjliQ6fsa5oBm4Eoszqv513HYrAjCxXRRPqaQ==" saltValue="kIPz57qZP+ocO9womYOuv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0" customHeight="1" zeroHeight="1" x14ac:dyDescent="0.2"/>
  <cols>
    <col min="1" max="1" width="6.36328125" style="364" customWidth="1"/>
    <col min="2" max="107" width="2.453125" style="364" customWidth="1"/>
    <col min="108" max="108" width="6.08984375" style="366" customWidth="1"/>
    <col min="109" max="109" width="5.90625" style="365" customWidth="1"/>
    <col min="110" max="16384" width="8.6328125" style="364" hidden="1"/>
  </cols>
  <sheetData>
    <row r="1" spans="1:109" ht="42.75" customHeight="1" x14ac:dyDescent="0.2">
      <c r="A1" s="399"/>
      <c r="B1" s="398"/>
      <c r="DD1" s="364"/>
      <c r="DE1" s="364"/>
    </row>
    <row r="2" spans="1:109" ht="25.5" customHeight="1" x14ac:dyDescent="0.2">
      <c r="A2" s="397"/>
      <c r="C2" s="397"/>
      <c r="O2" s="397"/>
      <c r="P2" s="397"/>
      <c r="Q2" s="397"/>
      <c r="R2" s="397"/>
      <c r="S2" s="397"/>
      <c r="T2" s="397"/>
      <c r="U2" s="397"/>
      <c r="V2" s="397"/>
      <c r="W2" s="397"/>
      <c r="X2" s="397"/>
      <c r="Y2" s="397"/>
      <c r="Z2" s="397"/>
      <c r="AA2" s="397"/>
      <c r="AB2" s="397"/>
      <c r="AC2" s="397"/>
      <c r="AD2" s="397"/>
      <c r="AE2" s="397"/>
      <c r="AF2" s="397"/>
      <c r="AG2" s="397"/>
      <c r="AH2" s="397"/>
      <c r="AI2" s="397"/>
      <c r="AU2" s="397"/>
      <c r="BG2" s="397"/>
      <c r="BS2" s="397"/>
      <c r="CE2" s="397"/>
      <c r="CQ2" s="397"/>
      <c r="DD2" s="364"/>
      <c r="DE2" s="364"/>
    </row>
    <row r="3" spans="1:109" ht="25.5" customHeight="1" x14ac:dyDescent="0.2">
      <c r="A3" s="397"/>
      <c r="C3" s="397"/>
      <c r="O3" s="397"/>
      <c r="P3" s="397"/>
      <c r="Q3" s="397"/>
      <c r="R3" s="397"/>
      <c r="S3" s="397"/>
      <c r="T3" s="397"/>
      <c r="U3" s="397"/>
      <c r="V3" s="397"/>
      <c r="W3" s="397"/>
      <c r="X3" s="397"/>
      <c r="Y3" s="397"/>
      <c r="Z3" s="397"/>
      <c r="AA3" s="397"/>
      <c r="AB3" s="397"/>
      <c r="AC3" s="397"/>
      <c r="AD3" s="397"/>
      <c r="AE3" s="397"/>
      <c r="AF3" s="397"/>
      <c r="AG3" s="397"/>
      <c r="AH3" s="397"/>
      <c r="AI3" s="397"/>
      <c r="AU3" s="397"/>
      <c r="BG3" s="397"/>
      <c r="BS3" s="397"/>
      <c r="CE3" s="397"/>
      <c r="CQ3" s="397"/>
      <c r="DD3" s="364"/>
      <c r="DE3" s="364"/>
    </row>
    <row r="4" spans="1:109" s="255" customFormat="1" ht="13" x14ac:dyDescent="0.2">
      <c r="A4" s="397"/>
      <c r="B4" s="397"/>
      <c r="C4" s="397"/>
      <c r="D4" s="397"/>
      <c r="E4" s="397"/>
      <c r="F4" s="397"/>
      <c r="G4" s="397"/>
      <c r="H4" s="397"/>
      <c r="I4" s="397"/>
      <c r="J4" s="397"/>
      <c r="K4" s="397"/>
      <c r="L4" s="397"/>
      <c r="M4" s="397"/>
      <c r="N4" s="397"/>
      <c r="O4" s="397"/>
      <c r="P4" s="397"/>
      <c r="Q4" s="397"/>
      <c r="R4" s="397"/>
      <c r="S4" s="397"/>
      <c r="T4" s="397"/>
      <c r="U4" s="397"/>
      <c r="V4" s="397"/>
      <c r="W4" s="397"/>
      <c r="X4" s="397"/>
      <c r="Y4" s="397"/>
      <c r="Z4" s="397"/>
      <c r="AA4" s="397"/>
      <c r="AB4" s="397"/>
      <c r="AC4" s="397"/>
      <c r="AD4" s="397"/>
      <c r="AE4" s="397"/>
      <c r="AF4" s="397"/>
      <c r="AG4" s="397"/>
      <c r="AH4" s="397"/>
      <c r="AI4" s="397"/>
      <c r="AJ4" s="397"/>
      <c r="AK4" s="397"/>
      <c r="AL4" s="397"/>
      <c r="AM4" s="397"/>
      <c r="AN4" s="397"/>
      <c r="AO4" s="397"/>
      <c r="AP4" s="397"/>
      <c r="AQ4" s="397"/>
      <c r="AR4" s="397"/>
      <c r="AS4" s="397"/>
      <c r="AT4" s="397"/>
      <c r="AU4" s="397"/>
      <c r="AV4" s="397"/>
      <c r="AW4" s="397"/>
      <c r="AX4" s="397"/>
      <c r="AY4" s="397"/>
      <c r="AZ4" s="397"/>
      <c r="BA4" s="397"/>
      <c r="BB4" s="397"/>
      <c r="BC4" s="397"/>
      <c r="BD4" s="397"/>
      <c r="BE4" s="397"/>
      <c r="BF4" s="397"/>
      <c r="BG4" s="397"/>
      <c r="BH4" s="397"/>
      <c r="BI4" s="397"/>
      <c r="BJ4" s="397"/>
      <c r="BK4" s="397"/>
      <c r="BL4" s="397"/>
      <c r="BM4" s="397"/>
      <c r="BN4" s="397"/>
      <c r="BO4" s="397"/>
      <c r="BP4" s="397"/>
      <c r="BQ4" s="397"/>
      <c r="BR4" s="397"/>
      <c r="BS4" s="397"/>
      <c r="BT4" s="397"/>
      <c r="BU4" s="397"/>
      <c r="BV4" s="397"/>
      <c r="BW4" s="397"/>
      <c r="BX4" s="397"/>
      <c r="BY4" s="397"/>
      <c r="BZ4" s="397"/>
      <c r="CA4" s="397"/>
      <c r="CB4" s="397"/>
      <c r="CC4" s="397"/>
      <c r="CD4" s="397"/>
      <c r="CE4" s="397"/>
      <c r="CF4" s="397"/>
      <c r="CG4" s="397"/>
      <c r="CH4" s="397"/>
      <c r="CI4" s="397"/>
      <c r="CJ4" s="397"/>
      <c r="CK4" s="397"/>
      <c r="CL4" s="397"/>
      <c r="CM4" s="397"/>
      <c r="CN4" s="397"/>
      <c r="CO4" s="397"/>
      <c r="CP4" s="397"/>
      <c r="CQ4" s="397"/>
      <c r="CR4" s="397"/>
      <c r="CS4" s="397"/>
      <c r="CT4" s="397"/>
      <c r="CU4" s="397"/>
      <c r="CV4" s="397"/>
      <c r="CW4" s="397"/>
      <c r="CX4" s="397"/>
      <c r="CY4" s="397"/>
      <c r="CZ4" s="397"/>
      <c r="DA4" s="397"/>
      <c r="DB4" s="397"/>
      <c r="DC4" s="397"/>
      <c r="DD4" s="397"/>
      <c r="DE4" s="397"/>
    </row>
    <row r="5" spans="1:109" s="255" customFormat="1" ht="13" x14ac:dyDescent="0.2">
      <c r="A5" s="397"/>
      <c r="B5" s="397"/>
      <c r="C5" s="397"/>
      <c r="D5" s="397"/>
      <c r="E5" s="397"/>
      <c r="F5" s="397"/>
      <c r="G5" s="397"/>
      <c r="H5" s="397"/>
      <c r="I5" s="397"/>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7"/>
      <c r="AM5" s="397"/>
      <c r="AN5" s="397"/>
      <c r="AO5" s="397"/>
      <c r="AP5" s="397"/>
      <c r="AQ5" s="397"/>
      <c r="AR5" s="397"/>
      <c r="AS5" s="397"/>
      <c r="AT5" s="397"/>
      <c r="AU5" s="397"/>
      <c r="AV5" s="397"/>
      <c r="AW5" s="397"/>
      <c r="AX5" s="397"/>
      <c r="AY5" s="397"/>
      <c r="AZ5" s="397"/>
      <c r="BA5" s="397"/>
      <c r="BB5" s="397"/>
      <c r="BC5" s="397"/>
      <c r="BD5" s="397"/>
      <c r="BE5" s="397"/>
      <c r="BF5" s="397"/>
      <c r="BG5" s="397"/>
      <c r="BH5" s="397"/>
      <c r="BI5" s="397"/>
      <c r="BJ5" s="397"/>
      <c r="BK5" s="397"/>
      <c r="BL5" s="397"/>
      <c r="BM5" s="397"/>
      <c r="BN5" s="397"/>
      <c r="BO5" s="397"/>
      <c r="BP5" s="397"/>
      <c r="BQ5" s="397"/>
      <c r="BR5" s="397"/>
      <c r="BS5" s="397"/>
      <c r="BT5" s="397"/>
      <c r="BU5" s="397"/>
      <c r="BV5" s="397"/>
      <c r="BW5" s="397"/>
      <c r="BX5" s="397"/>
      <c r="BY5" s="397"/>
      <c r="BZ5" s="397"/>
      <c r="CA5" s="397"/>
      <c r="CB5" s="397"/>
      <c r="CC5" s="397"/>
      <c r="CD5" s="397"/>
      <c r="CE5" s="397"/>
      <c r="CF5" s="397"/>
      <c r="CG5" s="397"/>
      <c r="CH5" s="397"/>
      <c r="CI5" s="397"/>
      <c r="CJ5" s="397"/>
      <c r="CK5" s="397"/>
      <c r="CL5" s="397"/>
      <c r="CM5" s="397"/>
      <c r="CN5" s="397"/>
      <c r="CO5" s="397"/>
      <c r="CP5" s="397"/>
      <c r="CQ5" s="397"/>
      <c r="CR5" s="397"/>
      <c r="CS5" s="397"/>
      <c r="CT5" s="397"/>
      <c r="CU5" s="397"/>
      <c r="CV5" s="397"/>
      <c r="CW5" s="397"/>
      <c r="CX5" s="397"/>
      <c r="CY5" s="397"/>
      <c r="CZ5" s="397"/>
      <c r="DA5" s="397"/>
      <c r="DB5" s="397"/>
      <c r="DC5" s="397"/>
      <c r="DD5" s="397"/>
      <c r="DE5" s="397"/>
    </row>
    <row r="6" spans="1:109" s="255" customFormat="1" ht="13" x14ac:dyDescent="0.2">
      <c r="A6" s="397"/>
      <c r="B6" s="397"/>
      <c r="C6" s="397"/>
      <c r="D6" s="397"/>
      <c r="E6" s="397"/>
      <c r="F6" s="397"/>
      <c r="G6" s="397"/>
      <c r="H6" s="397"/>
      <c r="I6" s="397"/>
      <c r="J6" s="397"/>
      <c r="K6" s="397"/>
      <c r="L6" s="397"/>
      <c r="M6" s="397"/>
      <c r="N6" s="397"/>
      <c r="O6" s="397"/>
      <c r="P6" s="397"/>
      <c r="Q6" s="397"/>
      <c r="R6" s="397"/>
      <c r="S6" s="397"/>
      <c r="T6" s="397"/>
      <c r="U6" s="397"/>
      <c r="V6" s="397"/>
      <c r="W6" s="397"/>
      <c r="X6" s="397"/>
      <c r="Y6" s="397"/>
      <c r="Z6" s="397"/>
      <c r="AA6" s="397"/>
      <c r="AB6" s="397"/>
      <c r="AC6" s="397"/>
      <c r="AD6" s="397"/>
      <c r="AE6" s="397"/>
      <c r="AF6" s="397"/>
      <c r="AG6" s="397"/>
      <c r="AH6" s="397"/>
      <c r="AI6" s="397"/>
      <c r="AJ6" s="397"/>
      <c r="AK6" s="397"/>
      <c r="AL6" s="397"/>
      <c r="AM6" s="397"/>
      <c r="AN6" s="397"/>
      <c r="AO6" s="397"/>
      <c r="AP6" s="397"/>
      <c r="AQ6" s="397"/>
      <c r="AR6" s="397"/>
      <c r="AS6" s="397"/>
      <c r="AT6" s="397"/>
      <c r="AU6" s="397"/>
      <c r="AV6" s="397"/>
      <c r="AW6" s="397"/>
      <c r="AX6" s="397"/>
      <c r="AY6" s="397"/>
      <c r="AZ6" s="397"/>
      <c r="BA6" s="397"/>
      <c r="BB6" s="397"/>
      <c r="BC6" s="397"/>
      <c r="BD6" s="397"/>
      <c r="BE6" s="397"/>
      <c r="BF6" s="397"/>
      <c r="BG6" s="397"/>
      <c r="BH6" s="397"/>
      <c r="BI6" s="397"/>
      <c r="BJ6" s="397"/>
      <c r="BK6" s="397"/>
      <c r="BL6" s="397"/>
      <c r="BM6" s="397"/>
      <c r="BN6" s="397"/>
      <c r="BO6" s="397"/>
      <c r="BP6" s="397"/>
      <c r="BQ6" s="397"/>
      <c r="BR6" s="397"/>
      <c r="BS6" s="397"/>
      <c r="BT6" s="397"/>
      <c r="BU6" s="397"/>
      <c r="BV6" s="397"/>
      <c r="BW6" s="397"/>
      <c r="BX6" s="397"/>
      <c r="BY6" s="397"/>
      <c r="BZ6" s="397"/>
      <c r="CA6" s="397"/>
      <c r="CB6" s="397"/>
      <c r="CC6" s="397"/>
      <c r="CD6" s="397"/>
      <c r="CE6" s="397"/>
      <c r="CF6" s="397"/>
      <c r="CG6" s="397"/>
      <c r="CH6" s="397"/>
      <c r="CI6" s="397"/>
      <c r="CJ6" s="397"/>
      <c r="CK6" s="397"/>
      <c r="CL6" s="397"/>
      <c r="CM6" s="397"/>
      <c r="CN6" s="397"/>
      <c r="CO6" s="397"/>
      <c r="CP6" s="397"/>
      <c r="CQ6" s="397"/>
      <c r="CR6" s="397"/>
      <c r="CS6" s="397"/>
      <c r="CT6" s="397"/>
      <c r="CU6" s="397"/>
      <c r="CV6" s="397"/>
      <c r="CW6" s="397"/>
      <c r="CX6" s="397"/>
      <c r="CY6" s="397"/>
      <c r="CZ6" s="397"/>
      <c r="DA6" s="397"/>
      <c r="DB6" s="397"/>
      <c r="DC6" s="397"/>
      <c r="DD6" s="397"/>
      <c r="DE6" s="397"/>
    </row>
    <row r="7" spans="1:109" s="255" customFormat="1" ht="13" x14ac:dyDescent="0.2">
      <c r="A7" s="397"/>
      <c r="B7" s="397"/>
      <c r="C7" s="397"/>
      <c r="D7" s="397"/>
      <c r="E7" s="397"/>
      <c r="F7" s="397"/>
      <c r="G7" s="397"/>
      <c r="H7" s="397"/>
      <c r="I7" s="397"/>
      <c r="J7" s="397"/>
      <c r="K7" s="397"/>
      <c r="L7" s="397"/>
      <c r="M7" s="397"/>
      <c r="N7" s="397"/>
      <c r="O7" s="397"/>
      <c r="P7" s="397"/>
      <c r="Q7" s="397"/>
      <c r="R7" s="397"/>
      <c r="S7" s="397"/>
      <c r="T7" s="397"/>
      <c r="U7" s="397"/>
      <c r="V7" s="397"/>
      <c r="W7" s="397"/>
      <c r="X7" s="397"/>
      <c r="Y7" s="397"/>
      <c r="Z7" s="397"/>
      <c r="AA7" s="397"/>
      <c r="AB7" s="397"/>
      <c r="AC7" s="397"/>
      <c r="AD7" s="397"/>
      <c r="AE7" s="397"/>
      <c r="AF7" s="397"/>
      <c r="AG7" s="397"/>
      <c r="AH7" s="397"/>
      <c r="AI7" s="397"/>
      <c r="AJ7" s="397"/>
      <c r="AK7" s="397"/>
      <c r="AL7" s="397"/>
      <c r="AM7" s="397"/>
      <c r="AN7" s="397"/>
      <c r="AO7" s="397"/>
      <c r="AP7" s="397"/>
      <c r="AQ7" s="397"/>
      <c r="AR7" s="397"/>
      <c r="AS7" s="397"/>
      <c r="AT7" s="397"/>
      <c r="AU7" s="397"/>
      <c r="AV7" s="397"/>
      <c r="AW7" s="397"/>
      <c r="AX7" s="397"/>
      <c r="AY7" s="397"/>
      <c r="AZ7" s="397"/>
      <c r="BA7" s="397"/>
      <c r="BB7" s="397"/>
      <c r="BC7" s="397"/>
      <c r="BD7" s="397"/>
      <c r="BE7" s="397"/>
      <c r="BF7" s="397"/>
      <c r="BG7" s="397"/>
      <c r="BH7" s="397"/>
      <c r="BI7" s="397"/>
      <c r="BJ7" s="397"/>
      <c r="BK7" s="397"/>
      <c r="BL7" s="397"/>
      <c r="BM7" s="397"/>
      <c r="BN7" s="397"/>
      <c r="BO7" s="397"/>
      <c r="BP7" s="397"/>
      <c r="BQ7" s="397"/>
      <c r="BR7" s="397"/>
      <c r="BS7" s="397"/>
      <c r="BT7" s="397"/>
      <c r="BU7" s="397"/>
      <c r="BV7" s="397"/>
      <c r="BW7" s="397"/>
      <c r="BX7" s="397"/>
      <c r="BY7" s="397"/>
      <c r="BZ7" s="397"/>
      <c r="CA7" s="397"/>
      <c r="CB7" s="397"/>
      <c r="CC7" s="397"/>
      <c r="CD7" s="397"/>
      <c r="CE7" s="397"/>
      <c r="CF7" s="397"/>
      <c r="CG7" s="397"/>
      <c r="CH7" s="397"/>
      <c r="CI7" s="397"/>
      <c r="CJ7" s="397"/>
      <c r="CK7" s="397"/>
      <c r="CL7" s="397"/>
      <c r="CM7" s="397"/>
      <c r="CN7" s="397"/>
      <c r="CO7" s="397"/>
      <c r="CP7" s="397"/>
      <c r="CQ7" s="397"/>
      <c r="CR7" s="397"/>
      <c r="CS7" s="397"/>
      <c r="CT7" s="397"/>
      <c r="CU7" s="397"/>
      <c r="CV7" s="397"/>
      <c r="CW7" s="397"/>
      <c r="CX7" s="397"/>
      <c r="CY7" s="397"/>
      <c r="CZ7" s="397"/>
      <c r="DA7" s="397"/>
      <c r="DB7" s="397"/>
      <c r="DC7" s="397"/>
      <c r="DD7" s="397"/>
      <c r="DE7" s="397"/>
    </row>
    <row r="8" spans="1:109" s="255" customFormat="1" ht="13" x14ac:dyDescent="0.2">
      <c r="A8" s="397"/>
      <c r="B8" s="397"/>
      <c r="C8" s="397"/>
      <c r="D8" s="397"/>
      <c r="E8" s="397"/>
      <c r="F8" s="397"/>
      <c r="G8" s="397"/>
      <c r="H8" s="397"/>
      <c r="I8" s="397"/>
      <c r="J8" s="397"/>
      <c r="K8" s="397"/>
      <c r="L8" s="397"/>
      <c r="M8" s="397"/>
      <c r="N8" s="397"/>
      <c r="O8" s="397"/>
      <c r="P8" s="397"/>
      <c r="Q8" s="397"/>
      <c r="R8" s="397"/>
      <c r="S8" s="397"/>
      <c r="T8" s="397"/>
      <c r="U8" s="397"/>
      <c r="V8" s="397"/>
      <c r="W8" s="397"/>
      <c r="X8" s="397"/>
      <c r="Y8" s="397"/>
      <c r="Z8" s="397"/>
      <c r="AA8" s="397"/>
      <c r="AB8" s="397"/>
      <c r="AC8" s="397"/>
      <c r="AD8" s="397"/>
      <c r="AE8" s="397"/>
      <c r="AF8" s="397"/>
      <c r="AG8" s="397"/>
      <c r="AH8" s="397"/>
      <c r="AI8" s="397"/>
      <c r="AJ8" s="397"/>
      <c r="AK8" s="397"/>
      <c r="AL8" s="397"/>
      <c r="AM8" s="397"/>
      <c r="AN8" s="397"/>
      <c r="AO8" s="397"/>
      <c r="AP8" s="397"/>
      <c r="AQ8" s="397"/>
      <c r="AR8" s="397"/>
      <c r="AS8" s="397"/>
      <c r="AT8" s="397"/>
      <c r="AU8" s="397"/>
      <c r="AV8" s="397"/>
      <c r="AW8" s="397"/>
      <c r="AX8" s="397"/>
      <c r="AY8" s="397"/>
      <c r="AZ8" s="397"/>
      <c r="BA8" s="397"/>
      <c r="BB8" s="397"/>
      <c r="BC8" s="397"/>
      <c r="BD8" s="397"/>
      <c r="BE8" s="397"/>
      <c r="BF8" s="397"/>
      <c r="BG8" s="397"/>
      <c r="BH8" s="397"/>
      <c r="BI8" s="397"/>
      <c r="BJ8" s="397"/>
      <c r="BK8" s="397"/>
      <c r="BL8" s="397"/>
      <c r="BM8" s="397"/>
      <c r="BN8" s="397"/>
      <c r="BO8" s="397"/>
      <c r="BP8" s="397"/>
      <c r="BQ8" s="397"/>
      <c r="BR8" s="397"/>
      <c r="BS8" s="397"/>
      <c r="BT8" s="397"/>
      <c r="BU8" s="397"/>
      <c r="BV8" s="397"/>
      <c r="BW8" s="397"/>
      <c r="BX8" s="397"/>
      <c r="BY8" s="397"/>
      <c r="BZ8" s="397"/>
      <c r="CA8" s="397"/>
      <c r="CB8" s="397"/>
      <c r="CC8" s="397"/>
      <c r="CD8" s="397"/>
      <c r="CE8" s="397"/>
      <c r="CF8" s="397"/>
      <c r="CG8" s="397"/>
      <c r="CH8" s="397"/>
      <c r="CI8" s="397"/>
      <c r="CJ8" s="397"/>
      <c r="CK8" s="397"/>
      <c r="CL8" s="397"/>
      <c r="CM8" s="397"/>
      <c r="CN8" s="397"/>
      <c r="CO8" s="397"/>
      <c r="CP8" s="397"/>
      <c r="CQ8" s="397"/>
      <c r="CR8" s="397"/>
      <c r="CS8" s="397"/>
      <c r="CT8" s="397"/>
      <c r="CU8" s="397"/>
      <c r="CV8" s="397"/>
      <c r="CW8" s="397"/>
      <c r="CX8" s="397"/>
      <c r="CY8" s="397"/>
      <c r="CZ8" s="397"/>
      <c r="DA8" s="397"/>
      <c r="DB8" s="397"/>
      <c r="DC8" s="397"/>
      <c r="DD8" s="397"/>
      <c r="DE8" s="397"/>
    </row>
    <row r="9" spans="1:109" s="255" customFormat="1" ht="13" x14ac:dyDescent="0.2">
      <c r="A9" s="397"/>
      <c r="B9" s="397"/>
      <c r="C9" s="397"/>
      <c r="D9" s="397"/>
      <c r="E9" s="397"/>
      <c r="F9" s="397"/>
      <c r="G9" s="397"/>
      <c r="H9" s="397"/>
      <c r="I9" s="397"/>
      <c r="J9" s="397"/>
      <c r="K9" s="397"/>
      <c r="L9" s="397"/>
      <c r="M9" s="397"/>
      <c r="N9" s="397"/>
      <c r="O9" s="397"/>
      <c r="P9" s="397"/>
      <c r="Q9" s="397"/>
      <c r="R9" s="397"/>
      <c r="S9" s="397"/>
      <c r="T9" s="397"/>
      <c r="U9" s="397"/>
      <c r="V9" s="397"/>
      <c r="W9" s="397"/>
      <c r="X9" s="397"/>
      <c r="Y9" s="397"/>
      <c r="Z9" s="397"/>
      <c r="AA9" s="397"/>
      <c r="AB9" s="397"/>
      <c r="AC9" s="397"/>
      <c r="AD9" s="397"/>
      <c r="AE9" s="397"/>
      <c r="AF9" s="397"/>
      <c r="AG9" s="397"/>
      <c r="AH9" s="397"/>
      <c r="AI9" s="397"/>
      <c r="AJ9" s="397"/>
      <c r="AK9" s="397"/>
      <c r="AL9" s="397"/>
      <c r="AM9" s="397"/>
      <c r="AN9" s="397"/>
      <c r="AO9" s="397"/>
      <c r="AP9" s="397"/>
      <c r="AQ9" s="397"/>
      <c r="AR9" s="397"/>
      <c r="AS9" s="397"/>
      <c r="AT9" s="397"/>
      <c r="AU9" s="397"/>
      <c r="AV9" s="397"/>
      <c r="AW9" s="397"/>
      <c r="AX9" s="397"/>
      <c r="AY9" s="397"/>
      <c r="AZ9" s="397"/>
      <c r="BA9" s="397"/>
      <c r="BB9" s="397"/>
      <c r="BC9" s="397"/>
      <c r="BD9" s="397"/>
      <c r="BE9" s="397"/>
      <c r="BF9" s="397"/>
      <c r="BG9" s="397"/>
      <c r="BH9" s="397"/>
      <c r="BI9" s="397"/>
      <c r="BJ9" s="397"/>
      <c r="BK9" s="397"/>
      <c r="BL9" s="397"/>
      <c r="BM9" s="397"/>
      <c r="BN9" s="397"/>
      <c r="BO9" s="397"/>
      <c r="BP9" s="397"/>
      <c r="BQ9" s="397"/>
      <c r="BR9" s="397"/>
      <c r="BS9" s="397"/>
      <c r="BT9" s="397"/>
      <c r="BU9" s="397"/>
      <c r="BV9" s="397"/>
      <c r="BW9" s="397"/>
      <c r="BX9" s="397"/>
      <c r="BY9" s="397"/>
      <c r="BZ9" s="397"/>
      <c r="CA9" s="397"/>
      <c r="CB9" s="397"/>
      <c r="CC9" s="397"/>
      <c r="CD9" s="397"/>
      <c r="CE9" s="397"/>
      <c r="CF9" s="397"/>
      <c r="CG9" s="397"/>
      <c r="CH9" s="397"/>
      <c r="CI9" s="397"/>
      <c r="CJ9" s="397"/>
      <c r="CK9" s="397"/>
      <c r="CL9" s="397"/>
      <c r="CM9" s="397"/>
      <c r="CN9" s="397"/>
      <c r="CO9" s="397"/>
      <c r="CP9" s="397"/>
      <c r="CQ9" s="397"/>
      <c r="CR9" s="397"/>
      <c r="CS9" s="397"/>
      <c r="CT9" s="397"/>
      <c r="CU9" s="397"/>
      <c r="CV9" s="397"/>
      <c r="CW9" s="397"/>
      <c r="CX9" s="397"/>
      <c r="CY9" s="397"/>
      <c r="CZ9" s="397"/>
      <c r="DA9" s="397"/>
      <c r="DB9" s="397"/>
      <c r="DC9" s="397"/>
      <c r="DD9" s="397"/>
      <c r="DE9" s="397"/>
    </row>
    <row r="10" spans="1:109" s="255" customFormat="1" ht="13" x14ac:dyDescent="0.2">
      <c r="A10" s="397"/>
      <c r="B10" s="397"/>
      <c r="C10" s="397"/>
      <c r="D10" s="397"/>
      <c r="E10" s="397"/>
      <c r="F10" s="397"/>
      <c r="G10" s="397"/>
      <c r="H10" s="397"/>
      <c r="I10" s="397"/>
      <c r="J10" s="397"/>
      <c r="K10" s="397"/>
      <c r="L10" s="397"/>
      <c r="M10" s="397"/>
      <c r="N10" s="397"/>
      <c r="O10" s="397"/>
      <c r="P10" s="397"/>
      <c r="Q10" s="397"/>
      <c r="R10" s="397"/>
      <c r="S10" s="397"/>
      <c r="T10" s="397"/>
      <c r="U10" s="397"/>
      <c r="V10" s="397"/>
      <c r="W10" s="397"/>
      <c r="X10" s="397"/>
      <c r="Y10" s="397"/>
      <c r="Z10" s="397"/>
      <c r="AA10" s="397"/>
      <c r="AB10" s="397"/>
      <c r="AC10" s="397"/>
      <c r="AD10" s="397"/>
      <c r="AE10" s="397"/>
      <c r="AF10" s="397"/>
      <c r="AG10" s="397"/>
      <c r="AH10" s="397"/>
      <c r="AI10" s="397"/>
      <c r="AJ10" s="397"/>
      <c r="AK10" s="397"/>
      <c r="AL10" s="397"/>
      <c r="AM10" s="397"/>
      <c r="AN10" s="397"/>
      <c r="AO10" s="397"/>
      <c r="AP10" s="397"/>
      <c r="AQ10" s="397"/>
      <c r="AR10" s="397"/>
      <c r="AS10" s="397"/>
      <c r="AT10" s="397"/>
      <c r="AU10" s="397"/>
      <c r="AV10" s="397"/>
      <c r="AW10" s="397"/>
      <c r="AX10" s="397"/>
      <c r="AY10" s="397"/>
      <c r="AZ10" s="397"/>
      <c r="BA10" s="397"/>
      <c r="BB10" s="397"/>
      <c r="BC10" s="397"/>
      <c r="BD10" s="397"/>
      <c r="BE10" s="397"/>
      <c r="BF10" s="397"/>
      <c r="BG10" s="397"/>
      <c r="BH10" s="397"/>
      <c r="BI10" s="397"/>
      <c r="BJ10" s="397"/>
      <c r="BK10" s="397"/>
      <c r="BL10" s="397"/>
      <c r="BM10" s="397"/>
      <c r="BN10" s="397"/>
      <c r="BO10" s="397"/>
      <c r="BP10" s="397"/>
      <c r="BQ10" s="397"/>
      <c r="BR10" s="397"/>
      <c r="BS10" s="397"/>
      <c r="BT10" s="397"/>
      <c r="BU10" s="397"/>
      <c r="BV10" s="397"/>
      <c r="BW10" s="397"/>
      <c r="BX10" s="397"/>
      <c r="BY10" s="397"/>
      <c r="BZ10" s="397"/>
      <c r="CA10" s="397"/>
      <c r="CB10" s="397"/>
      <c r="CC10" s="397"/>
      <c r="CD10" s="397"/>
      <c r="CE10" s="397"/>
      <c r="CF10" s="397"/>
      <c r="CG10" s="397"/>
      <c r="CH10" s="397"/>
      <c r="CI10" s="397"/>
      <c r="CJ10" s="397"/>
      <c r="CK10" s="397"/>
      <c r="CL10" s="397"/>
      <c r="CM10" s="397"/>
      <c r="CN10" s="397"/>
      <c r="CO10" s="397"/>
      <c r="CP10" s="397"/>
      <c r="CQ10" s="397"/>
      <c r="CR10" s="397"/>
      <c r="CS10" s="397"/>
      <c r="CT10" s="397"/>
      <c r="CU10" s="397"/>
      <c r="CV10" s="397"/>
      <c r="CW10" s="397"/>
      <c r="CX10" s="397"/>
      <c r="CY10" s="397"/>
      <c r="CZ10" s="397"/>
      <c r="DA10" s="397"/>
      <c r="DB10" s="397"/>
      <c r="DC10" s="397"/>
      <c r="DD10" s="397"/>
      <c r="DE10" s="397"/>
    </row>
    <row r="11" spans="1:109" s="255" customFormat="1" ht="13" x14ac:dyDescent="0.2">
      <c r="A11" s="397"/>
      <c r="B11" s="397"/>
      <c r="C11" s="397"/>
      <c r="D11" s="397"/>
      <c r="E11" s="397"/>
      <c r="F11" s="397"/>
      <c r="G11" s="397"/>
      <c r="H11" s="397"/>
      <c r="I11" s="397"/>
      <c r="J11" s="397"/>
      <c r="K11" s="397"/>
      <c r="L11" s="397"/>
      <c r="M11" s="397"/>
      <c r="N11" s="397"/>
      <c r="O11" s="397"/>
      <c r="P11" s="397"/>
      <c r="Q11" s="397"/>
      <c r="R11" s="397"/>
      <c r="S11" s="397"/>
      <c r="T11" s="397"/>
      <c r="U11" s="397"/>
      <c r="V11" s="397"/>
      <c r="W11" s="397"/>
      <c r="X11" s="397"/>
      <c r="Y11" s="397"/>
      <c r="Z11" s="397"/>
      <c r="AA11" s="397"/>
      <c r="AB11" s="397"/>
      <c r="AC11" s="397"/>
      <c r="AD11" s="397"/>
      <c r="AE11" s="397"/>
      <c r="AF11" s="397"/>
      <c r="AG11" s="397"/>
      <c r="AH11" s="397"/>
      <c r="AI11" s="397"/>
      <c r="AJ11" s="397"/>
      <c r="AK11" s="397"/>
      <c r="AL11" s="397"/>
      <c r="AM11" s="397"/>
      <c r="AN11" s="397"/>
      <c r="AO11" s="397"/>
      <c r="AP11" s="397"/>
      <c r="AQ11" s="397"/>
      <c r="AR11" s="397"/>
      <c r="AS11" s="397"/>
      <c r="AT11" s="397"/>
      <c r="AU11" s="397"/>
      <c r="AV11" s="397"/>
      <c r="AW11" s="397"/>
      <c r="AX11" s="397"/>
      <c r="AY11" s="397"/>
      <c r="AZ11" s="397"/>
      <c r="BA11" s="397"/>
      <c r="BB11" s="397"/>
      <c r="BC11" s="397"/>
      <c r="BD11" s="397"/>
      <c r="BE11" s="397"/>
      <c r="BF11" s="397"/>
      <c r="BG11" s="397"/>
      <c r="BH11" s="397"/>
      <c r="BI11" s="397"/>
      <c r="BJ11" s="397"/>
      <c r="BK11" s="397"/>
      <c r="BL11" s="397"/>
      <c r="BM11" s="397"/>
      <c r="BN11" s="397"/>
      <c r="BO11" s="397"/>
      <c r="BP11" s="397"/>
      <c r="BQ11" s="397"/>
      <c r="BR11" s="397"/>
      <c r="BS11" s="397"/>
      <c r="BT11" s="397"/>
      <c r="BU11" s="397"/>
      <c r="BV11" s="397"/>
      <c r="BW11" s="397"/>
      <c r="BX11" s="397"/>
      <c r="BY11" s="397"/>
      <c r="BZ11" s="397"/>
      <c r="CA11" s="397"/>
      <c r="CB11" s="397"/>
      <c r="CC11" s="397"/>
      <c r="CD11" s="397"/>
      <c r="CE11" s="397"/>
      <c r="CF11" s="397"/>
      <c r="CG11" s="397"/>
      <c r="CH11" s="397"/>
      <c r="CI11" s="397"/>
      <c r="CJ11" s="397"/>
      <c r="CK11" s="397"/>
      <c r="CL11" s="397"/>
      <c r="CM11" s="397"/>
      <c r="CN11" s="397"/>
      <c r="CO11" s="397"/>
      <c r="CP11" s="397"/>
      <c r="CQ11" s="397"/>
      <c r="CR11" s="397"/>
      <c r="CS11" s="397"/>
      <c r="CT11" s="397"/>
      <c r="CU11" s="397"/>
      <c r="CV11" s="397"/>
      <c r="CW11" s="397"/>
      <c r="CX11" s="397"/>
      <c r="CY11" s="397"/>
      <c r="CZ11" s="397"/>
      <c r="DA11" s="397"/>
      <c r="DB11" s="397"/>
      <c r="DC11" s="397"/>
      <c r="DD11" s="397"/>
      <c r="DE11" s="397"/>
    </row>
    <row r="12" spans="1:109" s="255" customFormat="1" ht="13" x14ac:dyDescent="0.2">
      <c r="A12" s="397"/>
      <c r="B12" s="397"/>
      <c r="C12" s="397"/>
      <c r="D12" s="397"/>
      <c r="E12" s="397"/>
      <c r="F12" s="397"/>
      <c r="G12" s="397"/>
      <c r="H12" s="397"/>
      <c r="I12" s="397"/>
      <c r="J12" s="397"/>
      <c r="K12" s="397"/>
      <c r="L12" s="397"/>
      <c r="M12" s="397"/>
      <c r="N12" s="397"/>
      <c r="O12" s="397"/>
      <c r="P12" s="397"/>
      <c r="Q12" s="397"/>
      <c r="R12" s="397"/>
      <c r="S12" s="397"/>
      <c r="T12" s="397"/>
      <c r="U12" s="397"/>
      <c r="V12" s="397"/>
      <c r="W12" s="397"/>
      <c r="X12" s="397"/>
      <c r="Y12" s="397"/>
      <c r="Z12" s="397"/>
      <c r="AA12" s="397"/>
      <c r="AB12" s="397"/>
      <c r="AC12" s="397"/>
      <c r="AD12" s="397"/>
      <c r="AE12" s="397"/>
      <c r="AF12" s="397"/>
      <c r="AG12" s="397"/>
      <c r="AH12" s="397"/>
      <c r="AI12" s="397"/>
      <c r="AJ12" s="397"/>
      <c r="AK12" s="397"/>
      <c r="AL12" s="397"/>
      <c r="AM12" s="397"/>
      <c r="AN12" s="397"/>
      <c r="AO12" s="397"/>
      <c r="AP12" s="397"/>
      <c r="AQ12" s="397"/>
      <c r="AR12" s="397"/>
      <c r="AS12" s="397"/>
      <c r="AT12" s="397"/>
      <c r="AU12" s="397"/>
      <c r="AV12" s="397"/>
      <c r="AW12" s="397"/>
      <c r="AX12" s="397"/>
      <c r="AY12" s="397"/>
      <c r="AZ12" s="397"/>
      <c r="BA12" s="397"/>
      <c r="BB12" s="397"/>
      <c r="BC12" s="397"/>
      <c r="BD12" s="397"/>
      <c r="BE12" s="397"/>
      <c r="BF12" s="397"/>
      <c r="BG12" s="397"/>
      <c r="BH12" s="397"/>
      <c r="BI12" s="397"/>
      <c r="BJ12" s="397"/>
      <c r="BK12" s="397"/>
      <c r="BL12" s="397"/>
      <c r="BM12" s="397"/>
      <c r="BN12" s="397"/>
      <c r="BO12" s="397"/>
      <c r="BP12" s="397"/>
      <c r="BQ12" s="397"/>
      <c r="BR12" s="397"/>
      <c r="BS12" s="397"/>
      <c r="BT12" s="397"/>
      <c r="BU12" s="397"/>
      <c r="BV12" s="397"/>
      <c r="BW12" s="397"/>
      <c r="BX12" s="397"/>
      <c r="BY12" s="397"/>
      <c r="BZ12" s="397"/>
      <c r="CA12" s="397"/>
      <c r="CB12" s="397"/>
      <c r="CC12" s="397"/>
      <c r="CD12" s="397"/>
      <c r="CE12" s="397"/>
      <c r="CF12" s="397"/>
      <c r="CG12" s="397"/>
      <c r="CH12" s="397"/>
      <c r="CI12" s="397"/>
      <c r="CJ12" s="397"/>
      <c r="CK12" s="397"/>
      <c r="CL12" s="397"/>
      <c r="CM12" s="397"/>
      <c r="CN12" s="397"/>
      <c r="CO12" s="397"/>
      <c r="CP12" s="397"/>
      <c r="CQ12" s="397"/>
      <c r="CR12" s="397"/>
      <c r="CS12" s="397"/>
      <c r="CT12" s="397"/>
      <c r="CU12" s="397"/>
      <c r="CV12" s="397"/>
      <c r="CW12" s="397"/>
      <c r="CX12" s="397"/>
      <c r="CY12" s="397"/>
      <c r="CZ12" s="397"/>
      <c r="DA12" s="397"/>
      <c r="DB12" s="397"/>
      <c r="DC12" s="397"/>
      <c r="DD12" s="397"/>
      <c r="DE12" s="397"/>
    </row>
    <row r="13" spans="1:109" s="255" customFormat="1" ht="13" x14ac:dyDescent="0.2">
      <c r="A13" s="397"/>
      <c r="B13" s="397"/>
      <c r="C13" s="397"/>
      <c r="D13" s="397"/>
      <c r="E13" s="397"/>
      <c r="F13" s="397"/>
      <c r="G13" s="397"/>
      <c r="H13" s="397"/>
      <c r="I13" s="397"/>
      <c r="J13" s="397"/>
      <c r="K13" s="397"/>
      <c r="L13" s="397"/>
      <c r="M13" s="397"/>
      <c r="N13" s="397"/>
      <c r="O13" s="397"/>
      <c r="P13" s="397"/>
      <c r="Q13" s="397"/>
      <c r="R13" s="397"/>
      <c r="S13" s="397"/>
      <c r="T13" s="397"/>
      <c r="U13" s="397"/>
      <c r="V13" s="397"/>
      <c r="W13" s="397"/>
      <c r="X13" s="397"/>
      <c r="Y13" s="397"/>
      <c r="Z13" s="397"/>
      <c r="AA13" s="397"/>
      <c r="AB13" s="397"/>
      <c r="AC13" s="397"/>
      <c r="AD13" s="397"/>
      <c r="AE13" s="397"/>
      <c r="AF13" s="397"/>
      <c r="AG13" s="397"/>
      <c r="AH13" s="397"/>
      <c r="AI13" s="397"/>
      <c r="AJ13" s="397"/>
      <c r="AK13" s="397"/>
      <c r="AL13" s="397"/>
      <c r="AM13" s="397"/>
      <c r="AN13" s="397"/>
      <c r="AO13" s="397"/>
      <c r="AP13" s="397"/>
      <c r="AQ13" s="397"/>
      <c r="AR13" s="397"/>
      <c r="AS13" s="397"/>
      <c r="AT13" s="397"/>
      <c r="AU13" s="397"/>
      <c r="AV13" s="397"/>
      <c r="AW13" s="397"/>
      <c r="AX13" s="397"/>
      <c r="AY13" s="397"/>
      <c r="AZ13" s="397"/>
      <c r="BA13" s="397"/>
      <c r="BB13" s="397"/>
      <c r="BC13" s="397"/>
      <c r="BD13" s="397"/>
      <c r="BE13" s="397"/>
      <c r="BF13" s="397"/>
      <c r="BG13" s="397"/>
      <c r="BH13" s="397"/>
      <c r="BI13" s="397"/>
      <c r="BJ13" s="397"/>
      <c r="BK13" s="397"/>
      <c r="BL13" s="397"/>
      <c r="BM13" s="397"/>
      <c r="BN13" s="397"/>
      <c r="BO13" s="397"/>
      <c r="BP13" s="397"/>
      <c r="BQ13" s="397"/>
      <c r="BR13" s="397"/>
      <c r="BS13" s="397"/>
      <c r="BT13" s="397"/>
      <c r="BU13" s="397"/>
      <c r="BV13" s="397"/>
      <c r="BW13" s="397"/>
      <c r="BX13" s="397"/>
      <c r="BY13" s="397"/>
      <c r="BZ13" s="397"/>
      <c r="CA13" s="397"/>
      <c r="CB13" s="397"/>
      <c r="CC13" s="397"/>
      <c r="CD13" s="397"/>
      <c r="CE13" s="397"/>
      <c r="CF13" s="397"/>
      <c r="CG13" s="397"/>
      <c r="CH13" s="397"/>
      <c r="CI13" s="397"/>
      <c r="CJ13" s="397"/>
      <c r="CK13" s="397"/>
      <c r="CL13" s="397"/>
      <c r="CM13" s="397"/>
      <c r="CN13" s="397"/>
      <c r="CO13" s="397"/>
      <c r="CP13" s="397"/>
      <c r="CQ13" s="397"/>
      <c r="CR13" s="397"/>
      <c r="CS13" s="397"/>
      <c r="CT13" s="397"/>
      <c r="CU13" s="397"/>
      <c r="CV13" s="397"/>
      <c r="CW13" s="397"/>
      <c r="CX13" s="397"/>
      <c r="CY13" s="397"/>
      <c r="CZ13" s="397"/>
      <c r="DA13" s="397"/>
      <c r="DB13" s="397"/>
      <c r="DC13" s="397"/>
      <c r="DD13" s="397"/>
      <c r="DE13" s="397"/>
    </row>
    <row r="14" spans="1:109" s="255" customFormat="1" ht="13" x14ac:dyDescent="0.2">
      <c r="A14" s="397"/>
      <c r="B14" s="397"/>
      <c r="C14" s="397"/>
      <c r="D14" s="397"/>
      <c r="E14" s="397"/>
      <c r="F14" s="397"/>
      <c r="G14" s="397"/>
      <c r="H14" s="397"/>
      <c r="I14" s="397"/>
      <c r="J14" s="397"/>
      <c r="K14" s="397"/>
      <c r="L14" s="397"/>
      <c r="M14" s="397"/>
      <c r="N14" s="397"/>
      <c r="O14" s="397"/>
      <c r="P14" s="397"/>
      <c r="Q14" s="397"/>
      <c r="R14" s="397"/>
      <c r="S14" s="397"/>
      <c r="T14" s="397"/>
      <c r="U14" s="397"/>
      <c r="V14" s="397"/>
      <c r="W14" s="397"/>
      <c r="X14" s="397"/>
      <c r="Y14" s="397"/>
      <c r="Z14" s="397"/>
      <c r="AA14" s="397"/>
      <c r="AB14" s="397"/>
      <c r="AC14" s="397"/>
      <c r="AD14" s="397"/>
      <c r="AE14" s="397"/>
      <c r="AF14" s="397"/>
      <c r="AG14" s="397"/>
      <c r="AH14" s="397"/>
      <c r="AI14" s="397"/>
      <c r="AJ14" s="397"/>
      <c r="AK14" s="397"/>
      <c r="AL14" s="397"/>
      <c r="AM14" s="397"/>
      <c r="AN14" s="397"/>
      <c r="AO14" s="397"/>
      <c r="AP14" s="397"/>
      <c r="AQ14" s="397"/>
      <c r="AR14" s="397"/>
      <c r="AS14" s="397"/>
      <c r="AT14" s="397"/>
      <c r="AU14" s="397"/>
      <c r="AV14" s="397"/>
      <c r="AW14" s="397"/>
      <c r="AX14" s="397"/>
      <c r="AY14" s="397"/>
      <c r="AZ14" s="397"/>
      <c r="BA14" s="397"/>
      <c r="BB14" s="397"/>
      <c r="BC14" s="397"/>
      <c r="BD14" s="397"/>
      <c r="BE14" s="397"/>
      <c r="BF14" s="397"/>
      <c r="BG14" s="397"/>
      <c r="BH14" s="397"/>
      <c r="BI14" s="397"/>
      <c r="BJ14" s="397"/>
      <c r="BK14" s="397"/>
      <c r="BL14" s="397"/>
      <c r="BM14" s="397"/>
      <c r="BN14" s="397"/>
      <c r="BO14" s="397"/>
      <c r="BP14" s="397"/>
      <c r="BQ14" s="397"/>
      <c r="BR14" s="397"/>
      <c r="BS14" s="397"/>
      <c r="BT14" s="397"/>
      <c r="BU14" s="397"/>
      <c r="BV14" s="397"/>
      <c r="BW14" s="397"/>
      <c r="BX14" s="397"/>
      <c r="BY14" s="397"/>
      <c r="BZ14" s="397"/>
      <c r="CA14" s="397"/>
      <c r="CB14" s="397"/>
      <c r="CC14" s="397"/>
      <c r="CD14" s="397"/>
      <c r="CE14" s="397"/>
      <c r="CF14" s="397"/>
      <c r="CG14" s="397"/>
      <c r="CH14" s="397"/>
      <c r="CI14" s="397"/>
      <c r="CJ14" s="397"/>
      <c r="CK14" s="397"/>
      <c r="CL14" s="397"/>
      <c r="CM14" s="397"/>
      <c r="CN14" s="397"/>
      <c r="CO14" s="397"/>
      <c r="CP14" s="397"/>
      <c r="CQ14" s="397"/>
      <c r="CR14" s="397"/>
      <c r="CS14" s="397"/>
      <c r="CT14" s="397"/>
      <c r="CU14" s="397"/>
      <c r="CV14" s="397"/>
      <c r="CW14" s="397"/>
      <c r="CX14" s="397"/>
      <c r="CY14" s="397"/>
      <c r="CZ14" s="397"/>
      <c r="DA14" s="397"/>
      <c r="DB14" s="397"/>
      <c r="DC14" s="397"/>
      <c r="DD14" s="397"/>
      <c r="DE14" s="397"/>
    </row>
    <row r="15" spans="1:109" s="255" customFormat="1" ht="13" x14ac:dyDescent="0.2">
      <c r="A15" s="364"/>
      <c r="B15" s="397"/>
      <c r="C15" s="397"/>
      <c r="D15" s="397"/>
      <c r="E15" s="397"/>
      <c r="F15" s="397"/>
      <c r="G15" s="397"/>
      <c r="H15" s="397"/>
      <c r="I15" s="397"/>
      <c r="J15" s="397"/>
      <c r="K15" s="397"/>
      <c r="L15" s="397"/>
      <c r="M15" s="397"/>
      <c r="N15" s="397"/>
      <c r="O15" s="397"/>
      <c r="P15" s="397"/>
      <c r="Q15" s="397"/>
      <c r="R15" s="397"/>
      <c r="S15" s="397"/>
      <c r="T15" s="397"/>
      <c r="U15" s="397"/>
      <c r="V15" s="397"/>
      <c r="W15" s="397"/>
      <c r="X15" s="397"/>
      <c r="Y15" s="397"/>
      <c r="Z15" s="397"/>
      <c r="AA15" s="397"/>
      <c r="AB15" s="397"/>
      <c r="AC15" s="397"/>
      <c r="AD15" s="397"/>
      <c r="AE15" s="397"/>
      <c r="AF15" s="397"/>
      <c r="AG15" s="397"/>
      <c r="AH15" s="397"/>
      <c r="AI15" s="397"/>
      <c r="AJ15" s="397"/>
      <c r="AK15" s="397"/>
      <c r="AL15" s="397"/>
      <c r="AM15" s="397"/>
      <c r="AN15" s="397"/>
      <c r="AO15" s="397"/>
      <c r="AP15" s="397"/>
      <c r="AQ15" s="397"/>
      <c r="AR15" s="397"/>
      <c r="AS15" s="397"/>
      <c r="AT15" s="397"/>
      <c r="AU15" s="397"/>
      <c r="AV15" s="397"/>
      <c r="AW15" s="397"/>
      <c r="AX15" s="397"/>
      <c r="AY15" s="397"/>
      <c r="AZ15" s="397"/>
      <c r="BA15" s="397"/>
      <c r="BB15" s="397"/>
      <c r="BC15" s="397"/>
      <c r="BD15" s="397"/>
      <c r="BE15" s="397"/>
      <c r="BF15" s="397"/>
      <c r="BG15" s="397"/>
      <c r="BH15" s="397"/>
      <c r="BI15" s="397"/>
      <c r="BJ15" s="397"/>
      <c r="BK15" s="397"/>
      <c r="BL15" s="397"/>
      <c r="BM15" s="397"/>
      <c r="BN15" s="397"/>
      <c r="BO15" s="397"/>
      <c r="BP15" s="397"/>
      <c r="BQ15" s="397"/>
      <c r="BR15" s="397"/>
      <c r="BS15" s="397"/>
      <c r="BT15" s="397"/>
      <c r="BU15" s="397"/>
      <c r="BV15" s="397"/>
      <c r="BW15" s="397"/>
      <c r="BX15" s="397"/>
      <c r="BY15" s="397"/>
      <c r="BZ15" s="397"/>
      <c r="CA15" s="397"/>
      <c r="CB15" s="397"/>
      <c r="CC15" s="397"/>
      <c r="CD15" s="397"/>
      <c r="CE15" s="397"/>
      <c r="CF15" s="397"/>
      <c r="CG15" s="397"/>
      <c r="CH15" s="397"/>
      <c r="CI15" s="397"/>
      <c r="CJ15" s="397"/>
      <c r="CK15" s="397"/>
      <c r="CL15" s="397"/>
      <c r="CM15" s="397"/>
      <c r="CN15" s="397"/>
      <c r="CO15" s="397"/>
      <c r="CP15" s="397"/>
      <c r="CQ15" s="397"/>
      <c r="CR15" s="397"/>
      <c r="CS15" s="397"/>
      <c r="CT15" s="397"/>
      <c r="CU15" s="397"/>
      <c r="CV15" s="397"/>
      <c r="CW15" s="397"/>
      <c r="CX15" s="397"/>
      <c r="CY15" s="397"/>
      <c r="CZ15" s="397"/>
      <c r="DA15" s="397"/>
      <c r="DB15" s="397"/>
      <c r="DC15" s="397"/>
      <c r="DD15" s="397"/>
      <c r="DE15" s="397"/>
    </row>
    <row r="16" spans="1:109" s="255" customFormat="1" ht="13" x14ac:dyDescent="0.2">
      <c r="A16" s="364"/>
      <c r="B16" s="397"/>
      <c r="C16" s="397"/>
      <c r="D16" s="397"/>
      <c r="E16" s="397"/>
      <c r="F16" s="397"/>
      <c r="G16" s="397"/>
      <c r="H16" s="397"/>
      <c r="I16" s="397"/>
      <c r="J16" s="397"/>
      <c r="K16" s="397"/>
      <c r="L16" s="397"/>
      <c r="M16" s="397"/>
      <c r="N16" s="397"/>
      <c r="O16" s="397"/>
      <c r="P16" s="397"/>
      <c r="Q16" s="397"/>
      <c r="R16" s="397"/>
      <c r="S16" s="397"/>
      <c r="T16" s="397"/>
      <c r="U16" s="397"/>
      <c r="V16" s="397"/>
      <c r="W16" s="397"/>
      <c r="X16" s="397"/>
      <c r="Y16" s="397"/>
      <c r="Z16" s="397"/>
      <c r="AA16" s="397"/>
      <c r="AB16" s="397"/>
      <c r="AC16" s="397"/>
      <c r="AD16" s="397"/>
      <c r="AE16" s="397"/>
      <c r="AF16" s="397"/>
      <c r="AG16" s="397"/>
      <c r="AH16" s="397"/>
      <c r="AI16" s="397"/>
      <c r="AJ16" s="397"/>
      <c r="AK16" s="397"/>
      <c r="AL16" s="397"/>
      <c r="AM16" s="397"/>
      <c r="AN16" s="397"/>
      <c r="AO16" s="397"/>
      <c r="AP16" s="397"/>
      <c r="AQ16" s="397"/>
      <c r="AR16" s="397"/>
      <c r="AS16" s="397"/>
      <c r="AT16" s="397"/>
      <c r="AU16" s="397"/>
      <c r="AV16" s="397"/>
      <c r="AW16" s="397"/>
      <c r="AX16" s="397"/>
      <c r="AY16" s="397"/>
      <c r="AZ16" s="397"/>
      <c r="BA16" s="397"/>
      <c r="BB16" s="397"/>
      <c r="BC16" s="397"/>
      <c r="BD16" s="397"/>
      <c r="BE16" s="397"/>
      <c r="BF16" s="397"/>
      <c r="BG16" s="397"/>
      <c r="BH16" s="397"/>
      <c r="BI16" s="397"/>
      <c r="BJ16" s="397"/>
      <c r="BK16" s="397"/>
      <c r="BL16" s="397"/>
      <c r="BM16" s="397"/>
      <c r="BN16" s="397"/>
      <c r="BO16" s="397"/>
      <c r="BP16" s="397"/>
      <c r="BQ16" s="397"/>
      <c r="BR16" s="397"/>
      <c r="BS16" s="397"/>
      <c r="BT16" s="397"/>
      <c r="BU16" s="397"/>
      <c r="BV16" s="397"/>
      <c r="BW16" s="397"/>
      <c r="BX16" s="397"/>
      <c r="BY16" s="397"/>
      <c r="BZ16" s="397"/>
      <c r="CA16" s="397"/>
      <c r="CB16" s="397"/>
      <c r="CC16" s="397"/>
      <c r="CD16" s="397"/>
      <c r="CE16" s="397"/>
      <c r="CF16" s="397"/>
      <c r="CG16" s="397"/>
      <c r="CH16" s="397"/>
      <c r="CI16" s="397"/>
      <c r="CJ16" s="397"/>
      <c r="CK16" s="397"/>
      <c r="CL16" s="397"/>
      <c r="CM16" s="397"/>
      <c r="CN16" s="397"/>
      <c r="CO16" s="397"/>
      <c r="CP16" s="397"/>
      <c r="CQ16" s="397"/>
      <c r="CR16" s="397"/>
      <c r="CS16" s="397"/>
      <c r="CT16" s="397"/>
      <c r="CU16" s="397"/>
      <c r="CV16" s="397"/>
      <c r="CW16" s="397"/>
      <c r="CX16" s="397"/>
      <c r="CY16" s="397"/>
      <c r="CZ16" s="397"/>
      <c r="DA16" s="397"/>
      <c r="DB16" s="397"/>
      <c r="DC16" s="397"/>
      <c r="DD16" s="397"/>
      <c r="DE16" s="397"/>
    </row>
    <row r="17" spans="1:109" s="255" customFormat="1" ht="13" x14ac:dyDescent="0.2">
      <c r="A17" s="364"/>
      <c r="B17" s="397"/>
      <c r="C17" s="397"/>
      <c r="D17" s="397"/>
      <c r="E17" s="397"/>
      <c r="F17" s="397"/>
      <c r="G17" s="397"/>
      <c r="H17" s="397"/>
      <c r="I17" s="397"/>
      <c r="J17" s="397"/>
      <c r="K17" s="397"/>
      <c r="L17" s="397"/>
      <c r="M17" s="397"/>
      <c r="N17" s="397"/>
      <c r="O17" s="397"/>
      <c r="P17" s="397"/>
      <c r="Q17" s="397"/>
      <c r="R17" s="397"/>
      <c r="S17" s="397"/>
      <c r="T17" s="397"/>
      <c r="U17" s="397"/>
      <c r="V17" s="397"/>
      <c r="W17" s="397"/>
      <c r="X17" s="397"/>
      <c r="Y17" s="397"/>
      <c r="Z17" s="397"/>
      <c r="AA17" s="397"/>
      <c r="AB17" s="397"/>
      <c r="AC17" s="397"/>
      <c r="AD17" s="397"/>
      <c r="AE17" s="397"/>
      <c r="AF17" s="397"/>
      <c r="AG17" s="397"/>
      <c r="AH17" s="397"/>
      <c r="AI17" s="397"/>
      <c r="AJ17" s="397"/>
      <c r="AK17" s="397"/>
      <c r="AL17" s="397"/>
      <c r="AM17" s="397"/>
      <c r="AN17" s="397"/>
      <c r="AO17" s="397"/>
      <c r="AP17" s="397"/>
      <c r="AQ17" s="397"/>
      <c r="AR17" s="397"/>
      <c r="AS17" s="397"/>
      <c r="AT17" s="397"/>
      <c r="AU17" s="397"/>
      <c r="AV17" s="397"/>
      <c r="AW17" s="397"/>
      <c r="AX17" s="397"/>
      <c r="AY17" s="397"/>
      <c r="AZ17" s="397"/>
      <c r="BA17" s="397"/>
      <c r="BB17" s="397"/>
      <c r="BC17" s="397"/>
      <c r="BD17" s="397"/>
      <c r="BE17" s="397"/>
      <c r="BF17" s="397"/>
      <c r="BG17" s="397"/>
      <c r="BH17" s="397"/>
      <c r="BI17" s="397"/>
      <c r="BJ17" s="397"/>
      <c r="BK17" s="397"/>
      <c r="BL17" s="397"/>
      <c r="BM17" s="397"/>
      <c r="BN17" s="397"/>
      <c r="BO17" s="397"/>
      <c r="BP17" s="397"/>
      <c r="BQ17" s="397"/>
      <c r="BR17" s="397"/>
      <c r="BS17" s="397"/>
      <c r="BT17" s="397"/>
      <c r="BU17" s="397"/>
      <c r="BV17" s="397"/>
      <c r="BW17" s="397"/>
      <c r="BX17" s="397"/>
      <c r="BY17" s="397"/>
      <c r="BZ17" s="397"/>
      <c r="CA17" s="397"/>
      <c r="CB17" s="397"/>
      <c r="CC17" s="397"/>
      <c r="CD17" s="397"/>
      <c r="CE17" s="397"/>
      <c r="CF17" s="397"/>
      <c r="CG17" s="397"/>
      <c r="CH17" s="397"/>
      <c r="CI17" s="397"/>
      <c r="CJ17" s="397"/>
      <c r="CK17" s="397"/>
      <c r="CL17" s="397"/>
      <c r="CM17" s="397"/>
      <c r="CN17" s="397"/>
      <c r="CO17" s="397"/>
      <c r="CP17" s="397"/>
      <c r="CQ17" s="397"/>
      <c r="CR17" s="397"/>
      <c r="CS17" s="397"/>
      <c r="CT17" s="397"/>
      <c r="CU17" s="397"/>
      <c r="CV17" s="397"/>
      <c r="CW17" s="397"/>
      <c r="CX17" s="397"/>
      <c r="CY17" s="397"/>
      <c r="CZ17" s="397"/>
      <c r="DA17" s="397"/>
      <c r="DB17" s="397"/>
      <c r="DC17" s="397"/>
      <c r="DD17" s="397"/>
      <c r="DE17" s="397"/>
    </row>
    <row r="18" spans="1:109" s="255" customFormat="1" ht="13" x14ac:dyDescent="0.2">
      <c r="A18" s="364"/>
      <c r="B18" s="397"/>
      <c r="C18" s="397"/>
      <c r="D18" s="397"/>
      <c r="E18" s="397"/>
      <c r="F18" s="397"/>
      <c r="G18" s="397"/>
      <c r="H18" s="397"/>
      <c r="I18" s="397"/>
      <c r="J18" s="397"/>
      <c r="K18" s="397"/>
      <c r="L18" s="397"/>
      <c r="M18" s="397"/>
      <c r="N18" s="397"/>
      <c r="O18" s="397"/>
      <c r="P18" s="397"/>
      <c r="Q18" s="397"/>
      <c r="R18" s="397"/>
      <c r="S18" s="397"/>
      <c r="T18" s="397"/>
      <c r="U18" s="397"/>
      <c r="V18" s="397"/>
      <c r="W18" s="397"/>
      <c r="X18" s="397"/>
      <c r="Y18" s="397"/>
      <c r="Z18" s="397"/>
      <c r="AA18" s="397"/>
      <c r="AB18" s="397"/>
      <c r="AC18" s="397"/>
      <c r="AD18" s="397"/>
      <c r="AE18" s="397"/>
      <c r="AF18" s="397"/>
      <c r="AG18" s="397"/>
      <c r="AH18" s="397"/>
      <c r="AI18" s="397"/>
      <c r="AJ18" s="397"/>
      <c r="AK18" s="397"/>
      <c r="AL18" s="397"/>
      <c r="AM18" s="397"/>
      <c r="AN18" s="397"/>
      <c r="AO18" s="397"/>
      <c r="AP18" s="397"/>
      <c r="AQ18" s="397"/>
      <c r="AR18" s="397"/>
      <c r="AS18" s="397"/>
      <c r="AT18" s="397"/>
      <c r="AU18" s="397"/>
      <c r="AV18" s="397"/>
      <c r="AW18" s="397"/>
      <c r="AX18" s="397"/>
      <c r="AY18" s="397"/>
      <c r="AZ18" s="397"/>
      <c r="BA18" s="397"/>
      <c r="BB18" s="397"/>
      <c r="BC18" s="397"/>
      <c r="BD18" s="397"/>
      <c r="BE18" s="397"/>
      <c r="BF18" s="397"/>
      <c r="BG18" s="397"/>
      <c r="BH18" s="397"/>
      <c r="BI18" s="397"/>
      <c r="BJ18" s="397"/>
      <c r="BK18" s="397"/>
      <c r="BL18" s="397"/>
      <c r="BM18" s="397"/>
      <c r="BN18" s="397"/>
      <c r="BO18" s="397"/>
      <c r="BP18" s="397"/>
      <c r="BQ18" s="397"/>
      <c r="BR18" s="397"/>
      <c r="BS18" s="397"/>
      <c r="BT18" s="397"/>
      <c r="BU18" s="397"/>
      <c r="BV18" s="397"/>
      <c r="BW18" s="397"/>
      <c r="BX18" s="397"/>
      <c r="BY18" s="397"/>
      <c r="BZ18" s="397"/>
      <c r="CA18" s="397"/>
      <c r="CB18" s="397"/>
      <c r="CC18" s="397"/>
      <c r="CD18" s="397"/>
      <c r="CE18" s="397"/>
      <c r="CF18" s="397"/>
      <c r="CG18" s="397"/>
      <c r="CH18" s="397"/>
      <c r="CI18" s="397"/>
      <c r="CJ18" s="397"/>
      <c r="CK18" s="397"/>
      <c r="CL18" s="397"/>
      <c r="CM18" s="397"/>
      <c r="CN18" s="397"/>
      <c r="CO18" s="397"/>
      <c r="CP18" s="397"/>
      <c r="CQ18" s="397"/>
      <c r="CR18" s="397"/>
      <c r="CS18" s="397"/>
      <c r="CT18" s="397"/>
      <c r="CU18" s="397"/>
      <c r="CV18" s="397"/>
      <c r="CW18" s="397"/>
      <c r="CX18" s="397"/>
      <c r="CY18" s="397"/>
      <c r="CZ18" s="397"/>
      <c r="DA18" s="397"/>
      <c r="DB18" s="397"/>
      <c r="DC18" s="397"/>
      <c r="DD18" s="397"/>
      <c r="DE18" s="397"/>
    </row>
    <row r="19" spans="1:109" ht="13" x14ac:dyDescent="0.2">
      <c r="DD19" s="364"/>
      <c r="DE19" s="364"/>
    </row>
    <row r="20" spans="1:109" ht="13" x14ac:dyDescent="0.2">
      <c r="DD20" s="364"/>
      <c r="DE20" s="364"/>
    </row>
    <row r="21" spans="1:109" ht="17.25" customHeight="1" x14ac:dyDescent="0.2">
      <c r="B21" s="396"/>
      <c r="C21" s="393"/>
      <c r="D21" s="393"/>
      <c r="E21" s="393"/>
      <c r="F21" s="393"/>
      <c r="G21" s="393"/>
      <c r="H21" s="393"/>
      <c r="I21" s="393"/>
      <c r="J21" s="393"/>
      <c r="K21" s="393"/>
      <c r="L21" s="393"/>
      <c r="M21" s="393"/>
      <c r="N21" s="395"/>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5"/>
      <c r="AU21" s="393"/>
      <c r="AV21" s="393"/>
      <c r="AW21" s="393"/>
      <c r="AX21" s="393"/>
      <c r="AY21" s="393"/>
      <c r="AZ21" s="393"/>
      <c r="BA21" s="393"/>
      <c r="BB21" s="393"/>
      <c r="BC21" s="393"/>
      <c r="BD21" s="393"/>
      <c r="BE21" s="393"/>
      <c r="BF21" s="395"/>
      <c r="BG21" s="393"/>
      <c r="BH21" s="393"/>
      <c r="BI21" s="393"/>
      <c r="BJ21" s="393"/>
      <c r="BK21" s="393"/>
      <c r="BL21" s="393"/>
      <c r="BM21" s="393"/>
      <c r="BN21" s="393"/>
      <c r="BO21" s="393"/>
      <c r="BP21" s="393"/>
      <c r="BQ21" s="393"/>
      <c r="BR21" s="395"/>
      <c r="BS21" s="393"/>
      <c r="BT21" s="393"/>
      <c r="BU21" s="393"/>
      <c r="BV21" s="393"/>
      <c r="BW21" s="393"/>
      <c r="BX21" s="393"/>
      <c r="BY21" s="393"/>
      <c r="BZ21" s="393"/>
      <c r="CA21" s="393"/>
      <c r="CB21" s="393"/>
      <c r="CC21" s="393"/>
      <c r="CD21" s="395"/>
      <c r="CE21" s="393"/>
      <c r="CF21" s="393"/>
      <c r="CG21" s="393"/>
      <c r="CH21" s="393"/>
      <c r="CI21" s="393"/>
      <c r="CJ21" s="393"/>
      <c r="CK21" s="393"/>
      <c r="CL21" s="393"/>
      <c r="CM21" s="393"/>
      <c r="CN21" s="393"/>
      <c r="CO21" s="393"/>
      <c r="CP21" s="395"/>
      <c r="CQ21" s="393"/>
      <c r="CR21" s="393"/>
      <c r="CS21" s="393"/>
      <c r="CT21" s="393"/>
      <c r="CU21" s="393"/>
      <c r="CV21" s="393"/>
      <c r="CW21" s="393"/>
      <c r="CX21" s="393"/>
      <c r="CY21" s="393"/>
      <c r="CZ21" s="393"/>
      <c r="DA21" s="393"/>
      <c r="DB21" s="395"/>
      <c r="DC21" s="393"/>
      <c r="DD21" s="392"/>
      <c r="DE21" s="364"/>
    </row>
    <row r="22" spans="1:109" ht="17.25" customHeight="1" x14ac:dyDescent="0.2">
      <c r="B22" s="365"/>
    </row>
    <row r="23" spans="1:109" ht="13" x14ac:dyDescent="0.2">
      <c r="B23" s="365"/>
    </row>
    <row r="24" spans="1:109" ht="13" x14ac:dyDescent="0.2">
      <c r="B24" s="365"/>
    </row>
    <row r="25" spans="1:109" ht="13" x14ac:dyDescent="0.2">
      <c r="B25" s="365"/>
    </row>
    <row r="26" spans="1:109" ht="13" x14ac:dyDescent="0.2">
      <c r="B26" s="365"/>
    </row>
    <row r="27" spans="1:109" ht="13" x14ac:dyDescent="0.2">
      <c r="B27" s="365"/>
    </row>
    <row r="28" spans="1:109" ht="13" x14ac:dyDescent="0.2">
      <c r="B28" s="365"/>
    </row>
    <row r="29" spans="1:109" ht="13" x14ac:dyDescent="0.2">
      <c r="B29" s="365"/>
    </row>
    <row r="30" spans="1:109" ht="13" x14ac:dyDescent="0.2">
      <c r="B30" s="365"/>
    </row>
    <row r="31" spans="1:109" ht="13" x14ac:dyDescent="0.2">
      <c r="B31" s="365"/>
    </row>
    <row r="32" spans="1:109" ht="13" x14ac:dyDescent="0.2">
      <c r="B32" s="365"/>
    </row>
    <row r="33" spans="2:109" ht="13" x14ac:dyDescent="0.2">
      <c r="B33" s="365"/>
    </row>
    <row r="34" spans="2:109" ht="13" x14ac:dyDescent="0.2">
      <c r="B34" s="365"/>
    </row>
    <row r="35" spans="2:109" ht="13" x14ac:dyDescent="0.2">
      <c r="B35" s="365"/>
    </row>
    <row r="36" spans="2:109" ht="13" x14ac:dyDescent="0.2">
      <c r="B36" s="365"/>
    </row>
    <row r="37" spans="2:109" ht="13" x14ac:dyDescent="0.2">
      <c r="B37" s="365"/>
    </row>
    <row r="38" spans="2:109" ht="13" x14ac:dyDescent="0.2">
      <c r="B38" s="365"/>
    </row>
    <row r="39" spans="2:109" ht="13" x14ac:dyDescent="0.2">
      <c r="B39" s="369"/>
      <c r="C39" s="368"/>
      <c r="D39" s="368"/>
      <c r="E39" s="368"/>
      <c r="F39" s="368"/>
      <c r="G39" s="368"/>
      <c r="H39" s="368"/>
      <c r="I39" s="368"/>
      <c r="J39" s="368"/>
      <c r="K39" s="368"/>
      <c r="L39" s="368"/>
      <c r="M39" s="368"/>
      <c r="N39" s="368"/>
      <c r="O39" s="368"/>
      <c r="P39" s="368"/>
      <c r="Q39" s="368"/>
      <c r="R39" s="368"/>
      <c r="S39" s="368"/>
      <c r="T39" s="368"/>
      <c r="U39" s="368"/>
      <c r="V39" s="368"/>
      <c r="W39" s="368"/>
      <c r="X39" s="368"/>
      <c r="Y39" s="368"/>
      <c r="Z39" s="368"/>
      <c r="AA39" s="368"/>
      <c r="AB39" s="368"/>
      <c r="AC39" s="368"/>
      <c r="AD39" s="368"/>
      <c r="AE39" s="368"/>
      <c r="AF39" s="368"/>
      <c r="AG39" s="368"/>
      <c r="AH39" s="368"/>
      <c r="AI39" s="368"/>
      <c r="AJ39" s="368"/>
      <c r="AK39" s="368"/>
      <c r="AL39" s="368"/>
      <c r="AM39" s="368"/>
      <c r="AN39" s="368"/>
      <c r="AO39" s="368"/>
      <c r="AP39" s="368"/>
      <c r="AQ39" s="368"/>
      <c r="AR39" s="368"/>
      <c r="AS39" s="368"/>
      <c r="AT39" s="368"/>
      <c r="AU39" s="368"/>
      <c r="AV39" s="368"/>
      <c r="AW39" s="368"/>
      <c r="AX39" s="368"/>
      <c r="AY39" s="368"/>
      <c r="AZ39" s="368"/>
      <c r="BA39" s="368"/>
      <c r="BB39" s="368"/>
      <c r="BC39" s="368"/>
      <c r="BD39" s="368"/>
      <c r="BE39" s="368"/>
      <c r="BF39" s="368"/>
      <c r="BG39" s="368"/>
      <c r="BH39" s="368"/>
      <c r="BI39" s="368"/>
      <c r="BJ39" s="368"/>
      <c r="BK39" s="368"/>
      <c r="BL39" s="368"/>
      <c r="BM39" s="368"/>
      <c r="BN39" s="368"/>
      <c r="BO39" s="368"/>
      <c r="BP39" s="368"/>
      <c r="BQ39" s="368"/>
      <c r="BR39" s="368"/>
      <c r="BS39" s="368"/>
      <c r="BT39" s="368"/>
      <c r="BU39" s="368"/>
      <c r="BV39" s="368"/>
      <c r="BW39" s="368"/>
      <c r="BX39" s="368"/>
      <c r="BY39" s="368"/>
      <c r="BZ39" s="368"/>
      <c r="CA39" s="368"/>
      <c r="CB39" s="368"/>
      <c r="CC39" s="368"/>
      <c r="CD39" s="368"/>
      <c r="CE39" s="368"/>
      <c r="CF39" s="368"/>
      <c r="CG39" s="368"/>
      <c r="CH39" s="368"/>
      <c r="CI39" s="368"/>
      <c r="CJ39" s="368"/>
      <c r="CK39" s="368"/>
      <c r="CL39" s="368"/>
      <c r="CM39" s="368"/>
      <c r="CN39" s="368"/>
      <c r="CO39" s="368"/>
      <c r="CP39" s="368"/>
      <c r="CQ39" s="368"/>
      <c r="CR39" s="368"/>
      <c r="CS39" s="368"/>
      <c r="CT39" s="368"/>
      <c r="CU39" s="368"/>
      <c r="CV39" s="368"/>
      <c r="CW39" s="368"/>
      <c r="CX39" s="368"/>
      <c r="CY39" s="368"/>
      <c r="CZ39" s="368"/>
      <c r="DA39" s="368"/>
      <c r="DB39" s="368"/>
      <c r="DC39" s="368"/>
      <c r="DD39" s="367"/>
    </row>
    <row r="40" spans="2:109" ht="13" x14ac:dyDescent="0.2">
      <c r="B40" s="384"/>
      <c r="DD40" s="384"/>
      <c r="DE40" s="364"/>
    </row>
    <row r="41" spans="2:109" ht="16.5" x14ac:dyDescent="0.2">
      <c r="B41" s="394" t="s">
        <v>618</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2"/>
    </row>
    <row r="42" spans="2:109" ht="13" x14ac:dyDescent="0.2">
      <c r="B42" s="365"/>
      <c r="G42" s="380"/>
      <c r="I42" s="379"/>
      <c r="J42" s="379"/>
      <c r="K42" s="379"/>
      <c r="AM42" s="380"/>
      <c r="AN42" s="380" t="s">
        <v>615</v>
      </c>
      <c r="AP42" s="379"/>
      <c r="AQ42" s="379"/>
      <c r="AR42" s="379"/>
      <c r="AY42" s="380"/>
      <c r="BA42" s="379"/>
      <c r="BB42" s="379"/>
      <c r="BC42" s="379"/>
      <c r="BK42" s="380"/>
      <c r="BM42" s="379"/>
      <c r="BN42" s="379"/>
      <c r="BO42" s="379"/>
      <c r="BW42" s="380"/>
      <c r="BY42" s="379"/>
      <c r="BZ42" s="379"/>
      <c r="CA42" s="379"/>
      <c r="CI42" s="380"/>
      <c r="CK42" s="379"/>
      <c r="CL42" s="379"/>
      <c r="CM42" s="379"/>
      <c r="CU42" s="380"/>
      <c r="CW42" s="379"/>
      <c r="CX42" s="379"/>
      <c r="CY42" s="379"/>
    </row>
    <row r="43" spans="2:109" ht="13.5" customHeight="1" x14ac:dyDescent="0.2">
      <c r="B43" s="365"/>
      <c r="AN43" s="1266" t="s">
        <v>619</v>
      </c>
      <c r="AO43" s="1267"/>
      <c r="AP43" s="1267"/>
      <c r="AQ43" s="1267"/>
      <c r="AR43" s="1267"/>
      <c r="AS43" s="1267"/>
      <c r="AT43" s="1267"/>
      <c r="AU43" s="1267"/>
      <c r="AV43" s="1267"/>
      <c r="AW43" s="1267"/>
      <c r="AX43" s="1267"/>
      <c r="AY43" s="1267"/>
      <c r="AZ43" s="1267"/>
      <c r="BA43" s="1267"/>
      <c r="BB43" s="1267"/>
      <c r="BC43" s="1267"/>
      <c r="BD43" s="1267"/>
      <c r="BE43" s="1267"/>
      <c r="BF43" s="1267"/>
      <c r="BG43" s="1267"/>
      <c r="BH43" s="1267"/>
      <c r="BI43" s="1267"/>
      <c r="BJ43" s="1267"/>
      <c r="BK43" s="1267"/>
      <c r="BL43" s="1267"/>
      <c r="BM43" s="1267"/>
      <c r="BN43" s="1267"/>
      <c r="BO43" s="1267"/>
      <c r="BP43" s="1267"/>
      <c r="BQ43" s="1267"/>
      <c r="BR43" s="1267"/>
      <c r="BS43" s="1267"/>
      <c r="BT43" s="1267"/>
      <c r="BU43" s="1267"/>
      <c r="BV43" s="1267"/>
      <c r="BW43" s="1267"/>
      <c r="BX43" s="1267"/>
      <c r="BY43" s="1267"/>
      <c r="BZ43" s="1267"/>
      <c r="CA43" s="1267"/>
      <c r="CB43" s="1267"/>
      <c r="CC43" s="1267"/>
      <c r="CD43" s="1267"/>
      <c r="CE43" s="1267"/>
      <c r="CF43" s="1267"/>
      <c r="CG43" s="1267"/>
      <c r="CH43" s="1267"/>
      <c r="CI43" s="1267"/>
      <c r="CJ43" s="1267"/>
      <c r="CK43" s="1267"/>
      <c r="CL43" s="1267"/>
      <c r="CM43" s="1267"/>
      <c r="CN43" s="1267"/>
      <c r="CO43" s="1267"/>
      <c r="CP43" s="1267"/>
      <c r="CQ43" s="1267"/>
      <c r="CR43" s="1267"/>
      <c r="CS43" s="1267"/>
      <c r="CT43" s="1267"/>
      <c r="CU43" s="1267"/>
      <c r="CV43" s="1267"/>
      <c r="CW43" s="1267"/>
      <c r="CX43" s="1267"/>
      <c r="CY43" s="1267"/>
      <c r="CZ43" s="1267"/>
      <c r="DA43" s="1267"/>
      <c r="DB43" s="1267"/>
      <c r="DC43" s="1268"/>
    </row>
    <row r="44" spans="2:109" ht="13" x14ac:dyDescent="0.2">
      <c r="B44" s="365"/>
      <c r="AN44" s="1269"/>
      <c r="AO44" s="1270"/>
      <c r="AP44" s="1270"/>
      <c r="AQ44" s="1270"/>
      <c r="AR44" s="1270"/>
      <c r="AS44" s="1270"/>
      <c r="AT44" s="1270"/>
      <c r="AU44" s="1270"/>
      <c r="AV44" s="1270"/>
      <c r="AW44" s="1270"/>
      <c r="AX44" s="1270"/>
      <c r="AY44" s="1270"/>
      <c r="AZ44" s="1270"/>
      <c r="BA44" s="1270"/>
      <c r="BB44" s="1270"/>
      <c r="BC44" s="1270"/>
      <c r="BD44" s="1270"/>
      <c r="BE44" s="1270"/>
      <c r="BF44" s="1270"/>
      <c r="BG44" s="1270"/>
      <c r="BH44" s="1270"/>
      <c r="BI44" s="1270"/>
      <c r="BJ44" s="1270"/>
      <c r="BK44" s="1270"/>
      <c r="BL44" s="1270"/>
      <c r="BM44" s="1270"/>
      <c r="BN44" s="1270"/>
      <c r="BO44" s="1270"/>
      <c r="BP44" s="1270"/>
      <c r="BQ44" s="1270"/>
      <c r="BR44" s="1270"/>
      <c r="BS44" s="1270"/>
      <c r="BT44" s="1270"/>
      <c r="BU44" s="1270"/>
      <c r="BV44" s="1270"/>
      <c r="BW44" s="1270"/>
      <c r="BX44" s="1270"/>
      <c r="BY44" s="1270"/>
      <c r="BZ44" s="1270"/>
      <c r="CA44" s="1270"/>
      <c r="CB44" s="1270"/>
      <c r="CC44" s="1270"/>
      <c r="CD44" s="1270"/>
      <c r="CE44" s="1270"/>
      <c r="CF44" s="1270"/>
      <c r="CG44" s="1270"/>
      <c r="CH44" s="1270"/>
      <c r="CI44" s="1270"/>
      <c r="CJ44" s="1270"/>
      <c r="CK44" s="1270"/>
      <c r="CL44" s="1270"/>
      <c r="CM44" s="1270"/>
      <c r="CN44" s="1270"/>
      <c r="CO44" s="1270"/>
      <c r="CP44" s="1270"/>
      <c r="CQ44" s="1270"/>
      <c r="CR44" s="1270"/>
      <c r="CS44" s="1270"/>
      <c r="CT44" s="1270"/>
      <c r="CU44" s="1270"/>
      <c r="CV44" s="1270"/>
      <c r="CW44" s="1270"/>
      <c r="CX44" s="1270"/>
      <c r="CY44" s="1270"/>
      <c r="CZ44" s="1270"/>
      <c r="DA44" s="1270"/>
      <c r="DB44" s="1270"/>
      <c r="DC44" s="1271"/>
    </row>
    <row r="45" spans="2:109" ht="13" x14ac:dyDescent="0.2">
      <c r="B45" s="365"/>
      <c r="AN45" s="1269"/>
      <c r="AO45" s="1270"/>
      <c r="AP45" s="1270"/>
      <c r="AQ45" s="1270"/>
      <c r="AR45" s="1270"/>
      <c r="AS45" s="1270"/>
      <c r="AT45" s="1270"/>
      <c r="AU45" s="1270"/>
      <c r="AV45" s="1270"/>
      <c r="AW45" s="1270"/>
      <c r="AX45" s="1270"/>
      <c r="AY45" s="1270"/>
      <c r="AZ45" s="1270"/>
      <c r="BA45" s="1270"/>
      <c r="BB45" s="1270"/>
      <c r="BC45" s="1270"/>
      <c r="BD45" s="1270"/>
      <c r="BE45" s="1270"/>
      <c r="BF45" s="1270"/>
      <c r="BG45" s="1270"/>
      <c r="BH45" s="1270"/>
      <c r="BI45" s="1270"/>
      <c r="BJ45" s="1270"/>
      <c r="BK45" s="1270"/>
      <c r="BL45" s="1270"/>
      <c r="BM45" s="1270"/>
      <c r="BN45" s="1270"/>
      <c r="BO45" s="1270"/>
      <c r="BP45" s="1270"/>
      <c r="BQ45" s="1270"/>
      <c r="BR45" s="1270"/>
      <c r="BS45" s="1270"/>
      <c r="BT45" s="1270"/>
      <c r="BU45" s="1270"/>
      <c r="BV45" s="1270"/>
      <c r="BW45" s="1270"/>
      <c r="BX45" s="1270"/>
      <c r="BY45" s="1270"/>
      <c r="BZ45" s="1270"/>
      <c r="CA45" s="1270"/>
      <c r="CB45" s="1270"/>
      <c r="CC45" s="1270"/>
      <c r="CD45" s="1270"/>
      <c r="CE45" s="1270"/>
      <c r="CF45" s="1270"/>
      <c r="CG45" s="1270"/>
      <c r="CH45" s="1270"/>
      <c r="CI45" s="1270"/>
      <c r="CJ45" s="1270"/>
      <c r="CK45" s="1270"/>
      <c r="CL45" s="1270"/>
      <c r="CM45" s="1270"/>
      <c r="CN45" s="1270"/>
      <c r="CO45" s="1270"/>
      <c r="CP45" s="1270"/>
      <c r="CQ45" s="1270"/>
      <c r="CR45" s="1270"/>
      <c r="CS45" s="1270"/>
      <c r="CT45" s="1270"/>
      <c r="CU45" s="1270"/>
      <c r="CV45" s="1270"/>
      <c r="CW45" s="1270"/>
      <c r="CX45" s="1270"/>
      <c r="CY45" s="1270"/>
      <c r="CZ45" s="1270"/>
      <c r="DA45" s="1270"/>
      <c r="DB45" s="1270"/>
      <c r="DC45" s="1271"/>
    </row>
    <row r="46" spans="2:109" ht="13" x14ac:dyDescent="0.2">
      <c r="B46" s="365"/>
      <c r="AN46" s="1269"/>
      <c r="AO46" s="1270"/>
      <c r="AP46" s="1270"/>
      <c r="AQ46" s="1270"/>
      <c r="AR46" s="1270"/>
      <c r="AS46" s="1270"/>
      <c r="AT46" s="1270"/>
      <c r="AU46" s="1270"/>
      <c r="AV46" s="1270"/>
      <c r="AW46" s="1270"/>
      <c r="AX46" s="1270"/>
      <c r="AY46" s="1270"/>
      <c r="AZ46" s="1270"/>
      <c r="BA46" s="1270"/>
      <c r="BB46" s="1270"/>
      <c r="BC46" s="1270"/>
      <c r="BD46" s="1270"/>
      <c r="BE46" s="1270"/>
      <c r="BF46" s="1270"/>
      <c r="BG46" s="1270"/>
      <c r="BH46" s="1270"/>
      <c r="BI46" s="1270"/>
      <c r="BJ46" s="1270"/>
      <c r="BK46" s="1270"/>
      <c r="BL46" s="1270"/>
      <c r="BM46" s="1270"/>
      <c r="BN46" s="1270"/>
      <c r="BO46" s="1270"/>
      <c r="BP46" s="1270"/>
      <c r="BQ46" s="1270"/>
      <c r="BR46" s="1270"/>
      <c r="BS46" s="1270"/>
      <c r="BT46" s="1270"/>
      <c r="BU46" s="1270"/>
      <c r="BV46" s="1270"/>
      <c r="BW46" s="1270"/>
      <c r="BX46" s="1270"/>
      <c r="BY46" s="1270"/>
      <c r="BZ46" s="1270"/>
      <c r="CA46" s="1270"/>
      <c r="CB46" s="1270"/>
      <c r="CC46" s="1270"/>
      <c r="CD46" s="1270"/>
      <c r="CE46" s="1270"/>
      <c r="CF46" s="1270"/>
      <c r="CG46" s="1270"/>
      <c r="CH46" s="1270"/>
      <c r="CI46" s="1270"/>
      <c r="CJ46" s="1270"/>
      <c r="CK46" s="1270"/>
      <c r="CL46" s="1270"/>
      <c r="CM46" s="1270"/>
      <c r="CN46" s="1270"/>
      <c r="CO46" s="1270"/>
      <c r="CP46" s="1270"/>
      <c r="CQ46" s="1270"/>
      <c r="CR46" s="1270"/>
      <c r="CS46" s="1270"/>
      <c r="CT46" s="1270"/>
      <c r="CU46" s="1270"/>
      <c r="CV46" s="1270"/>
      <c r="CW46" s="1270"/>
      <c r="CX46" s="1270"/>
      <c r="CY46" s="1270"/>
      <c r="CZ46" s="1270"/>
      <c r="DA46" s="1270"/>
      <c r="DB46" s="1270"/>
      <c r="DC46" s="1271"/>
    </row>
    <row r="47" spans="2:109" ht="13" x14ac:dyDescent="0.2">
      <c r="B47" s="365"/>
      <c r="AN47" s="1272"/>
      <c r="AO47" s="1273"/>
      <c r="AP47" s="1273"/>
      <c r="AQ47" s="1273"/>
      <c r="AR47" s="1273"/>
      <c r="AS47" s="1273"/>
      <c r="AT47" s="1273"/>
      <c r="AU47" s="1273"/>
      <c r="AV47" s="1273"/>
      <c r="AW47" s="1273"/>
      <c r="AX47" s="1273"/>
      <c r="AY47" s="1273"/>
      <c r="AZ47" s="1273"/>
      <c r="BA47" s="1273"/>
      <c r="BB47" s="1273"/>
      <c r="BC47" s="1273"/>
      <c r="BD47" s="1273"/>
      <c r="BE47" s="1273"/>
      <c r="BF47" s="1273"/>
      <c r="BG47" s="1273"/>
      <c r="BH47" s="1273"/>
      <c r="BI47" s="1273"/>
      <c r="BJ47" s="1273"/>
      <c r="BK47" s="1273"/>
      <c r="BL47" s="1273"/>
      <c r="BM47" s="1273"/>
      <c r="BN47" s="1273"/>
      <c r="BO47" s="1273"/>
      <c r="BP47" s="1273"/>
      <c r="BQ47" s="1273"/>
      <c r="BR47" s="1273"/>
      <c r="BS47" s="1273"/>
      <c r="BT47" s="1273"/>
      <c r="BU47" s="1273"/>
      <c r="BV47" s="1273"/>
      <c r="BW47" s="1273"/>
      <c r="BX47" s="1273"/>
      <c r="BY47" s="1273"/>
      <c r="BZ47" s="1273"/>
      <c r="CA47" s="1273"/>
      <c r="CB47" s="1273"/>
      <c r="CC47" s="1273"/>
      <c r="CD47" s="1273"/>
      <c r="CE47" s="1273"/>
      <c r="CF47" s="1273"/>
      <c r="CG47" s="1273"/>
      <c r="CH47" s="1273"/>
      <c r="CI47" s="1273"/>
      <c r="CJ47" s="1273"/>
      <c r="CK47" s="1273"/>
      <c r="CL47" s="1273"/>
      <c r="CM47" s="1273"/>
      <c r="CN47" s="1273"/>
      <c r="CO47" s="1273"/>
      <c r="CP47" s="1273"/>
      <c r="CQ47" s="1273"/>
      <c r="CR47" s="1273"/>
      <c r="CS47" s="1273"/>
      <c r="CT47" s="1273"/>
      <c r="CU47" s="1273"/>
      <c r="CV47" s="1273"/>
      <c r="CW47" s="1273"/>
      <c r="CX47" s="1273"/>
      <c r="CY47" s="1273"/>
      <c r="CZ47" s="1273"/>
      <c r="DA47" s="1273"/>
      <c r="DB47" s="1273"/>
      <c r="DC47" s="1274"/>
    </row>
    <row r="48" spans="2:109" ht="13" x14ac:dyDescent="0.2">
      <c r="B48" s="365"/>
      <c r="H48" s="371"/>
      <c r="I48" s="371"/>
      <c r="J48" s="371"/>
      <c r="AN48" s="371"/>
      <c r="AO48" s="371"/>
      <c r="AP48" s="371"/>
      <c r="AZ48" s="371"/>
      <c r="BA48" s="371"/>
      <c r="BB48" s="371"/>
      <c r="BL48" s="371"/>
      <c r="BM48" s="371"/>
      <c r="BN48" s="371"/>
      <c r="BX48" s="371"/>
      <c r="BY48" s="371"/>
      <c r="BZ48" s="371"/>
      <c r="CJ48" s="371"/>
      <c r="CK48" s="371"/>
      <c r="CL48" s="371"/>
      <c r="CV48" s="371"/>
      <c r="CW48" s="371"/>
      <c r="CX48" s="371"/>
    </row>
    <row r="49" spans="1:109" ht="13" x14ac:dyDescent="0.2">
      <c r="B49" s="365"/>
      <c r="AN49" s="364" t="s">
        <v>614</v>
      </c>
    </row>
    <row r="50" spans="1:109" ht="13" x14ac:dyDescent="0.2">
      <c r="B50" s="365"/>
      <c r="G50" s="1256"/>
      <c r="H50" s="1256"/>
      <c r="I50" s="1256"/>
      <c r="J50" s="1256"/>
      <c r="K50" s="373"/>
      <c r="L50" s="373"/>
      <c r="M50" s="372"/>
      <c r="N50" s="372"/>
      <c r="AN50" s="1261"/>
      <c r="AO50" s="1262"/>
      <c r="AP50" s="1262"/>
      <c r="AQ50" s="1262"/>
      <c r="AR50" s="1262"/>
      <c r="AS50" s="1262"/>
      <c r="AT50" s="1262"/>
      <c r="AU50" s="1262"/>
      <c r="AV50" s="1262"/>
      <c r="AW50" s="1262"/>
      <c r="AX50" s="1262"/>
      <c r="AY50" s="1262"/>
      <c r="AZ50" s="1262"/>
      <c r="BA50" s="1262"/>
      <c r="BB50" s="1262"/>
      <c r="BC50" s="1262"/>
      <c r="BD50" s="1262"/>
      <c r="BE50" s="1262"/>
      <c r="BF50" s="1262"/>
      <c r="BG50" s="1262"/>
      <c r="BH50" s="1262"/>
      <c r="BI50" s="1262"/>
      <c r="BJ50" s="1262"/>
      <c r="BK50" s="1262"/>
      <c r="BL50" s="1262"/>
      <c r="BM50" s="1262"/>
      <c r="BN50" s="1262"/>
      <c r="BO50" s="1263"/>
      <c r="BP50" s="1260" t="s">
        <v>571</v>
      </c>
      <c r="BQ50" s="1260"/>
      <c r="BR50" s="1260"/>
      <c r="BS50" s="1260"/>
      <c r="BT50" s="1260"/>
      <c r="BU50" s="1260"/>
      <c r="BV50" s="1260"/>
      <c r="BW50" s="1260"/>
      <c r="BX50" s="1260" t="s">
        <v>572</v>
      </c>
      <c r="BY50" s="1260"/>
      <c r="BZ50" s="1260"/>
      <c r="CA50" s="1260"/>
      <c r="CB50" s="1260"/>
      <c r="CC50" s="1260"/>
      <c r="CD50" s="1260"/>
      <c r="CE50" s="1260"/>
      <c r="CF50" s="1260" t="s">
        <v>573</v>
      </c>
      <c r="CG50" s="1260"/>
      <c r="CH50" s="1260"/>
      <c r="CI50" s="1260"/>
      <c r="CJ50" s="1260"/>
      <c r="CK50" s="1260"/>
      <c r="CL50" s="1260"/>
      <c r="CM50" s="1260"/>
      <c r="CN50" s="1260" t="s">
        <v>574</v>
      </c>
      <c r="CO50" s="1260"/>
      <c r="CP50" s="1260"/>
      <c r="CQ50" s="1260"/>
      <c r="CR50" s="1260"/>
      <c r="CS50" s="1260"/>
      <c r="CT50" s="1260"/>
      <c r="CU50" s="1260"/>
      <c r="CV50" s="1260" t="s">
        <v>575</v>
      </c>
      <c r="CW50" s="1260"/>
      <c r="CX50" s="1260"/>
      <c r="CY50" s="1260"/>
      <c r="CZ50" s="1260"/>
      <c r="DA50" s="1260"/>
      <c r="DB50" s="1260"/>
      <c r="DC50" s="1260"/>
    </row>
    <row r="51" spans="1:109" ht="13.5" customHeight="1" x14ac:dyDescent="0.2">
      <c r="B51" s="365"/>
      <c r="G51" s="1264"/>
      <c r="H51" s="1264"/>
      <c r="I51" s="1265"/>
      <c r="J51" s="1265"/>
      <c r="K51" s="1255"/>
      <c r="L51" s="1255"/>
      <c r="M51" s="1255"/>
      <c r="N51" s="1255"/>
      <c r="AM51" s="371"/>
      <c r="AN51" s="1253" t="s">
        <v>613</v>
      </c>
      <c r="AO51" s="1253"/>
      <c r="AP51" s="1253"/>
      <c r="AQ51" s="1253"/>
      <c r="AR51" s="1253"/>
      <c r="AS51" s="1253"/>
      <c r="AT51" s="1253"/>
      <c r="AU51" s="1253"/>
      <c r="AV51" s="1253"/>
      <c r="AW51" s="1253"/>
      <c r="AX51" s="1253"/>
      <c r="AY51" s="1253"/>
      <c r="AZ51" s="1253"/>
      <c r="BA51" s="1253"/>
      <c r="BB51" s="1253" t="s">
        <v>611</v>
      </c>
      <c r="BC51" s="1253"/>
      <c r="BD51" s="1253"/>
      <c r="BE51" s="1253"/>
      <c r="BF51" s="1253"/>
      <c r="BG51" s="1253"/>
      <c r="BH51" s="1253"/>
      <c r="BI51" s="1253"/>
      <c r="BJ51" s="1253"/>
      <c r="BK51" s="1253"/>
      <c r="BL51" s="1253"/>
      <c r="BM51" s="1253"/>
      <c r="BN51" s="1253"/>
      <c r="BO51" s="1253"/>
      <c r="BP51" s="1254">
        <v>153</v>
      </c>
      <c r="BQ51" s="1254"/>
      <c r="BR51" s="1254"/>
      <c r="BS51" s="1254"/>
      <c r="BT51" s="1254"/>
      <c r="BU51" s="1254"/>
      <c r="BV51" s="1254"/>
      <c r="BW51" s="1254"/>
      <c r="BX51" s="1254">
        <v>152.19999999999999</v>
      </c>
      <c r="BY51" s="1254"/>
      <c r="BZ51" s="1254"/>
      <c r="CA51" s="1254"/>
      <c r="CB51" s="1254"/>
      <c r="CC51" s="1254"/>
      <c r="CD51" s="1254"/>
      <c r="CE51" s="1254"/>
      <c r="CF51" s="1254">
        <v>140.1</v>
      </c>
      <c r="CG51" s="1254"/>
      <c r="CH51" s="1254"/>
      <c r="CI51" s="1254"/>
      <c r="CJ51" s="1254"/>
      <c r="CK51" s="1254"/>
      <c r="CL51" s="1254"/>
      <c r="CM51" s="1254"/>
      <c r="CN51" s="1254">
        <v>106</v>
      </c>
      <c r="CO51" s="1254"/>
      <c r="CP51" s="1254"/>
      <c r="CQ51" s="1254"/>
      <c r="CR51" s="1254"/>
      <c r="CS51" s="1254"/>
      <c r="CT51" s="1254"/>
      <c r="CU51" s="1254"/>
      <c r="CV51" s="1254">
        <v>83.4</v>
      </c>
      <c r="CW51" s="1254"/>
      <c r="CX51" s="1254"/>
      <c r="CY51" s="1254"/>
      <c r="CZ51" s="1254"/>
      <c r="DA51" s="1254"/>
      <c r="DB51" s="1254"/>
      <c r="DC51" s="1254"/>
    </row>
    <row r="52" spans="1:109" ht="13" x14ac:dyDescent="0.2">
      <c r="B52" s="365"/>
      <c r="G52" s="1264"/>
      <c r="H52" s="1264"/>
      <c r="I52" s="1265"/>
      <c r="J52" s="1265"/>
      <c r="K52" s="1255"/>
      <c r="L52" s="1255"/>
      <c r="M52" s="1255"/>
      <c r="N52" s="1255"/>
      <c r="AM52" s="371"/>
      <c r="AN52" s="1253"/>
      <c r="AO52" s="1253"/>
      <c r="AP52" s="1253"/>
      <c r="AQ52" s="1253"/>
      <c r="AR52" s="1253"/>
      <c r="AS52" s="1253"/>
      <c r="AT52" s="1253"/>
      <c r="AU52" s="1253"/>
      <c r="AV52" s="1253"/>
      <c r="AW52" s="1253"/>
      <c r="AX52" s="1253"/>
      <c r="AY52" s="1253"/>
      <c r="AZ52" s="1253"/>
      <c r="BA52" s="1253"/>
      <c r="BB52" s="1253"/>
      <c r="BC52" s="1253"/>
      <c r="BD52" s="1253"/>
      <c r="BE52" s="1253"/>
      <c r="BF52" s="1253"/>
      <c r="BG52" s="1253"/>
      <c r="BH52" s="1253"/>
      <c r="BI52" s="1253"/>
      <c r="BJ52" s="1253"/>
      <c r="BK52" s="1253"/>
      <c r="BL52" s="1253"/>
      <c r="BM52" s="1253"/>
      <c r="BN52" s="1253"/>
      <c r="BO52" s="1253"/>
      <c r="BP52" s="1254"/>
      <c r="BQ52" s="1254"/>
      <c r="BR52" s="1254"/>
      <c r="BS52" s="1254"/>
      <c r="BT52" s="1254"/>
      <c r="BU52" s="1254"/>
      <c r="BV52" s="1254"/>
      <c r="BW52" s="1254"/>
      <c r="BX52" s="1254"/>
      <c r="BY52" s="1254"/>
      <c r="BZ52" s="1254"/>
      <c r="CA52" s="1254"/>
      <c r="CB52" s="1254"/>
      <c r="CC52" s="1254"/>
      <c r="CD52" s="1254"/>
      <c r="CE52" s="1254"/>
      <c r="CF52" s="1254"/>
      <c r="CG52" s="1254"/>
      <c r="CH52" s="1254"/>
      <c r="CI52" s="1254"/>
      <c r="CJ52" s="1254"/>
      <c r="CK52" s="1254"/>
      <c r="CL52" s="1254"/>
      <c r="CM52" s="1254"/>
      <c r="CN52" s="1254"/>
      <c r="CO52" s="1254"/>
      <c r="CP52" s="1254"/>
      <c r="CQ52" s="1254"/>
      <c r="CR52" s="1254"/>
      <c r="CS52" s="1254"/>
      <c r="CT52" s="1254"/>
      <c r="CU52" s="1254"/>
      <c r="CV52" s="1254"/>
      <c r="CW52" s="1254"/>
      <c r="CX52" s="1254"/>
      <c r="CY52" s="1254"/>
      <c r="CZ52" s="1254"/>
      <c r="DA52" s="1254"/>
      <c r="DB52" s="1254"/>
      <c r="DC52" s="1254"/>
    </row>
    <row r="53" spans="1:109" ht="13" x14ac:dyDescent="0.2">
      <c r="A53" s="379"/>
      <c r="B53" s="365"/>
      <c r="G53" s="1264"/>
      <c r="H53" s="1264"/>
      <c r="I53" s="1256"/>
      <c r="J53" s="1256"/>
      <c r="K53" s="1255"/>
      <c r="L53" s="1255"/>
      <c r="M53" s="1255"/>
      <c r="N53" s="1255"/>
      <c r="AM53" s="371"/>
      <c r="AN53" s="1253"/>
      <c r="AO53" s="1253"/>
      <c r="AP53" s="1253"/>
      <c r="AQ53" s="1253"/>
      <c r="AR53" s="1253"/>
      <c r="AS53" s="1253"/>
      <c r="AT53" s="1253"/>
      <c r="AU53" s="1253"/>
      <c r="AV53" s="1253"/>
      <c r="AW53" s="1253"/>
      <c r="AX53" s="1253"/>
      <c r="AY53" s="1253"/>
      <c r="AZ53" s="1253"/>
      <c r="BA53" s="1253"/>
      <c r="BB53" s="1253" t="s">
        <v>617</v>
      </c>
      <c r="BC53" s="1253"/>
      <c r="BD53" s="1253"/>
      <c r="BE53" s="1253"/>
      <c r="BF53" s="1253"/>
      <c r="BG53" s="1253"/>
      <c r="BH53" s="1253"/>
      <c r="BI53" s="1253"/>
      <c r="BJ53" s="1253"/>
      <c r="BK53" s="1253"/>
      <c r="BL53" s="1253"/>
      <c r="BM53" s="1253"/>
      <c r="BN53" s="1253"/>
      <c r="BO53" s="1253"/>
      <c r="BP53" s="1254">
        <v>63.2</v>
      </c>
      <c r="BQ53" s="1254"/>
      <c r="BR53" s="1254"/>
      <c r="BS53" s="1254"/>
      <c r="BT53" s="1254"/>
      <c r="BU53" s="1254"/>
      <c r="BV53" s="1254"/>
      <c r="BW53" s="1254"/>
      <c r="BX53" s="1254">
        <v>62.4</v>
      </c>
      <c r="BY53" s="1254"/>
      <c r="BZ53" s="1254"/>
      <c r="CA53" s="1254"/>
      <c r="CB53" s="1254"/>
      <c r="CC53" s="1254"/>
      <c r="CD53" s="1254"/>
      <c r="CE53" s="1254"/>
      <c r="CF53" s="1254">
        <v>64.7</v>
      </c>
      <c r="CG53" s="1254"/>
      <c r="CH53" s="1254"/>
      <c r="CI53" s="1254"/>
      <c r="CJ53" s="1254"/>
      <c r="CK53" s="1254"/>
      <c r="CL53" s="1254"/>
      <c r="CM53" s="1254"/>
      <c r="CN53" s="1254">
        <v>66.8</v>
      </c>
      <c r="CO53" s="1254"/>
      <c r="CP53" s="1254"/>
      <c r="CQ53" s="1254"/>
      <c r="CR53" s="1254"/>
      <c r="CS53" s="1254"/>
      <c r="CT53" s="1254"/>
      <c r="CU53" s="1254"/>
      <c r="CV53" s="1254">
        <v>70.5</v>
      </c>
      <c r="CW53" s="1254"/>
      <c r="CX53" s="1254"/>
      <c r="CY53" s="1254"/>
      <c r="CZ53" s="1254"/>
      <c r="DA53" s="1254"/>
      <c r="DB53" s="1254"/>
      <c r="DC53" s="1254"/>
    </row>
    <row r="54" spans="1:109" ht="13" x14ac:dyDescent="0.2">
      <c r="A54" s="379"/>
      <c r="B54" s="365"/>
      <c r="G54" s="1264"/>
      <c r="H54" s="1264"/>
      <c r="I54" s="1256"/>
      <c r="J54" s="1256"/>
      <c r="K54" s="1255"/>
      <c r="L54" s="1255"/>
      <c r="M54" s="1255"/>
      <c r="N54" s="1255"/>
      <c r="AM54" s="371"/>
      <c r="AN54" s="1253"/>
      <c r="AO54" s="1253"/>
      <c r="AP54" s="1253"/>
      <c r="AQ54" s="1253"/>
      <c r="AR54" s="1253"/>
      <c r="AS54" s="1253"/>
      <c r="AT54" s="1253"/>
      <c r="AU54" s="1253"/>
      <c r="AV54" s="1253"/>
      <c r="AW54" s="1253"/>
      <c r="AX54" s="1253"/>
      <c r="AY54" s="1253"/>
      <c r="AZ54" s="1253"/>
      <c r="BA54" s="1253"/>
      <c r="BB54" s="1253"/>
      <c r="BC54" s="1253"/>
      <c r="BD54" s="1253"/>
      <c r="BE54" s="1253"/>
      <c r="BF54" s="1253"/>
      <c r="BG54" s="1253"/>
      <c r="BH54" s="1253"/>
      <c r="BI54" s="1253"/>
      <c r="BJ54" s="1253"/>
      <c r="BK54" s="1253"/>
      <c r="BL54" s="1253"/>
      <c r="BM54" s="1253"/>
      <c r="BN54" s="1253"/>
      <c r="BO54" s="1253"/>
      <c r="BP54" s="1254"/>
      <c r="BQ54" s="1254"/>
      <c r="BR54" s="1254"/>
      <c r="BS54" s="1254"/>
      <c r="BT54" s="1254"/>
      <c r="BU54" s="1254"/>
      <c r="BV54" s="1254"/>
      <c r="BW54" s="1254"/>
      <c r="BX54" s="1254"/>
      <c r="BY54" s="1254"/>
      <c r="BZ54" s="1254"/>
      <c r="CA54" s="1254"/>
      <c r="CB54" s="1254"/>
      <c r="CC54" s="1254"/>
      <c r="CD54" s="1254"/>
      <c r="CE54" s="1254"/>
      <c r="CF54" s="1254"/>
      <c r="CG54" s="1254"/>
      <c r="CH54" s="1254"/>
      <c r="CI54" s="1254"/>
      <c r="CJ54" s="1254"/>
      <c r="CK54" s="1254"/>
      <c r="CL54" s="1254"/>
      <c r="CM54" s="1254"/>
      <c r="CN54" s="1254"/>
      <c r="CO54" s="1254"/>
      <c r="CP54" s="1254"/>
      <c r="CQ54" s="1254"/>
      <c r="CR54" s="1254"/>
      <c r="CS54" s="1254"/>
      <c r="CT54" s="1254"/>
      <c r="CU54" s="1254"/>
      <c r="CV54" s="1254"/>
      <c r="CW54" s="1254"/>
      <c r="CX54" s="1254"/>
      <c r="CY54" s="1254"/>
      <c r="CZ54" s="1254"/>
      <c r="DA54" s="1254"/>
      <c r="DB54" s="1254"/>
      <c r="DC54" s="1254"/>
    </row>
    <row r="55" spans="1:109" ht="13" x14ac:dyDescent="0.2">
      <c r="A55" s="379"/>
      <c r="B55" s="365"/>
      <c r="G55" s="1256"/>
      <c r="H55" s="1256"/>
      <c r="I55" s="1256"/>
      <c r="J55" s="1256"/>
      <c r="K55" s="1255"/>
      <c r="L55" s="1255"/>
      <c r="M55" s="1255"/>
      <c r="N55" s="1255"/>
      <c r="AN55" s="1260" t="s">
        <v>612</v>
      </c>
      <c r="AO55" s="1260"/>
      <c r="AP55" s="1260"/>
      <c r="AQ55" s="1260"/>
      <c r="AR55" s="1260"/>
      <c r="AS55" s="1260"/>
      <c r="AT55" s="1260"/>
      <c r="AU55" s="1260"/>
      <c r="AV55" s="1260"/>
      <c r="AW55" s="1260"/>
      <c r="AX55" s="1260"/>
      <c r="AY55" s="1260"/>
      <c r="AZ55" s="1260"/>
      <c r="BA55" s="1260"/>
      <c r="BB55" s="1253" t="s">
        <v>611</v>
      </c>
      <c r="BC55" s="1253"/>
      <c r="BD55" s="1253"/>
      <c r="BE55" s="1253"/>
      <c r="BF55" s="1253"/>
      <c r="BG55" s="1253"/>
      <c r="BH55" s="1253"/>
      <c r="BI55" s="1253"/>
      <c r="BJ55" s="1253"/>
      <c r="BK55" s="1253"/>
      <c r="BL55" s="1253"/>
      <c r="BM55" s="1253"/>
      <c r="BN55" s="1253"/>
      <c r="BO55" s="1253"/>
      <c r="BP55" s="1254">
        <v>7.6</v>
      </c>
      <c r="BQ55" s="1254"/>
      <c r="BR55" s="1254"/>
      <c r="BS55" s="1254"/>
      <c r="BT55" s="1254"/>
      <c r="BU55" s="1254"/>
      <c r="BV55" s="1254"/>
      <c r="BW55" s="1254"/>
      <c r="BX55" s="1254">
        <v>3</v>
      </c>
      <c r="BY55" s="1254"/>
      <c r="BZ55" s="1254"/>
      <c r="CA55" s="1254"/>
      <c r="CB55" s="1254"/>
      <c r="CC55" s="1254"/>
      <c r="CD55" s="1254"/>
      <c r="CE55" s="1254"/>
      <c r="CF55" s="1254">
        <v>3.4</v>
      </c>
      <c r="CG55" s="1254"/>
      <c r="CH55" s="1254"/>
      <c r="CI55" s="1254"/>
      <c r="CJ55" s="1254"/>
      <c r="CK55" s="1254"/>
      <c r="CL55" s="1254"/>
      <c r="CM55" s="1254"/>
      <c r="CN55" s="1254">
        <v>0</v>
      </c>
      <c r="CO55" s="1254"/>
      <c r="CP55" s="1254"/>
      <c r="CQ55" s="1254"/>
      <c r="CR55" s="1254"/>
      <c r="CS55" s="1254"/>
      <c r="CT55" s="1254"/>
      <c r="CU55" s="1254"/>
      <c r="CV55" s="1254">
        <v>0</v>
      </c>
      <c r="CW55" s="1254"/>
      <c r="CX55" s="1254"/>
      <c r="CY55" s="1254"/>
      <c r="CZ55" s="1254"/>
      <c r="DA55" s="1254"/>
      <c r="DB55" s="1254"/>
      <c r="DC55" s="1254"/>
    </row>
    <row r="56" spans="1:109" ht="13" x14ac:dyDescent="0.2">
      <c r="A56" s="379"/>
      <c r="B56" s="365"/>
      <c r="G56" s="1256"/>
      <c r="H56" s="1256"/>
      <c r="I56" s="1256"/>
      <c r="J56" s="1256"/>
      <c r="K56" s="1255"/>
      <c r="L56" s="1255"/>
      <c r="M56" s="1255"/>
      <c r="N56" s="1255"/>
      <c r="AN56" s="1260"/>
      <c r="AO56" s="1260"/>
      <c r="AP56" s="1260"/>
      <c r="AQ56" s="1260"/>
      <c r="AR56" s="1260"/>
      <c r="AS56" s="1260"/>
      <c r="AT56" s="1260"/>
      <c r="AU56" s="1260"/>
      <c r="AV56" s="1260"/>
      <c r="AW56" s="1260"/>
      <c r="AX56" s="1260"/>
      <c r="AY56" s="1260"/>
      <c r="AZ56" s="1260"/>
      <c r="BA56" s="1260"/>
      <c r="BB56" s="1253"/>
      <c r="BC56" s="1253"/>
      <c r="BD56" s="1253"/>
      <c r="BE56" s="1253"/>
      <c r="BF56" s="1253"/>
      <c r="BG56" s="1253"/>
      <c r="BH56" s="1253"/>
      <c r="BI56" s="1253"/>
      <c r="BJ56" s="1253"/>
      <c r="BK56" s="1253"/>
      <c r="BL56" s="1253"/>
      <c r="BM56" s="1253"/>
      <c r="BN56" s="1253"/>
      <c r="BO56" s="1253"/>
      <c r="BP56" s="1254"/>
      <c r="BQ56" s="1254"/>
      <c r="BR56" s="1254"/>
      <c r="BS56" s="1254"/>
      <c r="BT56" s="1254"/>
      <c r="BU56" s="1254"/>
      <c r="BV56" s="1254"/>
      <c r="BW56" s="1254"/>
      <c r="BX56" s="1254"/>
      <c r="BY56" s="1254"/>
      <c r="BZ56" s="1254"/>
      <c r="CA56" s="1254"/>
      <c r="CB56" s="1254"/>
      <c r="CC56" s="1254"/>
      <c r="CD56" s="1254"/>
      <c r="CE56" s="1254"/>
      <c r="CF56" s="1254"/>
      <c r="CG56" s="1254"/>
      <c r="CH56" s="1254"/>
      <c r="CI56" s="1254"/>
      <c r="CJ56" s="1254"/>
      <c r="CK56" s="1254"/>
      <c r="CL56" s="1254"/>
      <c r="CM56" s="1254"/>
      <c r="CN56" s="1254"/>
      <c r="CO56" s="1254"/>
      <c r="CP56" s="1254"/>
      <c r="CQ56" s="1254"/>
      <c r="CR56" s="1254"/>
      <c r="CS56" s="1254"/>
      <c r="CT56" s="1254"/>
      <c r="CU56" s="1254"/>
      <c r="CV56" s="1254"/>
      <c r="CW56" s="1254"/>
      <c r="CX56" s="1254"/>
      <c r="CY56" s="1254"/>
      <c r="CZ56" s="1254"/>
      <c r="DA56" s="1254"/>
      <c r="DB56" s="1254"/>
      <c r="DC56" s="1254"/>
    </row>
    <row r="57" spans="1:109" s="379" customFormat="1" ht="13" x14ac:dyDescent="0.2">
      <c r="B57" s="385"/>
      <c r="G57" s="1256"/>
      <c r="H57" s="1256"/>
      <c r="I57" s="1258"/>
      <c r="J57" s="1258"/>
      <c r="K57" s="1255"/>
      <c r="L57" s="1255"/>
      <c r="M57" s="1255"/>
      <c r="N57" s="1255"/>
      <c r="AM57" s="364"/>
      <c r="AN57" s="1260"/>
      <c r="AO57" s="1260"/>
      <c r="AP57" s="1260"/>
      <c r="AQ57" s="1260"/>
      <c r="AR57" s="1260"/>
      <c r="AS57" s="1260"/>
      <c r="AT57" s="1260"/>
      <c r="AU57" s="1260"/>
      <c r="AV57" s="1260"/>
      <c r="AW57" s="1260"/>
      <c r="AX57" s="1260"/>
      <c r="AY57" s="1260"/>
      <c r="AZ57" s="1260"/>
      <c r="BA57" s="1260"/>
      <c r="BB57" s="1253" t="s">
        <v>617</v>
      </c>
      <c r="BC57" s="1253"/>
      <c r="BD57" s="1253"/>
      <c r="BE57" s="1253"/>
      <c r="BF57" s="1253"/>
      <c r="BG57" s="1253"/>
      <c r="BH57" s="1253"/>
      <c r="BI57" s="1253"/>
      <c r="BJ57" s="1253"/>
      <c r="BK57" s="1253"/>
      <c r="BL57" s="1253"/>
      <c r="BM57" s="1253"/>
      <c r="BN57" s="1253"/>
      <c r="BO57" s="1253"/>
      <c r="BP57" s="1254">
        <v>63.4</v>
      </c>
      <c r="BQ57" s="1254"/>
      <c r="BR57" s="1254"/>
      <c r="BS57" s="1254"/>
      <c r="BT57" s="1254"/>
      <c r="BU57" s="1254"/>
      <c r="BV57" s="1254"/>
      <c r="BW57" s="1254"/>
      <c r="BX57" s="1254">
        <v>63.3</v>
      </c>
      <c r="BY57" s="1254"/>
      <c r="BZ57" s="1254"/>
      <c r="CA57" s="1254"/>
      <c r="CB57" s="1254"/>
      <c r="CC57" s="1254"/>
      <c r="CD57" s="1254"/>
      <c r="CE57" s="1254"/>
      <c r="CF57" s="1254">
        <v>62.8</v>
      </c>
      <c r="CG57" s="1254"/>
      <c r="CH57" s="1254"/>
      <c r="CI57" s="1254"/>
      <c r="CJ57" s="1254"/>
      <c r="CK57" s="1254"/>
      <c r="CL57" s="1254"/>
      <c r="CM57" s="1254"/>
      <c r="CN57" s="1254">
        <v>62.6</v>
      </c>
      <c r="CO57" s="1254"/>
      <c r="CP57" s="1254"/>
      <c r="CQ57" s="1254"/>
      <c r="CR57" s="1254"/>
      <c r="CS57" s="1254"/>
      <c r="CT57" s="1254"/>
      <c r="CU57" s="1254"/>
      <c r="CV57" s="1254">
        <v>63</v>
      </c>
      <c r="CW57" s="1254"/>
      <c r="CX57" s="1254"/>
      <c r="CY57" s="1254"/>
      <c r="CZ57" s="1254"/>
      <c r="DA57" s="1254"/>
      <c r="DB57" s="1254"/>
      <c r="DC57" s="1254"/>
      <c r="DD57" s="390"/>
      <c r="DE57" s="385"/>
    </row>
    <row r="58" spans="1:109" s="379" customFormat="1" ht="13" x14ac:dyDescent="0.2">
      <c r="A58" s="364"/>
      <c r="B58" s="385"/>
      <c r="G58" s="1256"/>
      <c r="H58" s="1256"/>
      <c r="I58" s="1258"/>
      <c r="J58" s="1258"/>
      <c r="K58" s="1255"/>
      <c r="L58" s="1255"/>
      <c r="M58" s="1255"/>
      <c r="N58" s="1255"/>
      <c r="AM58" s="364"/>
      <c r="AN58" s="1260"/>
      <c r="AO58" s="1260"/>
      <c r="AP58" s="1260"/>
      <c r="AQ58" s="1260"/>
      <c r="AR58" s="1260"/>
      <c r="AS58" s="1260"/>
      <c r="AT58" s="1260"/>
      <c r="AU58" s="1260"/>
      <c r="AV58" s="1260"/>
      <c r="AW58" s="1260"/>
      <c r="AX58" s="1260"/>
      <c r="AY58" s="1260"/>
      <c r="AZ58" s="1260"/>
      <c r="BA58" s="1260"/>
      <c r="BB58" s="1253"/>
      <c r="BC58" s="1253"/>
      <c r="BD58" s="1253"/>
      <c r="BE58" s="1253"/>
      <c r="BF58" s="1253"/>
      <c r="BG58" s="1253"/>
      <c r="BH58" s="1253"/>
      <c r="BI58" s="1253"/>
      <c r="BJ58" s="1253"/>
      <c r="BK58" s="1253"/>
      <c r="BL58" s="1253"/>
      <c r="BM58" s="1253"/>
      <c r="BN58" s="1253"/>
      <c r="BO58" s="1253"/>
      <c r="BP58" s="1254"/>
      <c r="BQ58" s="1254"/>
      <c r="BR58" s="1254"/>
      <c r="BS58" s="1254"/>
      <c r="BT58" s="1254"/>
      <c r="BU58" s="1254"/>
      <c r="BV58" s="1254"/>
      <c r="BW58" s="1254"/>
      <c r="BX58" s="1254"/>
      <c r="BY58" s="1254"/>
      <c r="BZ58" s="1254"/>
      <c r="CA58" s="1254"/>
      <c r="CB58" s="1254"/>
      <c r="CC58" s="1254"/>
      <c r="CD58" s="1254"/>
      <c r="CE58" s="1254"/>
      <c r="CF58" s="1254"/>
      <c r="CG58" s="1254"/>
      <c r="CH58" s="1254"/>
      <c r="CI58" s="1254"/>
      <c r="CJ58" s="1254"/>
      <c r="CK58" s="1254"/>
      <c r="CL58" s="1254"/>
      <c r="CM58" s="1254"/>
      <c r="CN58" s="1254"/>
      <c r="CO58" s="1254"/>
      <c r="CP58" s="1254"/>
      <c r="CQ58" s="1254"/>
      <c r="CR58" s="1254"/>
      <c r="CS58" s="1254"/>
      <c r="CT58" s="1254"/>
      <c r="CU58" s="1254"/>
      <c r="CV58" s="1254"/>
      <c r="CW58" s="1254"/>
      <c r="CX58" s="1254"/>
      <c r="CY58" s="1254"/>
      <c r="CZ58" s="1254"/>
      <c r="DA58" s="1254"/>
      <c r="DB58" s="1254"/>
      <c r="DC58" s="1254"/>
      <c r="DD58" s="390"/>
      <c r="DE58" s="385"/>
    </row>
    <row r="59" spans="1:109" s="379" customFormat="1" ht="13" x14ac:dyDescent="0.2">
      <c r="A59" s="364"/>
      <c r="B59" s="385"/>
      <c r="K59" s="391"/>
      <c r="L59" s="391"/>
      <c r="M59" s="391"/>
      <c r="N59" s="391"/>
      <c r="AQ59" s="391"/>
      <c r="AR59" s="391"/>
      <c r="AS59" s="391"/>
      <c r="AT59" s="391"/>
      <c r="BC59" s="391"/>
      <c r="BD59" s="391"/>
      <c r="BE59" s="391"/>
      <c r="BF59" s="391"/>
      <c r="BO59" s="391"/>
      <c r="BP59" s="391"/>
      <c r="BQ59" s="391"/>
      <c r="BR59" s="391"/>
      <c r="CA59" s="391"/>
      <c r="CB59" s="391"/>
      <c r="CC59" s="391"/>
      <c r="CD59" s="391"/>
      <c r="CM59" s="391"/>
      <c r="CN59" s="391"/>
      <c r="CO59" s="391"/>
      <c r="CP59" s="391"/>
      <c r="CY59" s="391"/>
      <c r="CZ59" s="391"/>
      <c r="DA59" s="391"/>
      <c r="DB59" s="391"/>
      <c r="DC59" s="391"/>
      <c r="DD59" s="390"/>
      <c r="DE59" s="385"/>
    </row>
    <row r="60" spans="1:109" s="379" customFormat="1" ht="13" x14ac:dyDescent="0.2">
      <c r="A60" s="364"/>
      <c r="B60" s="385"/>
      <c r="K60" s="391"/>
      <c r="L60" s="391"/>
      <c r="M60" s="391"/>
      <c r="N60" s="391"/>
      <c r="AQ60" s="391"/>
      <c r="AR60" s="391"/>
      <c r="AS60" s="391"/>
      <c r="AT60" s="391"/>
      <c r="BC60" s="391"/>
      <c r="BD60" s="391"/>
      <c r="BE60" s="391"/>
      <c r="BF60" s="391"/>
      <c r="BO60" s="391"/>
      <c r="BP60" s="391"/>
      <c r="BQ60" s="391"/>
      <c r="BR60" s="391"/>
      <c r="CA60" s="391"/>
      <c r="CB60" s="391"/>
      <c r="CC60" s="391"/>
      <c r="CD60" s="391"/>
      <c r="CM60" s="391"/>
      <c r="CN60" s="391"/>
      <c r="CO60" s="391"/>
      <c r="CP60" s="391"/>
      <c r="CY60" s="391"/>
      <c r="CZ60" s="391"/>
      <c r="DA60" s="391"/>
      <c r="DB60" s="391"/>
      <c r="DC60" s="391"/>
      <c r="DD60" s="390"/>
      <c r="DE60" s="385"/>
    </row>
    <row r="61" spans="1:109" s="379" customFormat="1" ht="13" x14ac:dyDescent="0.2">
      <c r="A61" s="364"/>
      <c r="B61" s="389"/>
      <c r="C61" s="388"/>
      <c r="D61" s="388"/>
      <c r="E61" s="388"/>
      <c r="F61" s="388"/>
      <c r="G61" s="388"/>
      <c r="H61" s="388"/>
      <c r="I61" s="388"/>
      <c r="J61" s="388"/>
      <c r="K61" s="388"/>
      <c r="L61" s="388"/>
      <c r="M61" s="387"/>
      <c r="N61" s="387"/>
      <c r="O61" s="388"/>
      <c r="P61" s="388"/>
      <c r="Q61" s="388"/>
      <c r="R61" s="388"/>
      <c r="S61" s="388"/>
      <c r="T61" s="388"/>
      <c r="U61" s="388"/>
      <c r="V61" s="388"/>
      <c r="W61" s="388"/>
      <c r="X61" s="388"/>
      <c r="Y61" s="388"/>
      <c r="Z61" s="388"/>
      <c r="AA61" s="388"/>
      <c r="AB61" s="388"/>
      <c r="AC61" s="388"/>
      <c r="AD61" s="388"/>
      <c r="AE61" s="388"/>
      <c r="AF61" s="388"/>
      <c r="AG61" s="388"/>
      <c r="AH61" s="388"/>
      <c r="AI61" s="388"/>
      <c r="AJ61" s="388"/>
      <c r="AK61" s="388"/>
      <c r="AL61" s="388"/>
      <c r="AM61" s="388"/>
      <c r="AN61" s="388"/>
      <c r="AO61" s="388"/>
      <c r="AP61" s="388"/>
      <c r="AQ61" s="388"/>
      <c r="AR61" s="388"/>
      <c r="AS61" s="387"/>
      <c r="AT61" s="387"/>
      <c r="AU61" s="388"/>
      <c r="AV61" s="388"/>
      <c r="AW61" s="388"/>
      <c r="AX61" s="388"/>
      <c r="AY61" s="388"/>
      <c r="AZ61" s="388"/>
      <c r="BA61" s="388"/>
      <c r="BB61" s="388"/>
      <c r="BC61" s="388"/>
      <c r="BD61" s="388"/>
      <c r="BE61" s="387"/>
      <c r="BF61" s="387"/>
      <c r="BG61" s="388"/>
      <c r="BH61" s="388"/>
      <c r="BI61" s="388"/>
      <c r="BJ61" s="388"/>
      <c r="BK61" s="388"/>
      <c r="BL61" s="388"/>
      <c r="BM61" s="388"/>
      <c r="BN61" s="388"/>
      <c r="BO61" s="388"/>
      <c r="BP61" s="388"/>
      <c r="BQ61" s="387"/>
      <c r="BR61" s="387"/>
      <c r="BS61" s="388"/>
      <c r="BT61" s="388"/>
      <c r="BU61" s="388"/>
      <c r="BV61" s="388"/>
      <c r="BW61" s="388"/>
      <c r="BX61" s="388"/>
      <c r="BY61" s="388"/>
      <c r="BZ61" s="388"/>
      <c r="CA61" s="388"/>
      <c r="CB61" s="388"/>
      <c r="CC61" s="387"/>
      <c r="CD61" s="387"/>
      <c r="CE61" s="388"/>
      <c r="CF61" s="388"/>
      <c r="CG61" s="388"/>
      <c r="CH61" s="388"/>
      <c r="CI61" s="388"/>
      <c r="CJ61" s="388"/>
      <c r="CK61" s="388"/>
      <c r="CL61" s="388"/>
      <c r="CM61" s="388"/>
      <c r="CN61" s="388"/>
      <c r="CO61" s="387"/>
      <c r="CP61" s="387"/>
      <c r="CQ61" s="388"/>
      <c r="CR61" s="388"/>
      <c r="CS61" s="388"/>
      <c r="CT61" s="388"/>
      <c r="CU61" s="388"/>
      <c r="CV61" s="388"/>
      <c r="CW61" s="388"/>
      <c r="CX61" s="388"/>
      <c r="CY61" s="388"/>
      <c r="CZ61" s="388"/>
      <c r="DA61" s="387"/>
      <c r="DB61" s="387"/>
      <c r="DC61" s="387"/>
      <c r="DD61" s="386"/>
      <c r="DE61" s="385"/>
    </row>
    <row r="62" spans="1:109" ht="13" x14ac:dyDescent="0.2">
      <c r="B62" s="384"/>
      <c r="C62" s="384"/>
      <c r="D62" s="384"/>
      <c r="E62" s="384"/>
      <c r="F62" s="384"/>
      <c r="G62" s="384"/>
      <c r="H62" s="384"/>
      <c r="I62" s="384"/>
      <c r="J62" s="384"/>
      <c r="K62" s="384"/>
      <c r="L62" s="384"/>
      <c r="M62" s="384"/>
      <c r="N62" s="384"/>
      <c r="O62" s="384"/>
      <c r="P62" s="384"/>
      <c r="Q62" s="384"/>
      <c r="R62" s="384"/>
      <c r="S62" s="384"/>
      <c r="T62" s="384"/>
      <c r="U62" s="384"/>
      <c r="V62" s="384"/>
      <c r="W62" s="384"/>
      <c r="X62" s="384"/>
      <c r="Y62" s="384"/>
      <c r="Z62" s="384"/>
      <c r="AA62" s="384"/>
      <c r="AB62" s="384"/>
      <c r="AC62" s="384"/>
      <c r="AD62" s="384"/>
      <c r="AE62" s="384"/>
      <c r="AF62" s="384"/>
      <c r="AG62" s="384"/>
      <c r="AH62" s="384"/>
      <c r="AI62" s="384"/>
      <c r="AJ62" s="384"/>
      <c r="AK62" s="384"/>
      <c r="AL62" s="384"/>
      <c r="AM62" s="384"/>
      <c r="AN62" s="384"/>
      <c r="AO62" s="384"/>
      <c r="AP62" s="384"/>
      <c r="AQ62" s="384"/>
      <c r="AR62" s="384"/>
      <c r="AS62" s="384"/>
      <c r="AT62" s="384"/>
      <c r="AU62" s="384"/>
      <c r="AV62" s="384"/>
      <c r="AW62" s="384"/>
      <c r="AX62" s="384"/>
      <c r="AY62" s="384"/>
      <c r="AZ62" s="384"/>
      <c r="BA62" s="384"/>
      <c r="BB62" s="384"/>
      <c r="BC62" s="384"/>
      <c r="BD62" s="384"/>
      <c r="BE62" s="384"/>
      <c r="BF62" s="384"/>
      <c r="BG62" s="384"/>
      <c r="BH62" s="384"/>
      <c r="BI62" s="384"/>
      <c r="BJ62" s="384"/>
      <c r="BK62" s="384"/>
      <c r="BL62" s="384"/>
      <c r="BM62" s="384"/>
      <c r="BN62" s="384"/>
      <c r="BO62" s="384"/>
      <c r="BP62" s="384"/>
      <c r="BQ62" s="384"/>
      <c r="BR62" s="384"/>
      <c r="BS62" s="384"/>
      <c r="BT62" s="384"/>
      <c r="BU62" s="384"/>
      <c r="BV62" s="384"/>
      <c r="BW62" s="384"/>
      <c r="BX62" s="384"/>
      <c r="BY62" s="384"/>
      <c r="BZ62" s="384"/>
      <c r="CA62" s="384"/>
      <c r="CB62" s="384"/>
      <c r="CC62" s="384"/>
      <c r="CD62" s="384"/>
      <c r="CE62" s="384"/>
      <c r="CF62" s="384"/>
      <c r="CG62" s="384"/>
      <c r="CH62" s="384"/>
      <c r="CI62" s="384"/>
      <c r="CJ62" s="384"/>
      <c r="CK62" s="384"/>
      <c r="CL62" s="384"/>
      <c r="CM62" s="384"/>
      <c r="CN62" s="384"/>
      <c r="CO62" s="384"/>
      <c r="CP62" s="384"/>
      <c r="CQ62" s="384"/>
      <c r="CR62" s="384"/>
      <c r="CS62" s="384"/>
      <c r="CT62" s="384"/>
      <c r="CU62" s="384"/>
      <c r="CV62" s="384"/>
      <c r="CW62" s="384"/>
      <c r="CX62" s="384"/>
      <c r="CY62" s="384"/>
      <c r="CZ62" s="384"/>
      <c r="DA62" s="384"/>
      <c r="DB62" s="384"/>
      <c r="DC62" s="384"/>
      <c r="DD62" s="384"/>
      <c r="DE62" s="364"/>
    </row>
    <row r="63" spans="1:109" ht="16.5" x14ac:dyDescent="0.2">
      <c r="B63" s="383" t="s">
        <v>616</v>
      </c>
    </row>
    <row r="64" spans="1:109" ht="13" x14ac:dyDescent="0.2">
      <c r="B64" s="365"/>
      <c r="G64" s="380"/>
      <c r="I64" s="382"/>
      <c r="J64" s="382"/>
      <c r="K64" s="382"/>
      <c r="L64" s="382"/>
      <c r="M64" s="382"/>
      <c r="N64" s="381"/>
      <c r="AM64" s="380"/>
      <c r="AN64" s="380" t="s">
        <v>615</v>
      </c>
      <c r="AP64" s="379"/>
      <c r="AQ64" s="379"/>
      <c r="AR64" s="379"/>
      <c r="AY64" s="380"/>
      <c r="BA64" s="379"/>
      <c r="BB64" s="379"/>
      <c r="BC64" s="379"/>
      <c r="BK64" s="380"/>
      <c r="BM64" s="379"/>
      <c r="BN64" s="379"/>
      <c r="BO64" s="379"/>
      <c r="BW64" s="380"/>
      <c r="BY64" s="379"/>
      <c r="BZ64" s="379"/>
      <c r="CA64" s="379"/>
      <c r="CI64" s="380"/>
      <c r="CK64" s="379"/>
      <c r="CL64" s="379"/>
      <c r="CM64" s="379"/>
      <c r="CU64" s="380"/>
      <c r="CW64" s="379"/>
      <c r="CX64" s="379"/>
      <c r="CY64" s="379"/>
    </row>
    <row r="65" spans="2:107" ht="13" x14ac:dyDescent="0.2">
      <c r="B65" s="365"/>
      <c r="AN65" s="1266" t="s">
        <v>620</v>
      </c>
      <c r="AO65" s="1267"/>
      <c r="AP65" s="1267"/>
      <c r="AQ65" s="1267"/>
      <c r="AR65" s="1267"/>
      <c r="AS65" s="1267"/>
      <c r="AT65" s="1267"/>
      <c r="AU65" s="1267"/>
      <c r="AV65" s="1267"/>
      <c r="AW65" s="1267"/>
      <c r="AX65" s="1267"/>
      <c r="AY65" s="1267"/>
      <c r="AZ65" s="1267"/>
      <c r="BA65" s="1267"/>
      <c r="BB65" s="1267"/>
      <c r="BC65" s="1267"/>
      <c r="BD65" s="1267"/>
      <c r="BE65" s="1267"/>
      <c r="BF65" s="1267"/>
      <c r="BG65" s="1267"/>
      <c r="BH65" s="1267"/>
      <c r="BI65" s="1267"/>
      <c r="BJ65" s="1267"/>
      <c r="BK65" s="1267"/>
      <c r="BL65" s="1267"/>
      <c r="BM65" s="1267"/>
      <c r="BN65" s="1267"/>
      <c r="BO65" s="1267"/>
      <c r="BP65" s="1267"/>
      <c r="BQ65" s="1267"/>
      <c r="BR65" s="1267"/>
      <c r="BS65" s="1267"/>
      <c r="BT65" s="1267"/>
      <c r="BU65" s="1267"/>
      <c r="BV65" s="1267"/>
      <c r="BW65" s="1267"/>
      <c r="BX65" s="1267"/>
      <c r="BY65" s="1267"/>
      <c r="BZ65" s="1267"/>
      <c r="CA65" s="1267"/>
      <c r="CB65" s="1267"/>
      <c r="CC65" s="1267"/>
      <c r="CD65" s="1267"/>
      <c r="CE65" s="1267"/>
      <c r="CF65" s="1267"/>
      <c r="CG65" s="1267"/>
      <c r="CH65" s="1267"/>
      <c r="CI65" s="1267"/>
      <c r="CJ65" s="1267"/>
      <c r="CK65" s="1267"/>
      <c r="CL65" s="1267"/>
      <c r="CM65" s="1267"/>
      <c r="CN65" s="1267"/>
      <c r="CO65" s="1267"/>
      <c r="CP65" s="1267"/>
      <c r="CQ65" s="1267"/>
      <c r="CR65" s="1267"/>
      <c r="CS65" s="1267"/>
      <c r="CT65" s="1267"/>
      <c r="CU65" s="1267"/>
      <c r="CV65" s="1267"/>
      <c r="CW65" s="1267"/>
      <c r="CX65" s="1267"/>
      <c r="CY65" s="1267"/>
      <c r="CZ65" s="1267"/>
      <c r="DA65" s="1267"/>
      <c r="DB65" s="1267"/>
      <c r="DC65" s="1268"/>
    </row>
    <row r="66" spans="2:107" ht="13" x14ac:dyDescent="0.2">
      <c r="B66" s="365"/>
      <c r="AN66" s="1269"/>
      <c r="AO66" s="1270"/>
      <c r="AP66" s="1270"/>
      <c r="AQ66" s="1270"/>
      <c r="AR66" s="1270"/>
      <c r="AS66" s="1270"/>
      <c r="AT66" s="1270"/>
      <c r="AU66" s="1270"/>
      <c r="AV66" s="1270"/>
      <c r="AW66" s="1270"/>
      <c r="AX66" s="1270"/>
      <c r="AY66" s="1270"/>
      <c r="AZ66" s="1270"/>
      <c r="BA66" s="1270"/>
      <c r="BB66" s="1270"/>
      <c r="BC66" s="1270"/>
      <c r="BD66" s="1270"/>
      <c r="BE66" s="1270"/>
      <c r="BF66" s="1270"/>
      <c r="BG66" s="1270"/>
      <c r="BH66" s="1270"/>
      <c r="BI66" s="1270"/>
      <c r="BJ66" s="1270"/>
      <c r="BK66" s="1270"/>
      <c r="BL66" s="1270"/>
      <c r="BM66" s="1270"/>
      <c r="BN66" s="1270"/>
      <c r="BO66" s="1270"/>
      <c r="BP66" s="1270"/>
      <c r="BQ66" s="1270"/>
      <c r="BR66" s="1270"/>
      <c r="BS66" s="1270"/>
      <c r="BT66" s="1270"/>
      <c r="BU66" s="1270"/>
      <c r="BV66" s="1270"/>
      <c r="BW66" s="1270"/>
      <c r="BX66" s="1270"/>
      <c r="BY66" s="1270"/>
      <c r="BZ66" s="1270"/>
      <c r="CA66" s="1270"/>
      <c r="CB66" s="1270"/>
      <c r="CC66" s="1270"/>
      <c r="CD66" s="1270"/>
      <c r="CE66" s="1270"/>
      <c r="CF66" s="1270"/>
      <c r="CG66" s="1270"/>
      <c r="CH66" s="1270"/>
      <c r="CI66" s="1270"/>
      <c r="CJ66" s="1270"/>
      <c r="CK66" s="1270"/>
      <c r="CL66" s="1270"/>
      <c r="CM66" s="1270"/>
      <c r="CN66" s="1270"/>
      <c r="CO66" s="1270"/>
      <c r="CP66" s="1270"/>
      <c r="CQ66" s="1270"/>
      <c r="CR66" s="1270"/>
      <c r="CS66" s="1270"/>
      <c r="CT66" s="1270"/>
      <c r="CU66" s="1270"/>
      <c r="CV66" s="1270"/>
      <c r="CW66" s="1270"/>
      <c r="CX66" s="1270"/>
      <c r="CY66" s="1270"/>
      <c r="CZ66" s="1270"/>
      <c r="DA66" s="1270"/>
      <c r="DB66" s="1270"/>
      <c r="DC66" s="1271"/>
    </row>
    <row r="67" spans="2:107" ht="13" x14ac:dyDescent="0.2">
      <c r="B67" s="365"/>
      <c r="AN67" s="1269"/>
      <c r="AO67" s="1270"/>
      <c r="AP67" s="1270"/>
      <c r="AQ67" s="1270"/>
      <c r="AR67" s="1270"/>
      <c r="AS67" s="1270"/>
      <c r="AT67" s="1270"/>
      <c r="AU67" s="1270"/>
      <c r="AV67" s="1270"/>
      <c r="AW67" s="1270"/>
      <c r="AX67" s="1270"/>
      <c r="AY67" s="1270"/>
      <c r="AZ67" s="1270"/>
      <c r="BA67" s="1270"/>
      <c r="BB67" s="1270"/>
      <c r="BC67" s="1270"/>
      <c r="BD67" s="1270"/>
      <c r="BE67" s="1270"/>
      <c r="BF67" s="1270"/>
      <c r="BG67" s="1270"/>
      <c r="BH67" s="1270"/>
      <c r="BI67" s="1270"/>
      <c r="BJ67" s="1270"/>
      <c r="BK67" s="1270"/>
      <c r="BL67" s="1270"/>
      <c r="BM67" s="1270"/>
      <c r="BN67" s="1270"/>
      <c r="BO67" s="1270"/>
      <c r="BP67" s="1270"/>
      <c r="BQ67" s="1270"/>
      <c r="BR67" s="1270"/>
      <c r="BS67" s="1270"/>
      <c r="BT67" s="1270"/>
      <c r="BU67" s="1270"/>
      <c r="BV67" s="1270"/>
      <c r="BW67" s="1270"/>
      <c r="BX67" s="1270"/>
      <c r="BY67" s="1270"/>
      <c r="BZ67" s="1270"/>
      <c r="CA67" s="1270"/>
      <c r="CB67" s="1270"/>
      <c r="CC67" s="1270"/>
      <c r="CD67" s="1270"/>
      <c r="CE67" s="1270"/>
      <c r="CF67" s="1270"/>
      <c r="CG67" s="1270"/>
      <c r="CH67" s="1270"/>
      <c r="CI67" s="1270"/>
      <c r="CJ67" s="1270"/>
      <c r="CK67" s="1270"/>
      <c r="CL67" s="1270"/>
      <c r="CM67" s="1270"/>
      <c r="CN67" s="1270"/>
      <c r="CO67" s="1270"/>
      <c r="CP67" s="1270"/>
      <c r="CQ67" s="1270"/>
      <c r="CR67" s="1270"/>
      <c r="CS67" s="1270"/>
      <c r="CT67" s="1270"/>
      <c r="CU67" s="1270"/>
      <c r="CV67" s="1270"/>
      <c r="CW67" s="1270"/>
      <c r="CX67" s="1270"/>
      <c r="CY67" s="1270"/>
      <c r="CZ67" s="1270"/>
      <c r="DA67" s="1270"/>
      <c r="DB67" s="1270"/>
      <c r="DC67" s="1271"/>
    </row>
    <row r="68" spans="2:107" ht="13" x14ac:dyDescent="0.2">
      <c r="B68" s="365"/>
      <c r="AN68" s="1269"/>
      <c r="AO68" s="1270"/>
      <c r="AP68" s="1270"/>
      <c r="AQ68" s="1270"/>
      <c r="AR68" s="1270"/>
      <c r="AS68" s="1270"/>
      <c r="AT68" s="1270"/>
      <c r="AU68" s="1270"/>
      <c r="AV68" s="1270"/>
      <c r="AW68" s="1270"/>
      <c r="AX68" s="1270"/>
      <c r="AY68" s="1270"/>
      <c r="AZ68" s="1270"/>
      <c r="BA68" s="1270"/>
      <c r="BB68" s="1270"/>
      <c r="BC68" s="1270"/>
      <c r="BD68" s="1270"/>
      <c r="BE68" s="1270"/>
      <c r="BF68" s="1270"/>
      <c r="BG68" s="1270"/>
      <c r="BH68" s="1270"/>
      <c r="BI68" s="1270"/>
      <c r="BJ68" s="1270"/>
      <c r="BK68" s="1270"/>
      <c r="BL68" s="1270"/>
      <c r="BM68" s="1270"/>
      <c r="BN68" s="1270"/>
      <c r="BO68" s="1270"/>
      <c r="BP68" s="1270"/>
      <c r="BQ68" s="1270"/>
      <c r="BR68" s="1270"/>
      <c r="BS68" s="1270"/>
      <c r="BT68" s="1270"/>
      <c r="BU68" s="1270"/>
      <c r="BV68" s="1270"/>
      <c r="BW68" s="1270"/>
      <c r="BX68" s="1270"/>
      <c r="BY68" s="1270"/>
      <c r="BZ68" s="1270"/>
      <c r="CA68" s="1270"/>
      <c r="CB68" s="1270"/>
      <c r="CC68" s="1270"/>
      <c r="CD68" s="1270"/>
      <c r="CE68" s="1270"/>
      <c r="CF68" s="1270"/>
      <c r="CG68" s="1270"/>
      <c r="CH68" s="1270"/>
      <c r="CI68" s="1270"/>
      <c r="CJ68" s="1270"/>
      <c r="CK68" s="1270"/>
      <c r="CL68" s="1270"/>
      <c r="CM68" s="1270"/>
      <c r="CN68" s="1270"/>
      <c r="CO68" s="1270"/>
      <c r="CP68" s="1270"/>
      <c r="CQ68" s="1270"/>
      <c r="CR68" s="1270"/>
      <c r="CS68" s="1270"/>
      <c r="CT68" s="1270"/>
      <c r="CU68" s="1270"/>
      <c r="CV68" s="1270"/>
      <c r="CW68" s="1270"/>
      <c r="CX68" s="1270"/>
      <c r="CY68" s="1270"/>
      <c r="CZ68" s="1270"/>
      <c r="DA68" s="1270"/>
      <c r="DB68" s="1270"/>
      <c r="DC68" s="1271"/>
    </row>
    <row r="69" spans="2:107" ht="13" x14ac:dyDescent="0.2">
      <c r="B69" s="365"/>
      <c r="AN69" s="1272"/>
      <c r="AO69" s="1273"/>
      <c r="AP69" s="1273"/>
      <c r="AQ69" s="1273"/>
      <c r="AR69" s="1273"/>
      <c r="AS69" s="1273"/>
      <c r="AT69" s="1273"/>
      <c r="AU69" s="1273"/>
      <c r="AV69" s="1273"/>
      <c r="AW69" s="1273"/>
      <c r="AX69" s="1273"/>
      <c r="AY69" s="1273"/>
      <c r="AZ69" s="1273"/>
      <c r="BA69" s="1273"/>
      <c r="BB69" s="1273"/>
      <c r="BC69" s="1273"/>
      <c r="BD69" s="1273"/>
      <c r="BE69" s="1273"/>
      <c r="BF69" s="1273"/>
      <c r="BG69" s="1273"/>
      <c r="BH69" s="1273"/>
      <c r="BI69" s="1273"/>
      <c r="BJ69" s="1273"/>
      <c r="BK69" s="1273"/>
      <c r="BL69" s="1273"/>
      <c r="BM69" s="1273"/>
      <c r="BN69" s="1273"/>
      <c r="BO69" s="1273"/>
      <c r="BP69" s="1273"/>
      <c r="BQ69" s="1273"/>
      <c r="BR69" s="1273"/>
      <c r="BS69" s="1273"/>
      <c r="BT69" s="1273"/>
      <c r="BU69" s="1273"/>
      <c r="BV69" s="1273"/>
      <c r="BW69" s="1273"/>
      <c r="BX69" s="1273"/>
      <c r="BY69" s="1273"/>
      <c r="BZ69" s="1273"/>
      <c r="CA69" s="1273"/>
      <c r="CB69" s="1273"/>
      <c r="CC69" s="1273"/>
      <c r="CD69" s="1273"/>
      <c r="CE69" s="1273"/>
      <c r="CF69" s="1273"/>
      <c r="CG69" s="1273"/>
      <c r="CH69" s="1273"/>
      <c r="CI69" s="1273"/>
      <c r="CJ69" s="1273"/>
      <c r="CK69" s="1273"/>
      <c r="CL69" s="1273"/>
      <c r="CM69" s="1273"/>
      <c r="CN69" s="1273"/>
      <c r="CO69" s="1273"/>
      <c r="CP69" s="1273"/>
      <c r="CQ69" s="1273"/>
      <c r="CR69" s="1273"/>
      <c r="CS69" s="1273"/>
      <c r="CT69" s="1273"/>
      <c r="CU69" s="1273"/>
      <c r="CV69" s="1273"/>
      <c r="CW69" s="1273"/>
      <c r="CX69" s="1273"/>
      <c r="CY69" s="1273"/>
      <c r="CZ69" s="1273"/>
      <c r="DA69" s="1273"/>
      <c r="DB69" s="1273"/>
      <c r="DC69" s="1274"/>
    </row>
    <row r="70" spans="2:107" ht="13" x14ac:dyDescent="0.2">
      <c r="B70" s="365"/>
      <c r="H70" s="378"/>
      <c r="I70" s="378"/>
      <c r="J70" s="376"/>
      <c r="K70" s="376"/>
      <c r="L70" s="375"/>
      <c r="M70" s="376"/>
      <c r="N70" s="375"/>
      <c r="AN70" s="371"/>
      <c r="AO70" s="371"/>
      <c r="AP70" s="371"/>
      <c r="AZ70" s="371"/>
      <c r="BA70" s="371"/>
      <c r="BB70" s="371"/>
      <c r="BL70" s="371"/>
      <c r="BM70" s="371"/>
      <c r="BN70" s="371"/>
      <c r="BX70" s="371"/>
      <c r="BY70" s="371"/>
      <c r="BZ70" s="371"/>
      <c r="CJ70" s="371"/>
      <c r="CK70" s="371"/>
      <c r="CL70" s="371"/>
      <c r="CV70" s="371"/>
      <c r="CW70" s="371"/>
      <c r="CX70" s="371"/>
    </row>
    <row r="71" spans="2:107" ht="13" x14ac:dyDescent="0.2">
      <c r="B71" s="365"/>
      <c r="G71" s="374"/>
      <c r="I71" s="377"/>
      <c r="J71" s="376"/>
      <c r="K71" s="376"/>
      <c r="L71" s="375"/>
      <c r="M71" s="376"/>
      <c r="N71" s="375"/>
      <c r="AM71" s="374"/>
      <c r="AN71" s="364" t="s">
        <v>614</v>
      </c>
    </row>
    <row r="72" spans="2:107" ht="13" x14ac:dyDescent="0.2">
      <c r="B72" s="365"/>
      <c r="G72" s="1256"/>
      <c r="H72" s="1256"/>
      <c r="I72" s="1256"/>
      <c r="J72" s="1256"/>
      <c r="K72" s="373"/>
      <c r="L72" s="373"/>
      <c r="M72" s="372"/>
      <c r="N72" s="372"/>
      <c r="AN72" s="1261"/>
      <c r="AO72" s="1262"/>
      <c r="AP72" s="1262"/>
      <c r="AQ72" s="1262"/>
      <c r="AR72" s="1262"/>
      <c r="AS72" s="1262"/>
      <c r="AT72" s="1262"/>
      <c r="AU72" s="1262"/>
      <c r="AV72" s="1262"/>
      <c r="AW72" s="1262"/>
      <c r="AX72" s="1262"/>
      <c r="AY72" s="1262"/>
      <c r="AZ72" s="1262"/>
      <c r="BA72" s="1262"/>
      <c r="BB72" s="1262"/>
      <c r="BC72" s="1262"/>
      <c r="BD72" s="1262"/>
      <c r="BE72" s="1262"/>
      <c r="BF72" s="1262"/>
      <c r="BG72" s="1262"/>
      <c r="BH72" s="1262"/>
      <c r="BI72" s="1262"/>
      <c r="BJ72" s="1262"/>
      <c r="BK72" s="1262"/>
      <c r="BL72" s="1262"/>
      <c r="BM72" s="1262"/>
      <c r="BN72" s="1262"/>
      <c r="BO72" s="1263"/>
      <c r="BP72" s="1260" t="s">
        <v>571</v>
      </c>
      <c r="BQ72" s="1260"/>
      <c r="BR72" s="1260"/>
      <c r="BS72" s="1260"/>
      <c r="BT72" s="1260"/>
      <c r="BU72" s="1260"/>
      <c r="BV72" s="1260"/>
      <c r="BW72" s="1260"/>
      <c r="BX72" s="1260" t="s">
        <v>572</v>
      </c>
      <c r="BY72" s="1260"/>
      <c r="BZ72" s="1260"/>
      <c r="CA72" s="1260"/>
      <c r="CB72" s="1260"/>
      <c r="CC72" s="1260"/>
      <c r="CD72" s="1260"/>
      <c r="CE72" s="1260"/>
      <c r="CF72" s="1260" t="s">
        <v>573</v>
      </c>
      <c r="CG72" s="1260"/>
      <c r="CH72" s="1260"/>
      <c r="CI72" s="1260"/>
      <c r="CJ72" s="1260"/>
      <c r="CK72" s="1260"/>
      <c r="CL72" s="1260"/>
      <c r="CM72" s="1260"/>
      <c r="CN72" s="1260" t="s">
        <v>574</v>
      </c>
      <c r="CO72" s="1260"/>
      <c r="CP72" s="1260"/>
      <c r="CQ72" s="1260"/>
      <c r="CR72" s="1260"/>
      <c r="CS72" s="1260"/>
      <c r="CT72" s="1260"/>
      <c r="CU72" s="1260"/>
      <c r="CV72" s="1260" t="s">
        <v>575</v>
      </c>
      <c r="CW72" s="1260"/>
      <c r="CX72" s="1260"/>
      <c r="CY72" s="1260"/>
      <c r="CZ72" s="1260"/>
      <c r="DA72" s="1260"/>
      <c r="DB72" s="1260"/>
      <c r="DC72" s="1260"/>
    </row>
    <row r="73" spans="2:107" ht="13" x14ac:dyDescent="0.2">
      <c r="B73" s="365"/>
      <c r="G73" s="1264"/>
      <c r="H73" s="1264"/>
      <c r="I73" s="1264"/>
      <c r="J73" s="1264"/>
      <c r="K73" s="1257"/>
      <c r="L73" s="1257"/>
      <c r="M73" s="1257"/>
      <c r="N73" s="1257"/>
      <c r="AM73" s="371"/>
      <c r="AN73" s="1253" t="s">
        <v>613</v>
      </c>
      <c r="AO73" s="1253"/>
      <c r="AP73" s="1253"/>
      <c r="AQ73" s="1253"/>
      <c r="AR73" s="1253"/>
      <c r="AS73" s="1253"/>
      <c r="AT73" s="1253"/>
      <c r="AU73" s="1253"/>
      <c r="AV73" s="1253"/>
      <c r="AW73" s="1253"/>
      <c r="AX73" s="1253"/>
      <c r="AY73" s="1253"/>
      <c r="AZ73" s="1253"/>
      <c r="BA73" s="1253"/>
      <c r="BB73" s="1253" t="s">
        <v>611</v>
      </c>
      <c r="BC73" s="1253"/>
      <c r="BD73" s="1253"/>
      <c r="BE73" s="1253"/>
      <c r="BF73" s="1253"/>
      <c r="BG73" s="1253"/>
      <c r="BH73" s="1253"/>
      <c r="BI73" s="1253"/>
      <c r="BJ73" s="1253"/>
      <c r="BK73" s="1253"/>
      <c r="BL73" s="1253"/>
      <c r="BM73" s="1253"/>
      <c r="BN73" s="1253"/>
      <c r="BO73" s="1253"/>
      <c r="BP73" s="1254">
        <v>153</v>
      </c>
      <c r="BQ73" s="1254"/>
      <c r="BR73" s="1254"/>
      <c r="BS73" s="1254"/>
      <c r="BT73" s="1254"/>
      <c r="BU73" s="1254"/>
      <c r="BV73" s="1254"/>
      <c r="BW73" s="1254"/>
      <c r="BX73" s="1254">
        <v>152.19999999999999</v>
      </c>
      <c r="BY73" s="1254"/>
      <c r="BZ73" s="1254"/>
      <c r="CA73" s="1254"/>
      <c r="CB73" s="1254"/>
      <c r="CC73" s="1254"/>
      <c r="CD73" s="1254"/>
      <c r="CE73" s="1254"/>
      <c r="CF73" s="1254">
        <v>140.1</v>
      </c>
      <c r="CG73" s="1254"/>
      <c r="CH73" s="1254"/>
      <c r="CI73" s="1254"/>
      <c r="CJ73" s="1254"/>
      <c r="CK73" s="1254"/>
      <c r="CL73" s="1254"/>
      <c r="CM73" s="1254"/>
      <c r="CN73" s="1254">
        <v>106</v>
      </c>
      <c r="CO73" s="1254"/>
      <c r="CP73" s="1254"/>
      <c r="CQ73" s="1254"/>
      <c r="CR73" s="1254"/>
      <c r="CS73" s="1254"/>
      <c r="CT73" s="1254"/>
      <c r="CU73" s="1254"/>
      <c r="CV73" s="1254">
        <v>83.4</v>
      </c>
      <c r="CW73" s="1254"/>
      <c r="CX73" s="1254"/>
      <c r="CY73" s="1254"/>
      <c r="CZ73" s="1254"/>
      <c r="DA73" s="1254"/>
      <c r="DB73" s="1254"/>
      <c r="DC73" s="1254"/>
    </row>
    <row r="74" spans="2:107" ht="13" x14ac:dyDescent="0.2">
      <c r="B74" s="365"/>
      <c r="G74" s="1264"/>
      <c r="H74" s="1264"/>
      <c r="I74" s="1264"/>
      <c r="J74" s="1264"/>
      <c r="K74" s="1257"/>
      <c r="L74" s="1257"/>
      <c r="M74" s="1257"/>
      <c r="N74" s="1257"/>
      <c r="AM74" s="371"/>
      <c r="AN74" s="1253"/>
      <c r="AO74" s="1253"/>
      <c r="AP74" s="1253"/>
      <c r="AQ74" s="1253"/>
      <c r="AR74" s="1253"/>
      <c r="AS74" s="1253"/>
      <c r="AT74" s="1253"/>
      <c r="AU74" s="1253"/>
      <c r="AV74" s="1253"/>
      <c r="AW74" s="1253"/>
      <c r="AX74" s="1253"/>
      <c r="AY74" s="1253"/>
      <c r="AZ74" s="1253"/>
      <c r="BA74" s="1253"/>
      <c r="BB74" s="1253"/>
      <c r="BC74" s="1253"/>
      <c r="BD74" s="1253"/>
      <c r="BE74" s="1253"/>
      <c r="BF74" s="1253"/>
      <c r="BG74" s="1253"/>
      <c r="BH74" s="1253"/>
      <c r="BI74" s="1253"/>
      <c r="BJ74" s="1253"/>
      <c r="BK74" s="1253"/>
      <c r="BL74" s="1253"/>
      <c r="BM74" s="1253"/>
      <c r="BN74" s="1253"/>
      <c r="BO74" s="1253"/>
      <c r="BP74" s="1254"/>
      <c r="BQ74" s="1254"/>
      <c r="BR74" s="1254"/>
      <c r="BS74" s="1254"/>
      <c r="BT74" s="1254"/>
      <c r="BU74" s="1254"/>
      <c r="BV74" s="1254"/>
      <c r="BW74" s="1254"/>
      <c r="BX74" s="1254"/>
      <c r="BY74" s="1254"/>
      <c r="BZ74" s="1254"/>
      <c r="CA74" s="1254"/>
      <c r="CB74" s="1254"/>
      <c r="CC74" s="1254"/>
      <c r="CD74" s="1254"/>
      <c r="CE74" s="1254"/>
      <c r="CF74" s="1254"/>
      <c r="CG74" s="1254"/>
      <c r="CH74" s="1254"/>
      <c r="CI74" s="1254"/>
      <c r="CJ74" s="1254"/>
      <c r="CK74" s="1254"/>
      <c r="CL74" s="1254"/>
      <c r="CM74" s="1254"/>
      <c r="CN74" s="1254"/>
      <c r="CO74" s="1254"/>
      <c r="CP74" s="1254"/>
      <c r="CQ74" s="1254"/>
      <c r="CR74" s="1254"/>
      <c r="CS74" s="1254"/>
      <c r="CT74" s="1254"/>
      <c r="CU74" s="1254"/>
      <c r="CV74" s="1254"/>
      <c r="CW74" s="1254"/>
      <c r="CX74" s="1254"/>
      <c r="CY74" s="1254"/>
      <c r="CZ74" s="1254"/>
      <c r="DA74" s="1254"/>
      <c r="DB74" s="1254"/>
      <c r="DC74" s="1254"/>
    </row>
    <row r="75" spans="2:107" ht="13" x14ac:dyDescent="0.2">
      <c r="B75" s="365"/>
      <c r="G75" s="1264"/>
      <c r="H75" s="1264"/>
      <c r="I75" s="1256"/>
      <c r="J75" s="1256"/>
      <c r="K75" s="1255"/>
      <c r="L75" s="1255"/>
      <c r="M75" s="1255"/>
      <c r="N75" s="1255"/>
      <c r="AM75" s="371"/>
      <c r="AN75" s="1253"/>
      <c r="AO75" s="1253"/>
      <c r="AP75" s="1253"/>
      <c r="AQ75" s="1253"/>
      <c r="AR75" s="1253"/>
      <c r="AS75" s="1253"/>
      <c r="AT75" s="1253"/>
      <c r="AU75" s="1253"/>
      <c r="AV75" s="1253"/>
      <c r="AW75" s="1253"/>
      <c r="AX75" s="1253"/>
      <c r="AY75" s="1253"/>
      <c r="AZ75" s="1253"/>
      <c r="BA75" s="1253"/>
      <c r="BB75" s="1253" t="s">
        <v>610</v>
      </c>
      <c r="BC75" s="1253"/>
      <c r="BD75" s="1253"/>
      <c r="BE75" s="1253"/>
      <c r="BF75" s="1253"/>
      <c r="BG75" s="1253"/>
      <c r="BH75" s="1253"/>
      <c r="BI75" s="1253"/>
      <c r="BJ75" s="1253"/>
      <c r="BK75" s="1253"/>
      <c r="BL75" s="1253"/>
      <c r="BM75" s="1253"/>
      <c r="BN75" s="1253"/>
      <c r="BO75" s="1253"/>
      <c r="BP75" s="1254">
        <v>9.6999999999999993</v>
      </c>
      <c r="BQ75" s="1254"/>
      <c r="BR75" s="1254"/>
      <c r="BS75" s="1254"/>
      <c r="BT75" s="1254"/>
      <c r="BU75" s="1254"/>
      <c r="BV75" s="1254"/>
      <c r="BW75" s="1254"/>
      <c r="BX75" s="1254">
        <v>11.1</v>
      </c>
      <c r="BY75" s="1254"/>
      <c r="BZ75" s="1254"/>
      <c r="CA75" s="1254"/>
      <c r="CB75" s="1254"/>
      <c r="CC75" s="1254"/>
      <c r="CD75" s="1254"/>
      <c r="CE75" s="1254"/>
      <c r="CF75" s="1254">
        <v>11.9</v>
      </c>
      <c r="CG75" s="1254"/>
      <c r="CH75" s="1254"/>
      <c r="CI75" s="1254"/>
      <c r="CJ75" s="1254"/>
      <c r="CK75" s="1254"/>
      <c r="CL75" s="1254"/>
      <c r="CM75" s="1254"/>
      <c r="CN75" s="1254">
        <v>12</v>
      </c>
      <c r="CO75" s="1254"/>
      <c r="CP75" s="1254"/>
      <c r="CQ75" s="1254"/>
      <c r="CR75" s="1254"/>
      <c r="CS75" s="1254"/>
      <c r="CT75" s="1254"/>
      <c r="CU75" s="1254"/>
      <c r="CV75" s="1254">
        <v>12.4</v>
      </c>
      <c r="CW75" s="1254"/>
      <c r="CX75" s="1254"/>
      <c r="CY75" s="1254"/>
      <c r="CZ75" s="1254"/>
      <c r="DA75" s="1254"/>
      <c r="DB75" s="1254"/>
      <c r="DC75" s="1254"/>
    </row>
    <row r="76" spans="2:107" ht="13" x14ac:dyDescent="0.2">
      <c r="B76" s="365"/>
      <c r="G76" s="1264"/>
      <c r="H76" s="1264"/>
      <c r="I76" s="1256"/>
      <c r="J76" s="1256"/>
      <c r="K76" s="1255"/>
      <c r="L76" s="1255"/>
      <c r="M76" s="1255"/>
      <c r="N76" s="1255"/>
      <c r="AM76" s="371"/>
      <c r="AN76" s="1253"/>
      <c r="AO76" s="1253"/>
      <c r="AP76" s="1253"/>
      <c r="AQ76" s="1253"/>
      <c r="AR76" s="1253"/>
      <c r="AS76" s="1253"/>
      <c r="AT76" s="1253"/>
      <c r="AU76" s="1253"/>
      <c r="AV76" s="1253"/>
      <c r="AW76" s="1253"/>
      <c r="AX76" s="1253"/>
      <c r="AY76" s="1253"/>
      <c r="AZ76" s="1253"/>
      <c r="BA76" s="1253"/>
      <c r="BB76" s="1253"/>
      <c r="BC76" s="1253"/>
      <c r="BD76" s="1253"/>
      <c r="BE76" s="1253"/>
      <c r="BF76" s="1253"/>
      <c r="BG76" s="1253"/>
      <c r="BH76" s="1253"/>
      <c r="BI76" s="1253"/>
      <c r="BJ76" s="1253"/>
      <c r="BK76" s="1253"/>
      <c r="BL76" s="1253"/>
      <c r="BM76" s="1253"/>
      <c r="BN76" s="1253"/>
      <c r="BO76" s="1253"/>
      <c r="BP76" s="1254"/>
      <c r="BQ76" s="1254"/>
      <c r="BR76" s="1254"/>
      <c r="BS76" s="1254"/>
      <c r="BT76" s="1254"/>
      <c r="BU76" s="1254"/>
      <c r="BV76" s="1254"/>
      <c r="BW76" s="1254"/>
      <c r="BX76" s="1254"/>
      <c r="BY76" s="1254"/>
      <c r="BZ76" s="1254"/>
      <c r="CA76" s="1254"/>
      <c r="CB76" s="1254"/>
      <c r="CC76" s="1254"/>
      <c r="CD76" s="1254"/>
      <c r="CE76" s="1254"/>
      <c r="CF76" s="1254"/>
      <c r="CG76" s="1254"/>
      <c r="CH76" s="1254"/>
      <c r="CI76" s="1254"/>
      <c r="CJ76" s="1254"/>
      <c r="CK76" s="1254"/>
      <c r="CL76" s="1254"/>
      <c r="CM76" s="1254"/>
      <c r="CN76" s="1254"/>
      <c r="CO76" s="1254"/>
      <c r="CP76" s="1254"/>
      <c r="CQ76" s="1254"/>
      <c r="CR76" s="1254"/>
      <c r="CS76" s="1254"/>
      <c r="CT76" s="1254"/>
      <c r="CU76" s="1254"/>
      <c r="CV76" s="1254"/>
      <c r="CW76" s="1254"/>
      <c r="CX76" s="1254"/>
      <c r="CY76" s="1254"/>
      <c r="CZ76" s="1254"/>
      <c r="DA76" s="1254"/>
      <c r="DB76" s="1254"/>
      <c r="DC76" s="1254"/>
    </row>
    <row r="77" spans="2:107" ht="13" x14ac:dyDescent="0.2">
      <c r="B77" s="365"/>
      <c r="G77" s="1256"/>
      <c r="H77" s="1256"/>
      <c r="I77" s="1256"/>
      <c r="J77" s="1256"/>
      <c r="K77" s="1257"/>
      <c r="L77" s="1257"/>
      <c r="M77" s="1257"/>
      <c r="N77" s="1257"/>
      <c r="AN77" s="1260" t="s">
        <v>612</v>
      </c>
      <c r="AO77" s="1260"/>
      <c r="AP77" s="1260"/>
      <c r="AQ77" s="1260"/>
      <c r="AR77" s="1260"/>
      <c r="AS77" s="1260"/>
      <c r="AT77" s="1260"/>
      <c r="AU77" s="1260"/>
      <c r="AV77" s="1260"/>
      <c r="AW77" s="1260"/>
      <c r="AX77" s="1260"/>
      <c r="AY77" s="1260"/>
      <c r="AZ77" s="1260"/>
      <c r="BA77" s="1260"/>
      <c r="BB77" s="1253" t="s">
        <v>611</v>
      </c>
      <c r="BC77" s="1253"/>
      <c r="BD77" s="1253"/>
      <c r="BE77" s="1253"/>
      <c r="BF77" s="1253"/>
      <c r="BG77" s="1253"/>
      <c r="BH77" s="1253"/>
      <c r="BI77" s="1253"/>
      <c r="BJ77" s="1253"/>
      <c r="BK77" s="1253"/>
      <c r="BL77" s="1253"/>
      <c r="BM77" s="1253"/>
      <c r="BN77" s="1253"/>
      <c r="BO77" s="1253"/>
      <c r="BP77" s="1254">
        <v>7.6</v>
      </c>
      <c r="BQ77" s="1254"/>
      <c r="BR77" s="1254"/>
      <c r="BS77" s="1254"/>
      <c r="BT77" s="1254"/>
      <c r="BU77" s="1254"/>
      <c r="BV77" s="1254"/>
      <c r="BW77" s="1254"/>
      <c r="BX77" s="1254">
        <v>3</v>
      </c>
      <c r="BY77" s="1254"/>
      <c r="BZ77" s="1254"/>
      <c r="CA77" s="1254"/>
      <c r="CB77" s="1254"/>
      <c r="CC77" s="1254"/>
      <c r="CD77" s="1254"/>
      <c r="CE77" s="1254"/>
      <c r="CF77" s="1254">
        <v>3.4</v>
      </c>
      <c r="CG77" s="1254"/>
      <c r="CH77" s="1254"/>
      <c r="CI77" s="1254"/>
      <c r="CJ77" s="1254"/>
      <c r="CK77" s="1254"/>
      <c r="CL77" s="1254"/>
      <c r="CM77" s="1254"/>
      <c r="CN77" s="1254">
        <v>0</v>
      </c>
      <c r="CO77" s="1254"/>
      <c r="CP77" s="1254"/>
      <c r="CQ77" s="1254"/>
      <c r="CR77" s="1254"/>
      <c r="CS77" s="1254"/>
      <c r="CT77" s="1254"/>
      <c r="CU77" s="1254"/>
      <c r="CV77" s="1254">
        <v>0</v>
      </c>
      <c r="CW77" s="1254"/>
      <c r="CX77" s="1254"/>
      <c r="CY77" s="1254"/>
      <c r="CZ77" s="1254"/>
      <c r="DA77" s="1254"/>
      <c r="DB77" s="1254"/>
      <c r="DC77" s="1254"/>
    </row>
    <row r="78" spans="2:107" ht="13" x14ac:dyDescent="0.2">
      <c r="B78" s="365"/>
      <c r="G78" s="1256"/>
      <c r="H78" s="1256"/>
      <c r="I78" s="1256"/>
      <c r="J78" s="1256"/>
      <c r="K78" s="1257"/>
      <c r="L78" s="1257"/>
      <c r="M78" s="1257"/>
      <c r="N78" s="1257"/>
      <c r="AN78" s="1260"/>
      <c r="AO78" s="1260"/>
      <c r="AP78" s="1260"/>
      <c r="AQ78" s="1260"/>
      <c r="AR78" s="1260"/>
      <c r="AS78" s="1260"/>
      <c r="AT78" s="1260"/>
      <c r="AU78" s="1260"/>
      <c r="AV78" s="1260"/>
      <c r="AW78" s="1260"/>
      <c r="AX78" s="1260"/>
      <c r="AY78" s="1260"/>
      <c r="AZ78" s="1260"/>
      <c r="BA78" s="1260"/>
      <c r="BB78" s="1253"/>
      <c r="BC78" s="1253"/>
      <c r="BD78" s="1253"/>
      <c r="BE78" s="1253"/>
      <c r="BF78" s="1253"/>
      <c r="BG78" s="1253"/>
      <c r="BH78" s="1253"/>
      <c r="BI78" s="1253"/>
      <c r="BJ78" s="1253"/>
      <c r="BK78" s="1253"/>
      <c r="BL78" s="1253"/>
      <c r="BM78" s="1253"/>
      <c r="BN78" s="1253"/>
      <c r="BO78" s="1253"/>
      <c r="BP78" s="1254"/>
      <c r="BQ78" s="1254"/>
      <c r="BR78" s="1254"/>
      <c r="BS78" s="1254"/>
      <c r="BT78" s="1254"/>
      <c r="BU78" s="1254"/>
      <c r="BV78" s="1254"/>
      <c r="BW78" s="1254"/>
      <c r="BX78" s="1254"/>
      <c r="BY78" s="1254"/>
      <c r="BZ78" s="1254"/>
      <c r="CA78" s="1254"/>
      <c r="CB78" s="1254"/>
      <c r="CC78" s="1254"/>
      <c r="CD78" s="1254"/>
      <c r="CE78" s="1254"/>
      <c r="CF78" s="1254"/>
      <c r="CG78" s="1254"/>
      <c r="CH78" s="1254"/>
      <c r="CI78" s="1254"/>
      <c r="CJ78" s="1254"/>
      <c r="CK78" s="1254"/>
      <c r="CL78" s="1254"/>
      <c r="CM78" s="1254"/>
      <c r="CN78" s="1254"/>
      <c r="CO78" s="1254"/>
      <c r="CP78" s="1254"/>
      <c r="CQ78" s="1254"/>
      <c r="CR78" s="1254"/>
      <c r="CS78" s="1254"/>
      <c r="CT78" s="1254"/>
      <c r="CU78" s="1254"/>
      <c r="CV78" s="1254"/>
      <c r="CW78" s="1254"/>
      <c r="CX78" s="1254"/>
      <c r="CY78" s="1254"/>
      <c r="CZ78" s="1254"/>
      <c r="DA78" s="1254"/>
      <c r="DB78" s="1254"/>
      <c r="DC78" s="1254"/>
    </row>
    <row r="79" spans="2:107" ht="13" x14ac:dyDescent="0.2">
      <c r="B79" s="365"/>
      <c r="G79" s="1256"/>
      <c r="H79" s="1256"/>
      <c r="I79" s="1258"/>
      <c r="J79" s="1258"/>
      <c r="K79" s="1259"/>
      <c r="L79" s="1259"/>
      <c r="M79" s="1259"/>
      <c r="N79" s="1259"/>
      <c r="AN79" s="1260"/>
      <c r="AO79" s="1260"/>
      <c r="AP79" s="1260"/>
      <c r="AQ79" s="1260"/>
      <c r="AR79" s="1260"/>
      <c r="AS79" s="1260"/>
      <c r="AT79" s="1260"/>
      <c r="AU79" s="1260"/>
      <c r="AV79" s="1260"/>
      <c r="AW79" s="1260"/>
      <c r="AX79" s="1260"/>
      <c r="AY79" s="1260"/>
      <c r="AZ79" s="1260"/>
      <c r="BA79" s="1260"/>
      <c r="BB79" s="1253" t="s">
        <v>610</v>
      </c>
      <c r="BC79" s="1253"/>
      <c r="BD79" s="1253"/>
      <c r="BE79" s="1253"/>
      <c r="BF79" s="1253"/>
      <c r="BG79" s="1253"/>
      <c r="BH79" s="1253"/>
      <c r="BI79" s="1253"/>
      <c r="BJ79" s="1253"/>
      <c r="BK79" s="1253"/>
      <c r="BL79" s="1253"/>
      <c r="BM79" s="1253"/>
      <c r="BN79" s="1253"/>
      <c r="BO79" s="1253"/>
      <c r="BP79" s="1254">
        <v>8.6</v>
      </c>
      <c r="BQ79" s="1254"/>
      <c r="BR79" s="1254"/>
      <c r="BS79" s="1254"/>
      <c r="BT79" s="1254"/>
      <c r="BU79" s="1254"/>
      <c r="BV79" s="1254"/>
      <c r="BW79" s="1254"/>
      <c r="BX79" s="1254">
        <v>8.8000000000000007</v>
      </c>
      <c r="BY79" s="1254"/>
      <c r="BZ79" s="1254"/>
      <c r="CA79" s="1254"/>
      <c r="CB79" s="1254"/>
      <c r="CC79" s="1254"/>
      <c r="CD79" s="1254"/>
      <c r="CE79" s="1254"/>
      <c r="CF79" s="1254">
        <v>8.8000000000000007</v>
      </c>
      <c r="CG79" s="1254"/>
      <c r="CH79" s="1254"/>
      <c r="CI79" s="1254"/>
      <c r="CJ79" s="1254"/>
      <c r="CK79" s="1254"/>
      <c r="CL79" s="1254"/>
      <c r="CM79" s="1254"/>
      <c r="CN79" s="1254">
        <v>8.3000000000000007</v>
      </c>
      <c r="CO79" s="1254"/>
      <c r="CP79" s="1254"/>
      <c r="CQ79" s="1254"/>
      <c r="CR79" s="1254"/>
      <c r="CS79" s="1254"/>
      <c r="CT79" s="1254"/>
      <c r="CU79" s="1254"/>
      <c r="CV79" s="1254">
        <v>8.1</v>
      </c>
      <c r="CW79" s="1254"/>
      <c r="CX79" s="1254"/>
      <c r="CY79" s="1254"/>
      <c r="CZ79" s="1254"/>
      <c r="DA79" s="1254"/>
      <c r="DB79" s="1254"/>
      <c r="DC79" s="1254"/>
    </row>
    <row r="80" spans="2:107" ht="13" x14ac:dyDescent="0.2">
      <c r="B80" s="365"/>
      <c r="G80" s="1256"/>
      <c r="H80" s="1256"/>
      <c r="I80" s="1258"/>
      <c r="J80" s="1258"/>
      <c r="K80" s="1259"/>
      <c r="L80" s="1259"/>
      <c r="M80" s="1259"/>
      <c r="N80" s="1259"/>
      <c r="AN80" s="1260"/>
      <c r="AO80" s="1260"/>
      <c r="AP80" s="1260"/>
      <c r="AQ80" s="1260"/>
      <c r="AR80" s="1260"/>
      <c r="AS80" s="1260"/>
      <c r="AT80" s="1260"/>
      <c r="AU80" s="1260"/>
      <c r="AV80" s="1260"/>
      <c r="AW80" s="1260"/>
      <c r="AX80" s="1260"/>
      <c r="AY80" s="1260"/>
      <c r="AZ80" s="1260"/>
      <c r="BA80" s="1260"/>
      <c r="BB80" s="1253"/>
      <c r="BC80" s="1253"/>
      <c r="BD80" s="1253"/>
      <c r="BE80" s="1253"/>
      <c r="BF80" s="1253"/>
      <c r="BG80" s="1253"/>
      <c r="BH80" s="1253"/>
      <c r="BI80" s="1253"/>
      <c r="BJ80" s="1253"/>
      <c r="BK80" s="1253"/>
      <c r="BL80" s="1253"/>
      <c r="BM80" s="1253"/>
      <c r="BN80" s="1253"/>
      <c r="BO80" s="1253"/>
      <c r="BP80" s="1254"/>
      <c r="BQ80" s="1254"/>
      <c r="BR80" s="1254"/>
      <c r="BS80" s="1254"/>
      <c r="BT80" s="1254"/>
      <c r="BU80" s="1254"/>
      <c r="BV80" s="1254"/>
      <c r="BW80" s="1254"/>
      <c r="BX80" s="1254"/>
      <c r="BY80" s="1254"/>
      <c r="BZ80" s="1254"/>
      <c r="CA80" s="1254"/>
      <c r="CB80" s="1254"/>
      <c r="CC80" s="1254"/>
      <c r="CD80" s="1254"/>
      <c r="CE80" s="1254"/>
      <c r="CF80" s="1254"/>
      <c r="CG80" s="1254"/>
      <c r="CH80" s="1254"/>
      <c r="CI80" s="1254"/>
      <c r="CJ80" s="1254"/>
      <c r="CK80" s="1254"/>
      <c r="CL80" s="1254"/>
      <c r="CM80" s="1254"/>
      <c r="CN80" s="1254"/>
      <c r="CO80" s="1254"/>
      <c r="CP80" s="1254"/>
      <c r="CQ80" s="1254"/>
      <c r="CR80" s="1254"/>
      <c r="CS80" s="1254"/>
      <c r="CT80" s="1254"/>
      <c r="CU80" s="1254"/>
      <c r="CV80" s="1254"/>
      <c r="CW80" s="1254"/>
      <c r="CX80" s="1254"/>
      <c r="CY80" s="1254"/>
      <c r="CZ80" s="1254"/>
      <c r="DA80" s="1254"/>
      <c r="DB80" s="1254"/>
      <c r="DC80" s="1254"/>
    </row>
    <row r="81" spans="2:109" ht="13" x14ac:dyDescent="0.2">
      <c r="B81" s="365"/>
    </row>
    <row r="82" spans="2:109" ht="16.5" x14ac:dyDescent="0.2">
      <c r="B82" s="365"/>
      <c r="K82" s="370"/>
      <c r="L82" s="370"/>
      <c r="M82" s="370"/>
      <c r="N82" s="370"/>
      <c r="AQ82" s="370"/>
      <c r="AR82" s="370"/>
      <c r="AS82" s="370"/>
      <c r="AT82" s="370"/>
      <c r="BC82" s="370"/>
      <c r="BD82" s="370"/>
      <c r="BE82" s="370"/>
      <c r="BF82" s="370"/>
      <c r="BO82" s="370"/>
      <c r="BP82" s="370"/>
      <c r="BQ82" s="370"/>
      <c r="BR82" s="370"/>
      <c r="CA82" s="370"/>
      <c r="CB82" s="370"/>
      <c r="CC82" s="370"/>
      <c r="CD82" s="370"/>
      <c r="CM82" s="370"/>
      <c r="CN82" s="370"/>
      <c r="CO82" s="370"/>
      <c r="CP82" s="370"/>
      <c r="CY82" s="370"/>
      <c r="CZ82" s="370"/>
      <c r="DA82" s="370"/>
      <c r="DB82" s="370"/>
      <c r="DC82" s="370"/>
    </row>
    <row r="83" spans="2:109" ht="13" x14ac:dyDescent="0.2">
      <c r="B83" s="369"/>
      <c r="C83" s="368"/>
      <c r="D83" s="368"/>
      <c r="E83" s="368"/>
      <c r="F83" s="368"/>
      <c r="G83" s="368"/>
      <c r="H83" s="368"/>
      <c r="I83" s="368"/>
      <c r="J83" s="368"/>
      <c r="K83" s="368"/>
      <c r="L83" s="368"/>
      <c r="M83" s="368"/>
      <c r="N83" s="368"/>
      <c r="O83" s="368"/>
      <c r="P83" s="368"/>
      <c r="Q83" s="368"/>
      <c r="R83" s="368"/>
      <c r="S83" s="368"/>
      <c r="T83" s="368"/>
      <c r="U83" s="368"/>
      <c r="V83" s="368"/>
      <c r="W83" s="368"/>
      <c r="X83" s="368"/>
      <c r="Y83" s="368"/>
      <c r="Z83" s="368"/>
      <c r="AA83" s="368"/>
      <c r="AB83" s="368"/>
      <c r="AC83" s="368"/>
      <c r="AD83" s="368"/>
      <c r="AE83" s="368"/>
      <c r="AF83" s="368"/>
      <c r="AG83" s="368"/>
      <c r="AH83" s="368"/>
      <c r="AI83" s="368"/>
      <c r="AJ83" s="368"/>
      <c r="AK83" s="368"/>
      <c r="AL83" s="368"/>
      <c r="AM83" s="368"/>
      <c r="AN83" s="368"/>
      <c r="AO83" s="368"/>
      <c r="AP83" s="368"/>
      <c r="AQ83" s="368"/>
      <c r="AR83" s="368"/>
      <c r="AS83" s="368"/>
      <c r="AT83" s="368"/>
      <c r="AU83" s="368"/>
      <c r="AV83" s="368"/>
      <c r="AW83" s="368"/>
      <c r="AX83" s="368"/>
      <c r="AY83" s="368"/>
      <c r="AZ83" s="368"/>
      <c r="BA83" s="368"/>
      <c r="BB83" s="368"/>
      <c r="BC83" s="368"/>
      <c r="BD83" s="368"/>
      <c r="BE83" s="368"/>
      <c r="BF83" s="368"/>
      <c r="BG83" s="368"/>
      <c r="BH83" s="368"/>
      <c r="BI83" s="368"/>
      <c r="BJ83" s="368"/>
      <c r="BK83" s="368"/>
      <c r="BL83" s="368"/>
      <c r="BM83" s="368"/>
      <c r="BN83" s="368"/>
      <c r="BO83" s="368"/>
      <c r="BP83" s="368"/>
      <c r="BQ83" s="368"/>
      <c r="BR83" s="368"/>
      <c r="BS83" s="368"/>
      <c r="BT83" s="368"/>
      <c r="BU83" s="368"/>
      <c r="BV83" s="368"/>
      <c r="BW83" s="368"/>
      <c r="BX83" s="368"/>
      <c r="BY83" s="368"/>
      <c r="BZ83" s="368"/>
      <c r="CA83" s="368"/>
      <c r="CB83" s="368"/>
      <c r="CC83" s="368"/>
      <c r="CD83" s="368"/>
      <c r="CE83" s="368"/>
      <c r="CF83" s="368"/>
      <c r="CG83" s="368"/>
      <c r="CH83" s="368"/>
      <c r="CI83" s="368"/>
      <c r="CJ83" s="368"/>
      <c r="CK83" s="368"/>
      <c r="CL83" s="368"/>
      <c r="CM83" s="368"/>
      <c r="CN83" s="368"/>
      <c r="CO83" s="368"/>
      <c r="CP83" s="368"/>
      <c r="CQ83" s="368"/>
      <c r="CR83" s="368"/>
      <c r="CS83" s="368"/>
      <c r="CT83" s="368"/>
      <c r="CU83" s="368"/>
      <c r="CV83" s="368"/>
      <c r="CW83" s="368"/>
      <c r="CX83" s="368"/>
      <c r="CY83" s="368"/>
      <c r="CZ83" s="368"/>
      <c r="DA83" s="368"/>
      <c r="DB83" s="368"/>
      <c r="DC83" s="368"/>
      <c r="DD83" s="367"/>
    </row>
    <row r="84" spans="2:109" ht="13" x14ac:dyDescent="0.2">
      <c r="DD84" s="364"/>
      <c r="DE84" s="364"/>
    </row>
    <row r="85" spans="2:109" ht="13" x14ac:dyDescent="0.2">
      <c r="DD85" s="364"/>
      <c r="DE85" s="364"/>
    </row>
  </sheetData>
  <sheetProtection algorithmName="SHA-512" hashValue="5kzVRlEW/xedJ+IUpTGepinsxUdiMq97XoS3NXbOcXiHo7yDCI8y4NhTJQQtZ3fvN8jEZqcPO67wPMJQAktCgg==" saltValue="fZ/NYoYgmuZVE5uk3/i/og=="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BB51:BO52"/>
    <mergeCell ref="BP51:BW52"/>
    <mergeCell ref="BX51:CE52"/>
    <mergeCell ref="CF51:CM52"/>
    <mergeCell ref="CN51:CU52"/>
    <mergeCell ref="G51:H54"/>
    <mergeCell ref="CV53:DC54"/>
    <mergeCell ref="CN53:CU54"/>
    <mergeCell ref="CV51:DC52"/>
    <mergeCell ref="I53:J54"/>
    <mergeCell ref="K53:K54"/>
    <mergeCell ref="L53:L54"/>
    <mergeCell ref="M53:M54"/>
    <mergeCell ref="N53:N54"/>
    <mergeCell ref="BB53:BO54"/>
    <mergeCell ref="BP53:BW54"/>
    <mergeCell ref="BX53:CE54"/>
    <mergeCell ref="CF53:CM54"/>
    <mergeCell ref="L51:L52"/>
    <mergeCell ref="M51:M52"/>
    <mergeCell ref="N51:N52"/>
    <mergeCell ref="CV57:DC58"/>
    <mergeCell ref="AN65:DC69"/>
    <mergeCell ref="BX55:CE56"/>
    <mergeCell ref="CF55:CM56"/>
    <mergeCell ref="CN55:CU56"/>
    <mergeCell ref="CV55:DC56"/>
    <mergeCell ref="BP55:BW56"/>
    <mergeCell ref="BP57:BW58"/>
    <mergeCell ref="BX57:CE58"/>
    <mergeCell ref="CF57:CM58"/>
    <mergeCell ref="CN57:CU58"/>
    <mergeCell ref="BB57:BO58"/>
    <mergeCell ref="G55:H58"/>
    <mergeCell ref="I55:J56"/>
    <mergeCell ref="K55:K56"/>
    <mergeCell ref="L55:L56"/>
    <mergeCell ref="M55:M56"/>
    <mergeCell ref="N55:N56"/>
    <mergeCell ref="AN55:BA58"/>
    <mergeCell ref="BB55:BO56"/>
    <mergeCell ref="I51:J52"/>
    <mergeCell ref="K51:K52"/>
    <mergeCell ref="I57:J58"/>
    <mergeCell ref="K57:K58"/>
    <mergeCell ref="L57:L58"/>
    <mergeCell ref="M57:M58"/>
    <mergeCell ref="N57:N58"/>
    <mergeCell ref="AN51:BA54"/>
    <mergeCell ref="G72:J72"/>
    <mergeCell ref="AN72:BO72"/>
    <mergeCell ref="BP72:BW72"/>
    <mergeCell ref="BX72:CE72"/>
    <mergeCell ref="CF72:CM72"/>
    <mergeCell ref="CN72:CU72"/>
    <mergeCell ref="CV72:DC72"/>
    <mergeCell ref="G73:H76"/>
    <mergeCell ref="I73:J74"/>
    <mergeCell ref="K73:K74"/>
    <mergeCell ref="L73:L74"/>
    <mergeCell ref="M73:M74"/>
    <mergeCell ref="N73:N74"/>
    <mergeCell ref="AN73:BA76"/>
    <mergeCell ref="BB73:BO74"/>
    <mergeCell ref="BP73:BW74"/>
    <mergeCell ref="BX73:CE74"/>
    <mergeCell ref="CF73:CM74"/>
    <mergeCell ref="CN73:CU74"/>
    <mergeCell ref="CV73:DC74"/>
    <mergeCell ref="I75:J76"/>
    <mergeCell ref="K75:K76"/>
    <mergeCell ref="L75:L76"/>
    <mergeCell ref="M75:M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CF77:CM78"/>
    <mergeCell ref="CF79:CM80"/>
    <mergeCell ref="BP79:BW80"/>
    <mergeCell ref="BX79:CE80"/>
    <mergeCell ref="N77:N78"/>
    <mergeCell ref="AN77:BA80"/>
    <mergeCell ref="BB77:BO78"/>
    <mergeCell ref="BP77:BW78"/>
    <mergeCell ref="BX77:CE78"/>
    <mergeCell ref="N75:N76"/>
    <mergeCell ref="BB75:BO76"/>
    <mergeCell ref="BP75:BW76"/>
    <mergeCell ref="BX75:CE76"/>
    <mergeCell ref="CF75:CM76"/>
    <mergeCell ref="CN75:CU76"/>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56" customWidth="1"/>
    <col min="35" max="122" width="2.453125" style="255" customWidth="1"/>
    <col min="123" max="16384" width="2.4531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 x14ac:dyDescent="0.2">
      <c r="S2" s="255"/>
      <c r="AH2" s="255"/>
    </row>
    <row r="3" spans="1:34" ht="13"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 x14ac:dyDescent="0.2"/>
    <row r="5" spans="1:34" ht="13" x14ac:dyDescent="0.2"/>
    <row r="6" spans="1:34" ht="13" x14ac:dyDescent="0.2"/>
    <row r="7" spans="1:34" ht="13" x14ac:dyDescent="0.2"/>
    <row r="8" spans="1:34" ht="13" x14ac:dyDescent="0.2"/>
    <row r="9" spans="1:34" ht="13" x14ac:dyDescent="0.2">
      <c r="AH9" s="255"/>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5"/>
    </row>
    <row r="18" spans="12:34" ht="13" x14ac:dyDescent="0.2"/>
    <row r="19" spans="12:34" ht="13" x14ac:dyDescent="0.2"/>
    <row r="20" spans="12:34" ht="13" x14ac:dyDescent="0.2">
      <c r="AH20" s="255"/>
    </row>
    <row r="21" spans="12:34" ht="13" x14ac:dyDescent="0.2">
      <c r="AH21" s="255"/>
    </row>
    <row r="22" spans="12:34" ht="13" x14ac:dyDescent="0.2"/>
    <row r="23" spans="12:34" ht="13" x14ac:dyDescent="0.2"/>
    <row r="24" spans="12:34" ht="13" x14ac:dyDescent="0.2">
      <c r="Q24" s="255"/>
    </row>
    <row r="25" spans="12:34" ht="13" x14ac:dyDescent="0.2"/>
    <row r="26" spans="12:34" ht="13" x14ac:dyDescent="0.2"/>
    <row r="27" spans="12:34" ht="13" x14ac:dyDescent="0.2"/>
    <row r="28" spans="12:34" ht="13" x14ac:dyDescent="0.2">
      <c r="O28" s="255"/>
      <c r="T28" s="255"/>
      <c r="AH28" s="255"/>
    </row>
    <row r="29" spans="12:34" ht="13" x14ac:dyDescent="0.2"/>
    <row r="30" spans="12:34" ht="13" x14ac:dyDescent="0.2"/>
    <row r="31" spans="12:34" ht="13" x14ac:dyDescent="0.2">
      <c r="Q31" s="255"/>
    </row>
    <row r="32" spans="12:34" ht="13" x14ac:dyDescent="0.2">
      <c r="L32" s="255"/>
    </row>
    <row r="33" spans="2:34" ht="13" x14ac:dyDescent="0.2">
      <c r="C33" s="255"/>
      <c r="E33" s="255"/>
      <c r="G33" s="255"/>
      <c r="I33" s="255"/>
      <c r="X33" s="255"/>
    </row>
    <row r="34" spans="2:34" ht="13" x14ac:dyDescent="0.2">
      <c r="B34" s="255"/>
      <c r="P34" s="255"/>
      <c r="R34" s="255"/>
      <c r="T34" s="255"/>
    </row>
    <row r="35" spans="2:34" ht="13" x14ac:dyDescent="0.2">
      <c r="D35" s="255"/>
      <c r="W35" s="255"/>
      <c r="AC35" s="255"/>
      <c r="AD35" s="255"/>
      <c r="AE35" s="255"/>
      <c r="AF35" s="255"/>
      <c r="AG35" s="255"/>
      <c r="AH35" s="255"/>
    </row>
    <row r="36" spans="2:34" ht="13" x14ac:dyDescent="0.2">
      <c r="H36" s="255"/>
      <c r="J36" s="255"/>
      <c r="K36" s="255"/>
      <c r="M36" s="255"/>
      <c r="Y36" s="255"/>
      <c r="Z36" s="255"/>
      <c r="AA36" s="255"/>
      <c r="AB36" s="255"/>
      <c r="AC36" s="255"/>
      <c r="AD36" s="255"/>
      <c r="AE36" s="255"/>
      <c r="AF36" s="255"/>
      <c r="AG36" s="255"/>
      <c r="AH36" s="255"/>
    </row>
    <row r="37" spans="2:34" ht="13" x14ac:dyDescent="0.2">
      <c r="AH37" s="255"/>
    </row>
    <row r="38" spans="2:34" ht="13" x14ac:dyDescent="0.2">
      <c r="AG38" s="255"/>
      <c r="AH38" s="255"/>
    </row>
    <row r="39" spans="2:34" ht="13" x14ac:dyDescent="0.2"/>
    <row r="40" spans="2:34" ht="13" x14ac:dyDescent="0.2">
      <c r="X40" s="255"/>
    </row>
    <row r="41" spans="2:34" ht="13" x14ac:dyDescent="0.2">
      <c r="R41" s="255"/>
    </row>
    <row r="42" spans="2:34" ht="13" x14ac:dyDescent="0.2">
      <c r="W42" s="255"/>
    </row>
    <row r="43" spans="2:34" ht="13" x14ac:dyDescent="0.2">
      <c r="Y43" s="255"/>
      <c r="Z43" s="255"/>
      <c r="AA43" s="255"/>
      <c r="AB43" s="255"/>
      <c r="AC43" s="255"/>
      <c r="AD43" s="255"/>
      <c r="AE43" s="255"/>
      <c r="AF43" s="255"/>
      <c r="AG43" s="255"/>
      <c r="AH43" s="255"/>
    </row>
    <row r="44" spans="2:34" ht="13" x14ac:dyDescent="0.2">
      <c r="AH44" s="255"/>
    </row>
    <row r="45" spans="2:34" ht="13" x14ac:dyDescent="0.2">
      <c r="X45" s="255"/>
    </row>
    <row r="46" spans="2:34" ht="13" x14ac:dyDescent="0.2"/>
    <row r="47" spans="2:34" ht="13" x14ac:dyDescent="0.2"/>
    <row r="48" spans="2:34" ht="13" x14ac:dyDescent="0.2">
      <c r="W48" s="255"/>
      <c r="Y48" s="255"/>
      <c r="Z48" s="255"/>
      <c r="AA48" s="255"/>
      <c r="AB48" s="255"/>
      <c r="AC48" s="255"/>
      <c r="AD48" s="255"/>
      <c r="AE48" s="255"/>
      <c r="AF48" s="255"/>
      <c r="AG48" s="255"/>
      <c r="AH48" s="255"/>
    </row>
    <row r="49" spans="28:34" ht="13" x14ac:dyDescent="0.2"/>
    <row r="50" spans="28:34" ht="13" x14ac:dyDescent="0.2">
      <c r="AE50" s="255"/>
      <c r="AF50" s="255"/>
      <c r="AG50" s="255"/>
      <c r="AH50" s="255"/>
    </row>
    <row r="51" spans="28:34" ht="13" x14ac:dyDescent="0.2">
      <c r="AC51" s="255"/>
      <c r="AD51" s="255"/>
      <c r="AE51" s="255"/>
      <c r="AF51" s="255"/>
      <c r="AG51" s="255"/>
      <c r="AH51" s="255"/>
    </row>
    <row r="52" spans="28:34" ht="13" x14ac:dyDescent="0.2"/>
    <row r="53" spans="28:34" ht="13" x14ac:dyDescent="0.2">
      <c r="AF53" s="255"/>
      <c r="AG53" s="255"/>
      <c r="AH53" s="255"/>
    </row>
    <row r="54" spans="28:34" ht="13" x14ac:dyDescent="0.2">
      <c r="AH54" s="255"/>
    </row>
    <row r="55" spans="28:34" ht="13" x14ac:dyDescent="0.2"/>
    <row r="56" spans="28:34" ht="13" x14ac:dyDescent="0.2">
      <c r="AB56" s="255"/>
      <c r="AC56" s="255"/>
      <c r="AD56" s="255"/>
      <c r="AE56" s="255"/>
      <c r="AF56" s="255"/>
      <c r="AG56" s="255"/>
      <c r="AH56" s="255"/>
    </row>
    <row r="57" spans="28:34" ht="13" x14ac:dyDescent="0.2">
      <c r="AH57" s="255"/>
    </row>
    <row r="58" spans="28:34" ht="13" x14ac:dyDescent="0.2">
      <c r="AH58" s="255"/>
    </row>
    <row r="59" spans="28:34" ht="13" x14ac:dyDescent="0.2"/>
    <row r="60" spans="28:34" ht="13" x14ac:dyDescent="0.2"/>
    <row r="61" spans="28:34" ht="13" x14ac:dyDescent="0.2"/>
    <row r="62" spans="28:34" ht="13" x14ac:dyDescent="0.2"/>
    <row r="63" spans="28:34" ht="13" x14ac:dyDescent="0.2">
      <c r="AH63" s="255"/>
    </row>
    <row r="64" spans="28:34" ht="13" x14ac:dyDescent="0.2">
      <c r="AG64" s="255"/>
      <c r="AH64" s="255"/>
    </row>
    <row r="65" spans="28:34" ht="13" x14ac:dyDescent="0.2"/>
    <row r="66" spans="28:34" ht="13" x14ac:dyDescent="0.2"/>
    <row r="67" spans="28:34" ht="13" x14ac:dyDescent="0.2"/>
    <row r="68" spans="28:34" ht="13" x14ac:dyDescent="0.2">
      <c r="AB68" s="255"/>
      <c r="AC68" s="255"/>
      <c r="AD68" s="255"/>
      <c r="AE68" s="255"/>
      <c r="AF68" s="255"/>
      <c r="AG68" s="255"/>
      <c r="AH68" s="255"/>
    </row>
    <row r="69" spans="28:34" ht="13" x14ac:dyDescent="0.2">
      <c r="AF69" s="255"/>
      <c r="AG69" s="255"/>
      <c r="AH69" s="255"/>
    </row>
    <row r="70" spans="28:34" ht="13" x14ac:dyDescent="0.2"/>
    <row r="71" spans="28:34" ht="13" x14ac:dyDescent="0.2"/>
    <row r="72" spans="28:34" ht="13" x14ac:dyDescent="0.2"/>
    <row r="73" spans="28:34" ht="13" x14ac:dyDescent="0.2"/>
    <row r="74" spans="28:34" ht="13" x14ac:dyDescent="0.2"/>
    <row r="75" spans="28:34" ht="13" x14ac:dyDescent="0.2">
      <c r="AH75" s="255"/>
    </row>
    <row r="76" spans="28:34" ht="13" x14ac:dyDescent="0.2">
      <c r="AF76" s="255"/>
      <c r="AG76" s="255"/>
      <c r="AH76" s="255"/>
    </row>
    <row r="77" spans="28:34" ht="13" x14ac:dyDescent="0.2">
      <c r="AG77" s="255"/>
      <c r="AH77" s="255"/>
    </row>
    <row r="78" spans="28:34" ht="13" x14ac:dyDescent="0.2"/>
    <row r="79" spans="28:34" ht="13" x14ac:dyDescent="0.2"/>
    <row r="80" spans="28:34" ht="13" x14ac:dyDescent="0.2"/>
    <row r="81" spans="25:34" ht="13" x14ac:dyDescent="0.2"/>
    <row r="82" spans="25:34" ht="13" x14ac:dyDescent="0.2">
      <c r="Y82" s="255"/>
    </row>
    <row r="83" spans="25:34" ht="13" x14ac:dyDescent="0.2">
      <c r="Y83" s="255"/>
      <c r="Z83" s="255"/>
      <c r="AA83" s="255"/>
      <c r="AB83" s="255"/>
      <c r="AC83" s="255"/>
      <c r="AD83" s="255"/>
      <c r="AE83" s="255"/>
      <c r="AF83" s="255"/>
      <c r="AG83" s="255"/>
      <c r="AH83" s="255"/>
    </row>
    <row r="84" spans="25:34" ht="13" x14ac:dyDescent="0.2"/>
    <row r="85" spans="25:34" ht="13" x14ac:dyDescent="0.2"/>
    <row r="86" spans="25:34" ht="13" x14ac:dyDescent="0.2"/>
    <row r="87" spans="25:34" ht="13" x14ac:dyDescent="0.2"/>
    <row r="88" spans="25:34" ht="13" x14ac:dyDescent="0.2">
      <c r="AH88" s="255"/>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18</v>
      </c>
    </row>
  </sheetData>
  <sheetProtection algorithmName="SHA-512" hashValue="55wgiNTxzq0+QA03g0+vhVEpxj4GPwLKgwoZc015fNHcKSQMYB6t9eHxUYMBskK8e6sH4l3wTW5ewjpIaYHlTg==" saltValue="RIbrXSPBhs95mnvOKeCR1A=="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56" customWidth="1"/>
    <col min="35" max="122" width="2.453125" style="255" customWidth="1"/>
    <col min="123" max="16384" width="2.4531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 x14ac:dyDescent="0.2">
      <c r="S2" s="255"/>
      <c r="AH2" s="255"/>
    </row>
    <row r="3" spans="2:34" ht="13"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 x14ac:dyDescent="0.2"/>
    <row r="5" spans="2:34" ht="13" x14ac:dyDescent="0.2"/>
    <row r="6" spans="2:34" ht="13" x14ac:dyDescent="0.2"/>
    <row r="7" spans="2:34" ht="13" x14ac:dyDescent="0.2"/>
    <row r="8" spans="2:34" ht="13" x14ac:dyDescent="0.2"/>
    <row r="9" spans="2:34" ht="13" x14ac:dyDescent="0.2">
      <c r="AH9" s="255"/>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5"/>
    </row>
    <row r="18" spans="12:34" ht="13" x14ac:dyDescent="0.2"/>
    <row r="19" spans="12:34" ht="13" x14ac:dyDescent="0.2"/>
    <row r="20" spans="12:34" ht="13" x14ac:dyDescent="0.2">
      <c r="AH20" s="255"/>
    </row>
    <row r="21" spans="12:34" ht="13" x14ac:dyDescent="0.2">
      <c r="AH21" s="255"/>
    </row>
    <row r="22" spans="12:34" ht="13" x14ac:dyDescent="0.2"/>
    <row r="23" spans="12:34" ht="13" x14ac:dyDescent="0.2"/>
    <row r="24" spans="12:34" ht="13" x14ac:dyDescent="0.2">
      <c r="Q24" s="255"/>
    </row>
    <row r="25" spans="12:34" ht="13" x14ac:dyDescent="0.2"/>
    <row r="26" spans="12:34" ht="13" x14ac:dyDescent="0.2"/>
    <row r="27" spans="12:34" ht="13" x14ac:dyDescent="0.2"/>
    <row r="28" spans="12:34" ht="13" x14ac:dyDescent="0.2">
      <c r="O28" s="255"/>
      <c r="T28" s="255"/>
      <c r="AH28" s="255"/>
    </row>
    <row r="29" spans="12:34" ht="13" x14ac:dyDescent="0.2"/>
    <row r="30" spans="12:34" ht="13" x14ac:dyDescent="0.2"/>
    <row r="31" spans="12:34" ht="13" x14ac:dyDescent="0.2">
      <c r="Q31" s="255"/>
    </row>
    <row r="32" spans="12:34" ht="13" x14ac:dyDescent="0.2">
      <c r="L32" s="255"/>
    </row>
    <row r="33" spans="2:34" ht="13" x14ac:dyDescent="0.2">
      <c r="C33" s="255"/>
      <c r="E33" s="255"/>
      <c r="G33" s="255"/>
      <c r="I33" s="255"/>
      <c r="X33" s="255"/>
    </row>
    <row r="34" spans="2:34" ht="13" x14ac:dyDescent="0.2">
      <c r="B34" s="255"/>
      <c r="P34" s="255"/>
      <c r="R34" s="255"/>
      <c r="T34" s="255"/>
    </row>
    <row r="35" spans="2:34" ht="13" x14ac:dyDescent="0.2">
      <c r="D35" s="255"/>
      <c r="W35" s="255"/>
      <c r="AC35" s="255"/>
      <c r="AD35" s="255"/>
      <c r="AE35" s="255"/>
      <c r="AF35" s="255"/>
      <c r="AG35" s="255"/>
      <c r="AH35" s="255"/>
    </row>
    <row r="36" spans="2:34" ht="13" x14ac:dyDescent="0.2">
      <c r="H36" s="255"/>
      <c r="J36" s="255"/>
      <c r="K36" s="255"/>
      <c r="M36" s="255"/>
      <c r="Y36" s="255"/>
      <c r="Z36" s="255"/>
      <c r="AA36" s="255"/>
      <c r="AB36" s="255"/>
      <c r="AC36" s="255"/>
      <c r="AD36" s="255"/>
      <c r="AE36" s="255"/>
      <c r="AF36" s="255"/>
      <c r="AG36" s="255"/>
      <c r="AH36" s="255"/>
    </row>
    <row r="37" spans="2:34" ht="13" x14ac:dyDescent="0.2">
      <c r="AH37" s="255"/>
    </row>
    <row r="38" spans="2:34" ht="13" x14ac:dyDescent="0.2">
      <c r="AG38" s="255"/>
      <c r="AH38" s="255"/>
    </row>
    <row r="39" spans="2:34" ht="13" x14ac:dyDescent="0.2"/>
    <row r="40" spans="2:34" ht="13" x14ac:dyDescent="0.2">
      <c r="X40" s="255"/>
    </row>
    <row r="41" spans="2:34" ht="13" x14ac:dyDescent="0.2">
      <c r="R41" s="255"/>
    </row>
    <row r="42" spans="2:34" ht="13" x14ac:dyDescent="0.2">
      <c r="W42" s="255"/>
    </row>
    <row r="43" spans="2:34" ht="13" x14ac:dyDescent="0.2">
      <c r="Y43" s="255"/>
      <c r="Z43" s="255"/>
      <c r="AA43" s="255"/>
      <c r="AB43" s="255"/>
      <c r="AC43" s="255"/>
      <c r="AD43" s="255"/>
      <c r="AE43" s="255"/>
      <c r="AF43" s="255"/>
      <c r="AG43" s="255"/>
      <c r="AH43" s="255"/>
    </row>
    <row r="44" spans="2:34" ht="13" x14ac:dyDescent="0.2">
      <c r="AH44" s="255"/>
    </row>
    <row r="45" spans="2:34" ht="13" x14ac:dyDescent="0.2">
      <c r="X45" s="255"/>
    </row>
    <row r="46" spans="2:34" ht="13" x14ac:dyDescent="0.2"/>
    <row r="47" spans="2:34" ht="13" x14ac:dyDescent="0.2"/>
    <row r="48" spans="2:34" ht="13" x14ac:dyDescent="0.2">
      <c r="W48" s="255"/>
      <c r="Y48" s="255"/>
      <c r="Z48" s="255"/>
      <c r="AA48" s="255"/>
      <c r="AB48" s="255"/>
      <c r="AC48" s="255"/>
      <c r="AD48" s="255"/>
      <c r="AE48" s="255"/>
      <c r="AF48" s="255"/>
      <c r="AG48" s="255"/>
      <c r="AH48" s="255"/>
    </row>
    <row r="49" spans="28:34" ht="13" x14ac:dyDescent="0.2"/>
    <row r="50" spans="28:34" ht="13" x14ac:dyDescent="0.2">
      <c r="AE50" s="255"/>
      <c r="AF50" s="255"/>
      <c r="AG50" s="255"/>
      <c r="AH50" s="255"/>
    </row>
    <row r="51" spans="28:34" ht="13" x14ac:dyDescent="0.2">
      <c r="AC51" s="255"/>
      <c r="AD51" s="255"/>
      <c r="AE51" s="255"/>
      <c r="AF51" s="255"/>
      <c r="AG51" s="255"/>
      <c r="AH51" s="255"/>
    </row>
    <row r="52" spans="28:34" ht="13" x14ac:dyDescent="0.2"/>
    <row r="53" spans="28:34" ht="13" x14ac:dyDescent="0.2">
      <c r="AF53" s="255"/>
      <c r="AG53" s="255"/>
      <c r="AH53" s="255"/>
    </row>
    <row r="54" spans="28:34" ht="13" x14ac:dyDescent="0.2">
      <c r="AH54" s="255"/>
    </row>
    <row r="55" spans="28:34" ht="13" x14ac:dyDescent="0.2"/>
    <row r="56" spans="28:34" ht="13" x14ac:dyDescent="0.2">
      <c r="AB56" s="255"/>
      <c r="AC56" s="255"/>
      <c r="AD56" s="255"/>
      <c r="AE56" s="255"/>
      <c r="AF56" s="255"/>
      <c r="AG56" s="255"/>
      <c r="AH56" s="255"/>
    </row>
    <row r="57" spans="28:34" ht="13" x14ac:dyDescent="0.2">
      <c r="AH57" s="255"/>
    </row>
    <row r="58" spans="28:34" ht="13" x14ac:dyDescent="0.2">
      <c r="AH58" s="255"/>
    </row>
    <row r="59" spans="28:34" ht="13" x14ac:dyDescent="0.2">
      <c r="AG59" s="255"/>
      <c r="AH59" s="255"/>
    </row>
    <row r="60" spans="28:34" ht="13" x14ac:dyDescent="0.2"/>
    <row r="61" spans="28:34" ht="13" x14ac:dyDescent="0.2"/>
    <row r="62" spans="28:34" ht="13" x14ac:dyDescent="0.2"/>
    <row r="63" spans="28:34" ht="13" x14ac:dyDescent="0.2">
      <c r="AH63" s="255"/>
    </row>
    <row r="64" spans="28:34" ht="13" x14ac:dyDescent="0.2">
      <c r="AG64" s="255"/>
      <c r="AH64" s="255"/>
    </row>
    <row r="65" spans="28:34" ht="13" x14ac:dyDescent="0.2"/>
    <row r="66" spans="28:34" ht="13" x14ac:dyDescent="0.2"/>
    <row r="67" spans="28:34" ht="13" x14ac:dyDescent="0.2"/>
    <row r="68" spans="28:34" ht="13" x14ac:dyDescent="0.2">
      <c r="AB68" s="255"/>
      <c r="AC68" s="255"/>
      <c r="AD68" s="255"/>
      <c r="AE68" s="255"/>
      <c r="AF68" s="255"/>
      <c r="AG68" s="255"/>
      <c r="AH68" s="255"/>
    </row>
    <row r="69" spans="28:34" ht="13" x14ac:dyDescent="0.2">
      <c r="AF69" s="255"/>
      <c r="AG69" s="255"/>
      <c r="AH69" s="255"/>
    </row>
    <row r="70" spans="28:34" ht="13" x14ac:dyDescent="0.2"/>
    <row r="71" spans="28:34" ht="13" x14ac:dyDescent="0.2"/>
    <row r="72" spans="28:34" ht="13" x14ac:dyDescent="0.2"/>
    <row r="73" spans="28:34" ht="13" x14ac:dyDescent="0.2"/>
    <row r="74" spans="28:34" ht="13" x14ac:dyDescent="0.2"/>
    <row r="75" spans="28:34" ht="13" x14ac:dyDescent="0.2">
      <c r="AH75" s="255"/>
    </row>
    <row r="76" spans="28:34" ht="13" x14ac:dyDescent="0.2">
      <c r="AF76" s="255"/>
      <c r="AG76" s="255"/>
      <c r="AH76" s="255"/>
    </row>
    <row r="77" spans="28:34" ht="13" x14ac:dyDescent="0.2">
      <c r="AG77" s="255"/>
      <c r="AH77" s="255"/>
    </row>
    <row r="78" spans="28:34" ht="13" x14ac:dyDescent="0.2"/>
    <row r="79" spans="28:34" ht="13" x14ac:dyDescent="0.2"/>
    <row r="80" spans="28:34" ht="13" x14ac:dyDescent="0.2"/>
    <row r="81" spans="25:34" ht="13" x14ac:dyDescent="0.2"/>
    <row r="82" spans="25:34" ht="13" x14ac:dyDescent="0.2">
      <c r="Y82" s="255"/>
    </row>
    <row r="83" spans="25:34" ht="13" x14ac:dyDescent="0.2">
      <c r="Y83" s="255"/>
      <c r="Z83" s="255"/>
      <c r="AA83" s="255"/>
      <c r="AB83" s="255"/>
      <c r="AC83" s="255"/>
      <c r="AD83" s="255"/>
      <c r="AE83" s="255"/>
      <c r="AF83" s="255"/>
      <c r="AG83" s="255"/>
      <c r="AH83" s="255"/>
    </row>
    <row r="84" spans="25:34" ht="13" x14ac:dyDescent="0.2"/>
    <row r="85" spans="25:34" ht="13" x14ac:dyDescent="0.2"/>
    <row r="86" spans="25:34" ht="13" x14ac:dyDescent="0.2"/>
    <row r="87" spans="25:34" ht="13" x14ac:dyDescent="0.2"/>
    <row r="88" spans="25:34" ht="13" x14ac:dyDescent="0.2">
      <c r="AH88" s="255"/>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18</v>
      </c>
    </row>
  </sheetData>
  <sheetProtection algorithmName="SHA-512" hashValue="FrrBgjPgYtDdWPKF/Z50DLL0OcPA4RfYJFqgXFMLUF53LVKpoyY0rqfCKGFfkDIuR8seY36daFaaH/d2DYzGjg==" saltValue="EDe+NJgYN6gdVdKSVuT8og=="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0" customWidth="1"/>
    <col min="2" max="8" width="13.36328125" style="140" customWidth="1"/>
    <col min="9" max="16384" width="11.08984375" style="140"/>
  </cols>
  <sheetData>
    <row r="1" spans="1:8" x14ac:dyDescent="0.2">
      <c r="A1" s="134"/>
      <c r="B1" s="135"/>
      <c r="C1" s="136"/>
      <c r="D1" s="137"/>
      <c r="E1" s="138"/>
      <c r="F1" s="138"/>
      <c r="G1" s="138"/>
      <c r="H1" s="139"/>
    </row>
    <row r="2" spans="1:8" x14ac:dyDescent="0.2">
      <c r="A2" s="141"/>
      <c r="B2" s="142"/>
      <c r="C2" s="143"/>
      <c r="D2" s="144" t="s">
        <v>54</v>
      </c>
      <c r="E2" s="145"/>
      <c r="F2" s="146" t="s">
        <v>568</v>
      </c>
      <c r="G2" s="147"/>
      <c r="H2" s="148"/>
    </row>
    <row r="3" spans="1:8" x14ac:dyDescent="0.2">
      <c r="A3" s="144" t="s">
        <v>561</v>
      </c>
      <c r="B3" s="149"/>
      <c r="C3" s="150"/>
      <c r="D3" s="151">
        <v>21043</v>
      </c>
      <c r="E3" s="152"/>
      <c r="F3" s="153">
        <v>121449</v>
      </c>
      <c r="G3" s="154"/>
      <c r="H3" s="155"/>
    </row>
    <row r="4" spans="1:8" x14ac:dyDescent="0.2">
      <c r="A4" s="156"/>
      <c r="B4" s="157"/>
      <c r="C4" s="158"/>
      <c r="D4" s="159">
        <v>17212</v>
      </c>
      <c r="E4" s="160"/>
      <c r="F4" s="161">
        <v>62922</v>
      </c>
      <c r="G4" s="162"/>
      <c r="H4" s="163"/>
    </row>
    <row r="5" spans="1:8" x14ac:dyDescent="0.2">
      <c r="A5" s="144" t="s">
        <v>563</v>
      </c>
      <c r="B5" s="149"/>
      <c r="C5" s="150"/>
      <c r="D5" s="151">
        <v>97977</v>
      </c>
      <c r="E5" s="152"/>
      <c r="F5" s="153">
        <v>145139</v>
      </c>
      <c r="G5" s="154"/>
      <c r="H5" s="155"/>
    </row>
    <row r="6" spans="1:8" x14ac:dyDescent="0.2">
      <c r="A6" s="156"/>
      <c r="B6" s="157"/>
      <c r="C6" s="158"/>
      <c r="D6" s="159">
        <v>92151</v>
      </c>
      <c r="E6" s="160"/>
      <c r="F6" s="161">
        <v>83762</v>
      </c>
      <c r="G6" s="162"/>
      <c r="H6" s="163"/>
    </row>
    <row r="7" spans="1:8" x14ac:dyDescent="0.2">
      <c r="A7" s="144" t="s">
        <v>564</v>
      </c>
      <c r="B7" s="149"/>
      <c r="C7" s="150"/>
      <c r="D7" s="151">
        <v>59693</v>
      </c>
      <c r="E7" s="152"/>
      <c r="F7" s="153">
        <v>125391</v>
      </c>
      <c r="G7" s="154"/>
      <c r="H7" s="155"/>
    </row>
    <row r="8" spans="1:8" x14ac:dyDescent="0.2">
      <c r="A8" s="156"/>
      <c r="B8" s="157"/>
      <c r="C8" s="158"/>
      <c r="D8" s="159">
        <v>50475</v>
      </c>
      <c r="E8" s="160"/>
      <c r="F8" s="161">
        <v>68516</v>
      </c>
      <c r="G8" s="162"/>
      <c r="H8" s="163"/>
    </row>
    <row r="9" spans="1:8" x14ac:dyDescent="0.2">
      <c r="A9" s="144" t="s">
        <v>565</v>
      </c>
      <c r="B9" s="149"/>
      <c r="C9" s="150"/>
      <c r="D9" s="151">
        <v>22515</v>
      </c>
      <c r="E9" s="152"/>
      <c r="F9" s="153">
        <v>138402</v>
      </c>
      <c r="G9" s="154"/>
      <c r="H9" s="155"/>
    </row>
    <row r="10" spans="1:8" x14ac:dyDescent="0.2">
      <c r="A10" s="156"/>
      <c r="B10" s="157"/>
      <c r="C10" s="158"/>
      <c r="D10" s="159">
        <v>17580</v>
      </c>
      <c r="E10" s="160"/>
      <c r="F10" s="161">
        <v>70652</v>
      </c>
      <c r="G10" s="162"/>
      <c r="H10" s="163"/>
    </row>
    <row r="11" spans="1:8" x14ac:dyDescent="0.2">
      <c r="A11" s="144" t="s">
        <v>566</v>
      </c>
      <c r="B11" s="149"/>
      <c r="C11" s="150"/>
      <c r="D11" s="151">
        <v>27508</v>
      </c>
      <c r="E11" s="152"/>
      <c r="F11" s="153">
        <v>146367</v>
      </c>
      <c r="G11" s="154"/>
      <c r="H11" s="155"/>
    </row>
    <row r="12" spans="1:8" x14ac:dyDescent="0.2">
      <c r="A12" s="156"/>
      <c r="B12" s="157"/>
      <c r="C12" s="164"/>
      <c r="D12" s="159">
        <v>13475</v>
      </c>
      <c r="E12" s="160"/>
      <c r="F12" s="161">
        <v>79441</v>
      </c>
      <c r="G12" s="162"/>
      <c r="H12" s="163"/>
    </row>
    <row r="13" spans="1:8" x14ac:dyDescent="0.2">
      <c r="A13" s="144"/>
      <c r="B13" s="149"/>
      <c r="C13" s="165"/>
      <c r="D13" s="166">
        <v>45747</v>
      </c>
      <c r="E13" s="167"/>
      <c r="F13" s="168">
        <v>135350</v>
      </c>
      <c r="G13" s="169"/>
      <c r="H13" s="155"/>
    </row>
    <row r="14" spans="1:8" x14ac:dyDescent="0.2">
      <c r="A14" s="156"/>
      <c r="B14" s="157"/>
      <c r="C14" s="158"/>
      <c r="D14" s="159">
        <v>38179</v>
      </c>
      <c r="E14" s="160"/>
      <c r="F14" s="161">
        <v>73059</v>
      </c>
      <c r="G14" s="162"/>
      <c r="H14" s="163"/>
    </row>
    <row r="17" spans="1:11" x14ac:dyDescent="0.2">
      <c r="A17" s="140" t="s">
        <v>55</v>
      </c>
    </row>
    <row r="18" spans="1:11" x14ac:dyDescent="0.2">
      <c r="A18" s="170"/>
      <c r="B18" s="170" t="str">
        <f>実質収支比率等に係る経年分析!F$46</f>
        <v>H30</v>
      </c>
      <c r="C18" s="170" t="str">
        <f>実質収支比率等に係る経年分析!G$46</f>
        <v>R01</v>
      </c>
      <c r="D18" s="170" t="str">
        <f>実質収支比率等に係る経年分析!H$46</f>
        <v>R02</v>
      </c>
      <c r="E18" s="170" t="str">
        <f>実質収支比率等に係る経年分析!I$46</f>
        <v>R03</v>
      </c>
      <c r="F18" s="170" t="str">
        <f>実質収支比率等に係る経年分析!J$46</f>
        <v>R04</v>
      </c>
    </row>
    <row r="19" spans="1:11" x14ac:dyDescent="0.2">
      <c r="A19" s="170" t="s">
        <v>56</v>
      </c>
      <c r="B19" s="170">
        <f>ROUND(VALUE(SUBSTITUTE(実質収支比率等に係る経年分析!F$48,"▲","-")),2)</f>
        <v>10.24</v>
      </c>
      <c r="C19" s="170">
        <f>ROUND(VALUE(SUBSTITUTE(実質収支比率等に係る経年分析!G$48,"▲","-")),2)</f>
        <v>8.06</v>
      </c>
      <c r="D19" s="170">
        <f>ROUND(VALUE(SUBSTITUTE(実質収支比率等に係る経年分析!H$48,"▲","-")),2)</f>
        <v>6.75</v>
      </c>
      <c r="E19" s="170">
        <f>ROUND(VALUE(SUBSTITUTE(実質収支比率等に係る経年分析!I$48,"▲","-")),2)</f>
        <v>13.59</v>
      </c>
      <c r="F19" s="170">
        <f>ROUND(VALUE(SUBSTITUTE(実質収支比率等に係る経年分析!J$48,"▲","-")),2)</f>
        <v>7.37</v>
      </c>
    </row>
    <row r="20" spans="1:11" x14ac:dyDescent="0.2">
      <c r="A20" s="170" t="s">
        <v>57</v>
      </c>
      <c r="B20" s="170">
        <f>ROUND(VALUE(SUBSTITUTE(実質収支比率等に係る経年分析!F$47,"▲","-")),2)</f>
        <v>16.57</v>
      </c>
      <c r="C20" s="170">
        <f>ROUND(VALUE(SUBSTITUTE(実質収支比率等に係る経年分析!G$47,"▲","-")),2)</f>
        <v>13.51</v>
      </c>
      <c r="D20" s="170">
        <f>ROUND(VALUE(SUBSTITUTE(実質収支比率等に係る経年分析!H$47,"▲","-")),2)</f>
        <v>11.36</v>
      </c>
      <c r="E20" s="170">
        <f>ROUND(VALUE(SUBSTITUTE(実質収支比率等に係る経年分析!I$47,"▲","-")),2)</f>
        <v>13.39</v>
      </c>
      <c r="F20" s="170">
        <f>ROUND(VALUE(SUBSTITUTE(実質収支比率等に係る経年分析!J$47,"▲","-")),2)</f>
        <v>18.03</v>
      </c>
    </row>
    <row r="21" spans="1:11" x14ac:dyDescent="0.2">
      <c r="A21" s="170" t="s">
        <v>58</v>
      </c>
      <c r="B21" s="170">
        <f>IF(ISNUMBER(VALUE(SUBSTITUTE(実質収支比率等に係る経年分析!F$49,"▲","-"))),ROUND(VALUE(SUBSTITUTE(実質収支比率等に係る経年分析!F$49,"▲","-")),2),NA())</f>
        <v>-1.65</v>
      </c>
      <c r="C21" s="170">
        <f>IF(ISNUMBER(VALUE(SUBSTITUTE(実質収支比率等に係る経年分析!G$49,"▲","-"))),ROUND(VALUE(SUBSTITUTE(実質収支比率等に係る経年分析!G$49,"▲","-")),2),NA())</f>
        <v>-4.8</v>
      </c>
      <c r="D21" s="170">
        <f>IF(ISNUMBER(VALUE(SUBSTITUTE(実質収支比率等に係る経年分析!H$49,"▲","-"))),ROUND(VALUE(SUBSTITUTE(実質収支比率等に係る経年分析!H$49,"▲","-")),2),NA())</f>
        <v>-2.13</v>
      </c>
      <c r="E21" s="170">
        <f>IF(ISNUMBER(VALUE(SUBSTITUTE(実質収支比率等に係る経年分析!I$49,"▲","-"))),ROUND(VALUE(SUBSTITUTE(実質収支比率等に係る経年分析!I$49,"▲","-")),2),NA())</f>
        <v>10.41</v>
      </c>
      <c r="F21" s="170">
        <f>IF(ISNUMBER(VALUE(SUBSTITUTE(実質収支比率等に係る経年分析!J$49,"▲","-"))),ROUND(VALUE(SUBSTITUTE(実質収支比率等に係る経年分析!J$49,"▲","-")),2),NA())</f>
        <v>-1.94</v>
      </c>
    </row>
    <row r="24" spans="1:11" x14ac:dyDescent="0.2">
      <c r="A24" s="140" t="s">
        <v>59</v>
      </c>
    </row>
    <row r="25" spans="1:11" x14ac:dyDescent="0.2">
      <c r="A25" s="171"/>
      <c r="B25" s="171" t="str">
        <f>連結実質赤字比率に係る赤字・黒字の構成分析!F$33</f>
        <v>H30</v>
      </c>
      <c r="C25" s="171"/>
      <c r="D25" s="171" t="str">
        <f>連結実質赤字比率に係る赤字・黒字の構成分析!G$33</f>
        <v>R01</v>
      </c>
      <c r="E25" s="171"/>
      <c r="F25" s="171" t="str">
        <f>連結実質赤字比率に係る赤字・黒字の構成分析!H$33</f>
        <v>R02</v>
      </c>
      <c r="G25" s="171"/>
      <c r="H25" s="171" t="str">
        <f>連結実質赤字比率に係る赤字・黒字の構成分析!I$33</f>
        <v>R03</v>
      </c>
      <c r="I25" s="171"/>
      <c r="J25" s="171" t="str">
        <f>連結実質赤字比率に係る赤字・黒字の構成分析!J$33</f>
        <v>R04</v>
      </c>
      <c r="K25" s="171"/>
    </row>
    <row r="26" spans="1:11" x14ac:dyDescent="0.2">
      <c r="A26" s="171"/>
      <c r="B26" s="171" t="s">
        <v>60</v>
      </c>
      <c r="C26" s="171" t="s">
        <v>61</v>
      </c>
      <c r="D26" s="171" t="s">
        <v>60</v>
      </c>
      <c r="E26" s="171" t="s">
        <v>61</v>
      </c>
      <c r="F26" s="171" t="s">
        <v>60</v>
      </c>
      <c r="G26" s="171" t="s">
        <v>61</v>
      </c>
      <c r="H26" s="171" t="s">
        <v>60</v>
      </c>
      <c r="I26" s="171" t="s">
        <v>61</v>
      </c>
      <c r="J26" s="171" t="s">
        <v>60</v>
      </c>
      <c r="K26" s="171" t="s">
        <v>61</v>
      </c>
    </row>
    <row r="27" spans="1:11" x14ac:dyDescent="0.2">
      <c r="A27" s="171" t="str">
        <f>IF(連結実質赤字比率に係る赤字・黒字の構成分析!C$43="",NA(),連結実質赤字比率に係る赤字・黒字の構成分析!C$43)</f>
        <v>その他会計（黒字）</v>
      </c>
      <c r="B27" s="171" t="e">
        <f>IF(ROUND(VALUE(SUBSTITUTE(連結実質赤字比率に係る赤字・黒字の構成分析!F$43,"▲", "-")), 2) &lt; 0, ABS(ROUND(VALUE(SUBSTITUTE(連結実質赤字比率に係る赤字・黒字の構成分析!F$43,"▲", "-")), 2)), NA())</f>
        <v>#N/A</v>
      </c>
      <c r="C27" s="171">
        <f>IF(ROUND(VALUE(SUBSTITUTE(連結実質赤字比率に係る赤字・黒字の構成分析!F$43,"▲", "-")), 2) &gt;= 0, ABS(ROUND(VALUE(SUBSTITUTE(連結実質赤字比率に係る赤字・黒字の構成分析!F$43,"▲", "-")), 2)), NA())</f>
        <v>0.06</v>
      </c>
      <c r="D27" s="171" t="e">
        <f>IF(ROUND(VALUE(SUBSTITUTE(連結実質赤字比率に係る赤字・黒字の構成分析!G$43,"▲", "-")), 2) &lt; 0, ABS(ROUND(VALUE(SUBSTITUTE(連結実質赤字比率に係る赤字・黒字の構成分析!G$43,"▲", "-")), 2)), NA())</f>
        <v>#N/A</v>
      </c>
      <c r="E27" s="171">
        <f>IF(ROUND(VALUE(SUBSTITUTE(連結実質赤字比率に係る赤字・黒字の構成分析!G$43,"▲", "-")), 2) &gt;= 0, ABS(ROUND(VALUE(SUBSTITUTE(連結実質赤字比率に係る赤字・黒字の構成分析!G$43,"▲", "-")), 2)), NA())</f>
        <v>0.09</v>
      </c>
      <c r="F27" s="171" t="e">
        <f>IF(ROUND(VALUE(SUBSTITUTE(連結実質赤字比率に係る赤字・黒字の構成分析!H$43,"▲", "-")), 2) &lt; 0, ABS(ROUND(VALUE(SUBSTITUTE(連結実質赤字比率に係る赤字・黒字の構成分析!H$43,"▲", "-")), 2)), NA())</f>
        <v>#N/A</v>
      </c>
      <c r="G27" s="171">
        <f>IF(ROUND(VALUE(SUBSTITUTE(連結実質赤字比率に係る赤字・黒字の構成分析!H$43,"▲", "-")), 2) &gt;= 0, ABS(ROUND(VALUE(SUBSTITUTE(連結実質赤字比率に係る赤字・黒字の構成分析!H$43,"▲", "-")), 2)), NA())</f>
        <v>0.05</v>
      </c>
      <c r="H27" s="171" t="e">
        <f>IF(ROUND(VALUE(SUBSTITUTE(連結実質赤字比率に係る赤字・黒字の構成分析!I$43,"▲", "-")), 2) &lt; 0, ABS(ROUND(VALUE(SUBSTITUTE(連結実質赤字比率に係る赤字・黒字の構成分析!I$43,"▲", "-")), 2)), NA())</f>
        <v>#N/A</v>
      </c>
      <c r="I27" s="171">
        <f>IF(ROUND(VALUE(SUBSTITUTE(連結実質赤字比率に係る赤字・黒字の構成分析!I$43,"▲", "-")), 2) &gt;= 0, ABS(ROUND(VALUE(SUBSTITUTE(連結実質赤字比率に係る赤字・黒字の構成分析!I$43,"▲", "-")), 2)), NA())</f>
        <v>0.02</v>
      </c>
      <c r="J27" s="171" t="e">
        <f>IF(ROUND(VALUE(SUBSTITUTE(連結実質赤字比率に係る赤字・黒字の構成分析!J$43,"▲", "-")), 2) &lt; 0, ABS(ROUND(VALUE(SUBSTITUTE(連結実質赤字比率に係る赤字・黒字の構成分析!J$43,"▲", "-")), 2)), NA())</f>
        <v>#N/A</v>
      </c>
      <c r="K27" s="171">
        <f>IF(ROUND(VALUE(SUBSTITUTE(連結実質赤字比率に係る赤字・黒字の構成分析!J$43,"▲", "-")), 2) &gt;= 0, ABS(ROUND(VALUE(SUBSTITUTE(連結実質赤字比率に係る赤字・黒字の構成分析!J$43,"▲", "-")), 2)), NA())</f>
        <v>0.04</v>
      </c>
    </row>
    <row r="28" spans="1:11" x14ac:dyDescent="0.2">
      <c r="A28" s="171" t="str">
        <f>IF(連結実質赤字比率に係る赤字・黒字の構成分析!C$42="",NA(),連結実質赤字比率に係る赤字・黒字の構成分析!C$42)</f>
        <v>その他会計（赤字）</v>
      </c>
      <c r="B28" s="171" t="e">
        <f>IF(ROUND(VALUE(SUBSTITUTE(連結実質赤字比率に係る赤字・黒字の構成分析!F$42,"▲", "-")), 2) &lt; 0, ABS(ROUND(VALUE(SUBSTITUTE(連結実質赤字比率に係る赤字・黒字の構成分析!F$42,"▲", "-")), 2)), NA())</f>
        <v>#VALUE!</v>
      </c>
      <c r="C28" s="171" t="e">
        <f>IF(ROUND(VALUE(SUBSTITUTE(連結実質赤字比率に係る赤字・黒字の構成分析!F$42,"▲", "-")), 2) &gt;= 0, ABS(ROUND(VALUE(SUBSTITUTE(連結実質赤字比率に係る赤字・黒字の構成分析!F$42,"▲", "-")), 2)), NA())</f>
        <v>#VALUE!</v>
      </c>
      <c r="D28" s="171" t="e">
        <f>IF(ROUND(VALUE(SUBSTITUTE(連結実質赤字比率に係る赤字・黒字の構成分析!G$42,"▲", "-")), 2) &lt; 0, ABS(ROUND(VALUE(SUBSTITUTE(連結実質赤字比率に係る赤字・黒字の構成分析!G$42,"▲", "-")), 2)), NA())</f>
        <v>#VALUE!</v>
      </c>
      <c r="E28" s="171" t="e">
        <f>IF(ROUND(VALUE(SUBSTITUTE(連結実質赤字比率に係る赤字・黒字の構成分析!G$42,"▲", "-")), 2) &gt;= 0, ABS(ROUND(VALUE(SUBSTITUTE(連結実質赤字比率に係る赤字・黒字の構成分析!G$42,"▲", "-")), 2)), NA())</f>
        <v>#VALUE!</v>
      </c>
      <c r="F28" s="171" t="e">
        <f>IF(ROUND(VALUE(SUBSTITUTE(連結実質赤字比率に係る赤字・黒字の構成分析!H$42,"▲", "-")), 2) &lt; 0, ABS(ROUND(VALUE(SUBSTITUTE(連結実質赤字比率に係る赤字・黒字の構成分析!H$42,"▲", "-")), 2)), NA())</f>
        <v>#VALUE!</v>
      </c>
      <c r="G28" s="171" t="e">
        <f>IF(ROUND(VALUE(SUBSTITUTE(連結実質赤字比率に係る赤字・黒字の構成分析!H$42,"▲", "-")), 2) &gt;= 0, ABS(ROUND(VALUE(SUBSTITUTE(連結実質赤字比率に係る赤字・黒字の構成分析!H$42,"▲", "-")), 2)), NA())</f>
        <v>#VALUE!</v>
      </c>
      <c r="H28" s="171" t="e">
        <f>IF(ROUND(VALUE(SUBSTITUTE(連結実質赤字比率に係る赤字・黒字の構成分析!I$42,"▲", "-")), 2) &lt; 0, ABS(ROUND(VALUE(SUBSTITUTE(連結実質赤字比率に係る赤字・黒字の構成分析!I$42,"▲", "-")), 2)), NA())</f>
        <v>#VALUE!</v>
      </c>
      <c r="I28" s="171" t="e">
        <f>IF(ROUND(VALUE(SUBSTITUTE(連結実質赤字比率に係る赤字・黒字の構成分析!I$42,"▲", "-")), 2) &gt;= 0, ABS(ROUND(VALUE(SUBSTITUTE(連結実質赤字比率に係る赤字・黒字の構成分析!I$42,"▲", "-")), 2)), NA())</f>
        <v>#VALUE!</v>
      </c>
      <c r="J28" s="171" t="e">
        <f>IF(ROUND(VALUE(SUBSTITUTE(連結実質赤字比率に係る赤字・黒字の構成分析!J$42,"▲", "-")), 2) &lt; 0, ABS(ROUND(VALUE(SUBSTITUTE(連結実質赤字比率に係る赤字・黒字の構成分析!J$42,"▲", "-")), 2)), NA())</f>
        <v>#VALUE!</v>
      </c>
      <c r="K28" s="171" t="e">
        <f>IF(ROUND(VALUE(SUBSTITUTE(連結実質赤字比率に係る赤字・黒字の構成分析!J$42,"▲", "-")), 2) &gt;= 0, ABS(ROUND(VALUE(SUBSTITUTE(連結実質赤字比率に係る赤字・黒字の構成分析!J$42,"▲", "-")), 2)), NA())</f>
        <v>#VALUE!</v>
      </c>
    </row>
    <row r="29" spans="1:11" x14ac:dyDescent="0.2">
      <c r="A29" s="171" t="str">
        <f>IF(連結実質赤字比率に係る赤字・黒字の構成分析!C$41="",NA(),連結実質赤字比率に係る赤字・黒字の構成分析!C$41)</f>
        <v>下水道事業特別会計</v>
      </c>
      <c r="B29" s="171" t="e">
        <f>IF(ROUND(VALUE(SUBSTITUTE(連結実質赤字比率に係る赤字・黒字の構成分析!F$41,"▲", "-")), 2) &lt; 0, ABS(ROUND(VALUE(SUBSTITUTE(連結実質赤字比率に係る赤字・黒字の構成分析!F$41,"▲", "-")), 2)), NA())</f>
        <v>#N/A</v>
      </c>
      <c r="C29" s="171">
        <f>IF(ROUND(VALUE(SUBSTITUTE(連結実質赤字比率に係る赤字・黒字の構成分析!F$41,"▲", "-")), 2) &gt;= 0, ABS(ROUND(VALUE(SUBSTITUTE(連結実質赤字比率に係る赤字・黒字の構成分析!F$41,"▲", "-")), 2)), NA())</f>
        <v>0.08</v>
      </c>
      <c r="D29" s="171" t="e">
        <f>IF(ROUND(VALUE(SUBSTITUTE(連結実質赤字比率に係る赤字・黒字の構成分析!G$41,"▲", "-")), 2) &lt; 0, ABS(ROUND(VALUE(SUBSTITUTE(連結実質赤字比率に係る赤字・黒字の構成分析!G$41,"▲", "-")), 2)), NA())</f>
        <v>#N/A</v>
      </c>
      <c r="E29" s="171">
        <f>IF(ROUND(VALUE(SUBSTITUTE(連結実質赤字比率に係る赤字・黒字の構成分析!G$41,"▲", "-")), 2) &gt;= 0, ABS(ROUND(VALUE(SUBSTITUTE(連結実質赤字比率に係る赤字・黒字の構成分析!G$41,"▲", "-")), 2)), NA())</f>
        <v>0.16</v>
      </c>
      <c r="F29" s="171" t="e">
        <f>IF(ROUND(VALUE(SUBSTITUTE(連結実質赤字比率に係る赤字・黒字の構成分析!H$41,"▲", "-")), 2) &lt; 0, ABS(ROUND(VALUE(SUBSTITUTE(連結実質赤字比率に係る赤字・黒字の構成分析!H$41,"▲", "-")), 2)), NA())</f>
        <v>#N/A</v>
      </c>
      <c r="G29" s="171">
        <f>IF(ROUND(VALUE(SUBSTITUTE(連結実質赤字比率に係る赤字・黒字の構成分析!H$41,"▲", "-")), 2) &gt;= 0, ABS(ROUND(VALUE(SUBSTITUTE(連結実質赤字比率に係る赤字・黒字の構成分析!H$41,"▲", "-")), 2)), NA())</f>
        <v>0.12</v>
      </c>
      <c r="H29" s="171" t="e">
        <f>IF(ROUND(VALUE(SUBSTITUTE(連結実質赤字比率に係る赤字・黒字の構成分析!I$41,"▲", "-")), 2) &lt; 0, ABS(ROUND(VALUE(SUBSTITUTE(連結実質赤字比率に係る赤字・黒字の構成分析!I$41,"▲", "-")), 2)), NA())</f>
        <v>#N/A</v>
      </c>
      <c r="I29" s="171">
        <f>IF(ROUND(VALUE(SUBSTITUTE(連結実質赤字比率に係る赤字・黒字の構成分析!I$41,"▲", "-")), 2) &gt;= 0, ABS(ROUND(VALUE(SUBSTITUTE(連結実質赤字比率に係る赤字・黒字の構成分析!I$41,"▲", "-")), 2)), NA())</f>
        <v>0.09</v>
      </c>
      <c r="J29" s="171" t="e">
        <f>IF(ROUND(VALUE(SUBSTITUTE(連結実質赤字比率に係る赤字・黒字の構成分析!J$41,"▲", "-")), 2) &lt; 0, ABS(ROUND(VALUE(SUBSTITUTE(連結実質赤字比率に係る赤字・黒字の構成分析!J$41,"▲", "-")), 2)), NA())</f>
        <v>#N/A</v>
      </c>
      <c r="K29" s="171">
        <f>IF(ROUND(VALUE(SUBSTITUTE(連結実質赤字比率に係る赤字・黒字の構成分析!J$41,"▲", "-")), 2) &gt;= 0, ABS(ROUND(VALUE(SUBSTITUTE(連結実質赤字比率に係る赤字・黒字の構成分析!J$41,"▲", "-")), 2)), NA())</f>
        <v>0.11</v>
      </c>
    </row>
    <row r="30" spans="1:11" x14ac:dyDescent="0.2">
      <c r="A30" s="171" t="str">
        <f>IF(連結実質赤字比率に係る赤字・黒字の構成分析!C$40="",NA(),連結実質赤字比率に係る赤字・黒字の構成分析!C$40)</f>
        <v>介護保険事業特別会計（介護サービス事業勘定）</v>
      </c>
      <c r="B30" s="171" t="e">
        <f>IF(ROUND(VALUE(SUBSTITUTE(連結実質赤字比率に係る赤字・黒字の構成分析!F$40,"▲", "-")), 2) &lt; 0, ABS(ROUND(VALUE(SUBSTITUTE(連結実質赤字比率に係る赤字・黒字の構成分析!F$40,"▲", "-")), 2)), NA())</f>
        <v>#N/A</v>
      </c>
      <c r="C30" s="171">
        <f>IF(ROUND(VALUE(SUBSTITUTE(連結実質赤字比率に係る赤字・黒字の構成分析!F$40,"▲", "-")), 2) &gt;= 0, ABS(ROUND(VALUE(SUBSTITUTE(連結実質赤字比率に係る赤字・黒字の構成分析!F$40,"▲", "-")), 2)), NA())</f>
        <v>0.06</v>
      </c>
      <c r="D30" s="171" t="e">
        <f>IF(ROUND(VALUE(SUBSTITUTE(連結実質赤字比率に係る赤字・黒字の構成分析!G$40,"▲", "-")), 2) &lt; 0, ABS(ROUND(VALUE(SUBSTITUTE(連結実質赤字比率に係る赤字・黒字の構成分析!G$40,"▲", "-")), 2)), NA())</f>
        <v>#N/A</v>
      </c>
      <c r="E30" s="171">
        <f>IF(ROUND(VALUE(SUBSTITUTE(連結実質赤字比率に係る赤字・黒字の構成分析!G$40,"▲", "-")), 2) &gt;= 0, ABS(ROUND(VALUE(SUBSTITUTE(連結実質赤字比率に係る赤字・黒字の構成分析!G$40,"▲", "-")), 2)), NA())</f>
        <v>0.05</v>
      </c>
      <c r="F30" s="171" t="e">
        <f>IF(ROUND(VALUE(SUBSTITUTE(連結実質赤字比率に係る赤字・黒字の構成分析!H$40,"▲", "-")), 2) &lt; 0, ABS(ROUND(VALUE(SUBSTITUTE(連結実質赤字比率に係る赤字・黒字の構成分析!H$40,"▲", "-")), 2)), NA())</f>
        <v>#N/A</v>
      </c>
      <c r="G30" s="171">
        <f>IF(ROUND(VALUE(SUBSTITUTE(連結実質赤字比率に係る赤字・黒字の構成分析!H$40,"▲", "-")), 2) &gt;= 0, ABS(ROUND(VALUE(SUBSTITUTE(連結実質赤字比率に係る赤字・黒字の構成分析!H$40,"▲", "-")), 2)), NA())</f>
        <v>0.02</v>
      </c>
      <c r="H30" s="171" t="e">
        <f>IF(ROUND(VALUE(SUBSTITUTE(連結実質赤字比率に係る赤字・黒字の構成分析!I$40,"▲", "-")), 2) &lt; 0, ABS(ROUND(VALUE(SUBSTITUTE(連結実質赤字比率に係る赤字・黒字の構成分析!I$40,"▲", "-")), 2)), NA())</f>
        <v>#N/A</v>
      </c>
      <c r="I30" s="171">
        <f>IF(ROUND(VALUE(SUBSTITUTE(連結実質赤字比率に係る赤字・黒字の構成分析!I$40,"▲", "-")), 2) &gt;= 0, ABS(ROUND(VALUE(SUBSTITUTE(連結実質赤字比率に係る赤字・黒字の構成分析!I$40,"▲", "-")), 2)), NA())</f>
        <v>7.0000000000000007E-2</v>
      </c>
      <c r="J30" s="171" t="e">
        <f>IF(ROUND(VALUE(SUBSTITUTE(連結実質赤字比率に係る赤字・黒字の構成分析!J$40,"▲", "-")), 2) &lt; 0, ABS(ROUND(VALUE(SUBSTITUTE(連結実質赤字比率に係る赤字・黒字の構成分析!J$40,"▲", "-")), 2)), NA())</f>
        <v>#N/A</v>
      </c>
      <c r="K30" s="171">
        <f>IF(ROUND(VALUE(SUBSTITUTE(連結実質赤字比率に係る赤字・黒字の構成分析!J$40,"▲", "-")), 2) &gt;= 0, ABS(ROUND(VALUE(SUBSTITUTE(連結実質赤字比率に係る赤字・黒字の構成分析!J$40,"▲", "-")), 2)), NA())</f>
        <v>0.11</v>
      </c>
    </row>
    <row r="31" spans="1:11" x14ac:dyDescent="0.2">
      <c r="A31" s="171" t="str">
        <f>IF(連結実質赤字比率に係る赤字・黒字の構成分析!C$39="",NA(),連結実質赤字比率に係る赤字・黒字の構成分析!C$39)</f>
        <v>後期高齢者医療特別会計</v>
      </c>
      <c r="B31" s="171" t="e">
        <f>IF(ROUND(VALUE(SUBSTITUTE(連結実質赤字比率に係る赤字・黒字の構成分析!F$39,"▲", "-")), 2) &lt; 0, ABS(ROUND(VALUE(SUBSTITUTE(連結実質赤字比率に係る赤字・黒字の構成分析!F$39,"▲", "-")), 2)), NA())</f>
        <v>#N/A</v>
      </c>
      <c r="C31" s="171">
        <f>IF(ROUND(VALUE(SUBSTITUTE(連結実質赤字比率に係る赤字・黒字の構成分析!F$39,"▲", "-")), 2) &gt;= 0, ABS(ROUND(VALUE(SUBSTITUTE(連結実質赤字比率に係る赤字・黒字の構成分析!F$39,"▲", "-")), 2)), NA())</f>
        <v>0.05</v>
      </c>
      <c r="D31" s="171" t="e">
        <f>IF(ROUND(VALUE(SUBSTITUTE(連結実質赤字比率に係る赤字・黒字の構成分析!G$39,"▲", "-")), 2) &lt; 0, ABS(ROUND(VALUE(SUBSTITUTE(連結実質赤字比率に係る赤字・黒字の構成分析!G$39,"▲", "-")), 2)), NA())</f>
        <v>#N/A</v>
      </c>
      <c r="E31" s="171">
        <f>IF(ROUND(VALUE(SUBSTITUTE(連結実質赤字比率に係る赤字・黒字の構成分析!G$39,"▲", "-")), 2) &gt;= 0, ABS(ROUND(VALUE(SUBSTITUTE(連結実質赤字比率に係る赤字・黒字の構成分析!G$39,"▲", "-")), 2)), NA())</f>
        <v>0.28999999999999998</v>
      </c>
      <c r="F31" s="171" t="e">
        <f>IF(ROUND(VALUE(SUBSTITUTE(連結実質赤字比率に係る赤字・黒字の構成分析!H$39,"▲", "-")), 2) &lt; 0, ABS(ROUND(VALUE(SUBSTITUTE(連結実質赤字比率に係る赤字・黒字の構成分析!H$39,"▲", "-")), 2)), NA())</f>
        <v>#N/A</v>
      </c>
      <c r="G31" s="171">
        <f>IF(ROUND(VALUE(SUBSTITUTE(連結実質赤字比率に係る赤字・黒字の構成分析!H$39,"▲", "-")), 2) &gt;= 0, ABS(ROUND(VALUE(SUBSTITUTE(連結実質赤字比率に係る赤字・黒字の構成分析!H$39,"▲", "-")), 2)), NA())</f>
        <v>7.0000000000000007E-2</v>
      </c>
      <c r="H31" s="171" t="e">
        <f>IF(ROUND(VALUE(SUBSTITUTE(連結実質赤字比率に係る赤字・黒字の構成分析!I$39,"▲", "-")), 2) &lt; 0, ABS(ROUND(VALUE(SUBSTITUTE(連結実質赤字比率に係る赤字・黒字の構成分析!I$39,"▲", "-")), 2)), NA())</f>
        <v>#N/A</v>
      </c>
      <c r="I31" s="171">
        <f>IF(ROUND(VALUE(SUBSTITUTE(連結実質赤字比率に係る赤字・黒字の構成分析!I$39,"▲", "-")), 2) &gt;= 0, ABS(ROUND(VALUE(SUBSTITUTE(連結実質赤字比率に係る赤字・黒字の構成分析!I$39,"▲", "-")), 2)), NA())</f>
        <v>0.13</v>
      </c>
      <c r="J31" s="171" t="e">
        <f>IF(ROUND(VALUE(SUBSTITUTE(連結実質赤字比率に係る赤字・黒字の構成分析!J$39,"▲", "-")), 2) &lt; 0, ABS(ROUND(VALUE(SUBSTITUTE(連結実質赤字比率に係る赤字・黒字の構成分析!J$39,"▲", "-")), 2)), NA())</f>
        <v>#N/A</v>
      </c>
      <c r="K31" s="171">
        <f>IF(ROUND(VALUE(SUBSTITUTE(連結実質赤字比率に係る赤字・黒字の構成分析!J$39,"▲", "-")), 2) &gt;= 0, ABS(ROUND(VALUE(SUBSTITUTE(連結実質赤字比率に係る赤字・黒字の構成分析!J$39,"▲", "-")), 2)), NA())</f>
        <v>0.16</v>
      </c>
    </row>
    <row r="32" spans="1:11" x14ac:dyDescent="0.2">
      <c r="A32" s="171" t="str">
        <f>IF(連結実質赤字比率に係る赤字・黒字の構成分析!C$38="",NA(),連結実質赤字比率に係る赤字・黒字の構成分析!C$38)</f>
        <v>真鶴魚座・ケープ真鶴特別会計</v>
      </c>
      <c r="B32" s="171" t="e">
        <f>IF(ROUND(VALUE(SUBSTITUTE(連結実質赤字比率に係る赤字・黒字の構成分析!F$38,"▲", "-")), 2) &lt; 0, ABS(ROUND(VALUE(SUBSTITUTE(連結実質赤字比率に係る赤字・黒字の構成分析!F$38,"▲", "-")), 2)), NA())</f>
        <v>#N/A</v>
      </c>
      <c r="C32" s="171">
        <f>IF(ROUND(VALUE(SUBSTITUTE(連結実質赤字比率に係る赤字・黒字の構成分析!F$38,"▲", "-")), 2) &gt;= 0, ABS(ROUND(VALUE(SUBSTITUTE(連結実質赤字比率に係る赤字・黒字の構成分析!F$38,"▲", "-")), 2)), NA())</f>
        <v>0.26</v>
      </c>
      <c r="D32" s="171" t="e">
        <f>IF(ROUND(VALUE(SUBSTITUTE(連結実質赤字比率に係る赤字・黒字の構成分析!G$38,"▲", "-")), 2) &lt; 0, ABS(ROUND(VALUE(SUBSTITUTE(連結実質赤字比率に係る赤字・黒字の構成分析!G$38,"▲", "-")), 2)), NA())</f>
        <v>#N/A</v>
      </c>
      <c r="E32" s="171">
        <f>IF(ROUND(VALUE(SUBSTITUTE(連結実質赤字比率に係る赤字・黒字の構成分析!G$38,"▲", "-")), 2) &gt;= 0, ABS(ROUND(VALUE(SUBSTITUTE(連結実質赤字比率に係る赤字・黒字の構成分析!G$38,"▲", "-")), 2)), NA())</f>
        <v>0.02</v>
      </c>
      <c r="F32" s="171" t="e">
        <f>IF(ROUND(VALUE(SUBSTITUTE(連結実質赤字比率に係る赤字・黒字の構成分析!H$38,"▲", "-")), 2) &lt; 0, ABS(ROUND(VALUE(SUBSTITUTE(連結実質赤字比率に係る赤字・黒字の構成分析!H$38,"▲", "-")), 2)), NA())</f>
        <v>#N/A</v>
      </c>
      <c r="G32" s="171">
        <f>IF(ROUND(VALUE(SUBSTITUTE(連結実質赤字比率に係る赤字・黒字の構成分析!H$38,"▲", "-")), 2) &gt;= 0, ABS(ROUND(VALUE(SUBSTITUTE(連結実質赤字比率に係る赤字・黒字の構成分析!H$38,"▲", "-")), 2)), NA())</f>
        <v>0.12</v>
      </c>
      <c r="H32" s="171" t="e">
        <f>IF(ROUND(VALUE(SUBSTITUTE(連結実質赤字比率に係る赤字・黒字の構成分析!I$38,"▲", "-")), 2) &lt; 0, ABS(ROUND(VALUE(SUBSTITUTE(連結実質赤字比率に係る赤字・黒字の構成分析!I$38,"▲", "-")), 2)), NA())</f>
        <v>#N/A</v>
      </c>
      <c r="I32" s="171">
        <f>IF(ROUND(VALUE(SUBSTITUTE(連結実質赤字比率に係る赤字・黒字の構成分析!I$38,"▲", "-")), 2) &gt;= 0, ABS(ROUND(VALUE(SUBSTITUTE(連結実質赤字比率に係る赤字・黒字の構成分析!I$38,"▲", "-")), 2)), NA())</f>
        <v>0.22</v>
      </c>
      <c r="J32" s="171" t="e">
        <f>IF(ROUND(VALUE(SUBSTITUTE(連結実質赤字比率に係る赤字・黒字の構成分析!J$38,"▲", "-")), 2) &lt; 0, ABS(ROUND(VALUE(SUBSTITUTE(連結実質赤字比率に係る赤字・黒字の構成分析!J$38,"▲", "-")), 2)), NA())</f>
        <v>#N/A</v>
      </c>
      <c r="K32" s="171">
        <f>IF(ROUND(VALUE(SUBSTITUTE(連結実質赤字比率に係る赤字・黒字の構成分析!J$38,"▲", "-")), 2) &gt;= 0, ABS(ROUND(VALUE(SUBSTITUTE(連結実質赤字比率に係る赤字・黒字の構成分析!J$38,"▲", "-")), 2)), NA())</f>
        <v>0.24</v>
      </c>
    </row>
    <row r="33" spans="1:16" x14ac:dyDescent="0.2">
      <c r="A33" s="171" t="str">
        <f>IF(連結実質赤字比率に係る赤字・黒字の構成分析!C$37="",NA(),連結実質赤字比率に係る赤字・黒字の構成分析!C$37)</f>
        <v>国民健康保険事業特別会計（事業勘定）</v>
      </c>
      <c r="B33" s="171" t="e">
        <f>IF(ROUND(VALUE(SUBSTITUTE(連結実質赤字比率に係る赤字・黒字の構成分析!F$37,"▲", "-")), 2) &lt; 0, ABS(ROUND(VALUE(SUBSTITUTE(連結実質赤字比率に係る赤字・黒字の構成分析!F$37,"▲", "-")), 2)), NA())</f>
        <v>#N/A</v>
      </c>
      <c r="C33" s="171">
        <f>IF(ROUND(VALUE(SUBSTITUTE(連結実質赤字比率に係る赤字・黒字の構成分析!F$37,"▲", "-")), 2) &gt;= 0, ABS(ROUND(VALUE(SUBSTITUTE(連結実質赤字比率に係る赤字・黒字の構成分析!F$37,"▲", "-")), 2)), NA())</f>
        <v>3.66</v>
      </c>
      <c r="D33" s="171" t="e">
        <f>IF(ROUND(VALUE(SUBSTITUTE(連結実質赤字比率に係る赤字・黒字の構成分析!G$37,"▲", "-")), 2) &lt; 0, ABS(ROUND(VALUE(SUBSTITUTE(連結実質赤字比率に係る赤字・黒字の構成分析!G$37,"▲", "-")), 2)), NA())</f>
        <v>#N/A</v>
      </c>
      <c r="E33" s="171">
        <f>IF(ROUND(VALUE(SUBSTITUTE(連結実質赤字比率に係る赤字・黒字の構成分析!G$37,"▲", "-")), 2) &gt;= 0, ABS(ROUND(VALUE(SUBSTITUTE(連結実質赤字比率に係る赤字・黒字の構成分析!G$37,"▲", "-")), 2)), NA())</f>
        <v>2.2000000000000002</v>
      </c>
      <c r="F33" s="171" t="e">
        <f>IF(ROUND(VALUE(SUBSTITUTE(連結実質赤字比率に係る赤字・黒字の構成分析!H$37,"▲", "-")), 2) &lt; 0, ABS(ROUND(VALUE(SUBSTITUTE(連結実質赤字比率に係る赤字・黒字の構成分析!H$37,"▲", "-")), 2)), NA())</f>
        <v>#N/A</v>
      </c>
      <c r="G33" s="171">
        <f>IF(ROUND(VALUE(SUBSTITUTE(連結実質赤字比率に係る赤字・黒字の構成分析!H$37,"▲", "-")), 2) &gt;= 0, ABS(ROUND(VALUE(SUBSTITUTE(連結実質赤字比率に係る赤字・黒字の構成分析!H$37,"▲", "-")), 2)), NA())</f>
        <v>2.96</v>
      </c>
      <c r="H33" s="171" t="e">
        <f>IF(ROUND(VALUE(SUBSTITUTE(連結実質赤字比率に係る赤字・黒字の構成分析!I$37,"▲", "-")), 2) &lt; 0, ABS(ROUND(VALUE(SUBSTITUTE(連結実質赤字比率に係る赤字・黒字の構成分析!I$37,"▲", "-")), 2)), NA())</f>
        <v>#N/A</v>
      </c>
      <c r="I33" s="171">
        <f>IF(ROUND(VALUE(SUBSTITUTE(連結実質赤字比率に係る赤字・黒字の構成分析!I$37,"▲", "-")), 2) &gt;= 0, ABS(ROUND(VALUE(SUBSTITUTE(連結実質赤字比率に係る赤字・黒字の構成分析!I$37,"▲", "-")), 2)), NA())</f>
        <v>2.38</v>
      </c>
      <c r="J33" s="171" t="e">
        <f>IF(ROUND(VALUE(SUBSTITUTE(連結実質赤字比率に係る赤字・黒字の構成分析!J$37,"▲", "-")), 2) &lt; 0, ABS(ROUND(VALUE(SUBSTITUTE(連結実質赤字比率に係る赤字・黒字の構成分析!J$37,"▲", "-")), 2)), NA())</f>
        <v>#N/A</v>
      </c>
      <c r="K33" s="171">
        <f>IF(ROUND(VALUE(SUBSTITUTE(連結実質赤字比率に係る赤字・黒字の構成分析!J$37,"▲", "-")), 2) &gt;= 0, ABS(ROUND(VALUE(SUBSTITUTE(連結実質赤字比率に係る赤字・黒字の構成分析!J$37,"▲", "-")), 2)), NA())</f>
        <v>0.82</v>
      </c>
    </row>
    <row r="34" spans="1:16" x14ac:dyDescent="0.2">
      <c r="A34" s="171" t="str">
        <f>IF(連結実質赤字比率に係る赤字・黒字の構成分析!C$36="",NA(),連結実質赤字比率に係る赤字・黒字の構成分析!C$36)</f>
        <v>介護保険事業特別会計（保険事業勘定）</v>
      </c>
      <c r="B34" s="171" t="e">
        <f>IF(ROUND(VALUE(SUBSTITUTE(連結実質赤字比率に係る赤字・黒字の構成分析!F$36,"▲", "-")), 2) &lt; 0, ABS(ROUND(VALUE(SUBSTITUTE(連結実質赤字比率に係る赤字・黒字の構成分析!F$36,"▲", "-")), 2)), NA())</f>
        <v>#N/A</v>
      </c>
      <c r="C34" s="171">
        <f>IF(ROUND(VALUE(SUBSTITUTE(連結実質赤字比率に係る赤字・黒字の構成分析!F$36,"▲", "-")), 2) &gt;= 0, ABS(ROUND(VALUE(SUBSTITUTE(連結実質赤字比率に係る赤字・黒字の構成分析!F$36,"▲", "-")), 2)), NA())</f>
        <v>3.08</v>
      </c>
      <c r="D34" s="171" t="e">
        <f>IF(ROUND(VALUE(SUBSTITUTE(連結実質赤字比率に係る赤字・黒字の構成分析!G$36,"▲", "-")), 2) &lt; 0, ABS(ROUND(VALUE(SUBSTITUTE(連結実質赤字比率に係る赤字・黒字の構成分析!G$36,"▲", "-")), 2)), NA())</f>
        <v>#N/A</v>
      </c>
      <c r="E34" s="171">
        <f>IF(ROUND(VALUE(SUBSTITUTE(連結実質赤字比率に係る赤字・黒字の構成分析!G$36,"▲", "-")), 2) &gt;= 0, ABS(ROUND(VALUE(SUBSTITUTE(連結実質赤字比率に係る赤字・黒字の構成分析!G$36,"▲", "-")), 2)), NA())</f>
        <v>1.94</v>
      </c>
      <c r="F34" s="171" t="e">
        <f>IF(ROUND(VALUE(SUBSTITUTE(連結実質赤字比率に係る赤字・黒字の構成分析!H$36,"▲", "-")), 2) &lt; 0, ABS(ROUND(VALUE(SUBSTITUTE(連結実質赤字比率に係る赤字・黒字の構成分析!H$36,"▲", "-")), 2)), NA())</f>
        <v>#N/A</v>
      </c>
      <c r="G34" s="171">
        <f>IF(ROUND(VALUE(SUBSTITUTE(連結実質赤字比率に係る赤字・黒字の構成分析!H$36,"▲", "-")), 2) &gt;= 0, ABS(ROUND(VALUE(SUBSTITUTE(連結実質赤字比率に係る赤字・黒字の構成分析!H$36,"▲", "-")), 2)), NA())</f>
        <v>2.56</v>
      </c>
      <c r="H34" s="171" t="e">
        <f>IF(ROUND(VALUE(SUBSTITUTE(連結実質赤字比率に係る赤字・黒字の構成分析!I$36,"▲", "-")), 2) &lt; 0, ABS(ROUND(VALUE(SUBSTITUTE(連結実質赤字比率に係る赤字・黒字の構成分析!I$36,"▲", "-")), 2)), NA())</f>
        <v>#N/A</v>
      </c>
      <c r="I34" s="171">
        <f>IF(ROUND(VALUE(SUBSTITUTE(連結実質赤字比率に係る赤字・黒字の構成分析!I$36,"▲", "-")), 2) &gt;= 0, ABS(ROUND(VALUE(SUBSTITUTE(連結実質赤字比率に係る赤字・黒字の構成分析!I$36,"▲", "-")), 2)), NA())</f>
        <v>1.96</v>
      </c>
      <c r="J34" s="171" t="e">
        <f>IF(ROUND(VALUE(SUBSTITUTE(連結実質赤字比率に係る赤字・黒字の構成分析!J$36,"▲", "-")), 2) &lt; 0, ABS(ROUND(VALUE(SUBSTITUTE(連結実質赤字比率に係る赤字・黒字の構成分析!J$36,"▲", "-")), 2)), NA())</f>
        <v>#N/A</v>
      </c>
      <c r="K34" s="171">
        <f>IF(ROUND(VALUE(SUBSTITUTE(連結実質赤字比率に係る赤字・黒字の構成分析!J$36,"▲", "-")), 2) &gt;= 0, ABS(ROUND(VALUE(SUBSTITUTE(連結実質赤字比率に係る赤字・黒字の構成分析!J$36,"▲", "-")), 2)), NA())</f>
        <v>1.28</v>
      </c>
    </row>
    <row r="35" spans="1:16" x14ac:dyDescent="0.2">
      <c r="A35" s="171" t="str">
        <f>IF(連結実質赤字比率に係る赤字・黒字の構成分析!C$35="",NA(),連結実質赤字比率に係る赤字・黒字の構成分析!C$35)</f>
        <v>水道事業会計</v>
      </c>
      <c r="B35" s="171" t="e">
        <f>IF(ROUND(VALUE(SUBSTITUTE(連結実質赤字比率に係る赤字・黒字の構成分析!F$35,"▲", "-")), 2) &lt; 0, ABS(ROUND(VALUE(SUBSTITUTE(連結実質赤字比率に係る赤字・黒字の構成分析!F$35,"▲", "-")), 2)), NA())</f>
        <v>#N/A</v>
      </c>
      <c r="C35" s="171">
        <f>IF(ROUND(VALUE(SUBSTITUTE(連結実質赤字比率に係る赤字・黒字の構成分析!F$35,"▲", "-")), 2) &gt;= 0, ABS(ROUND(VALUE(SUBSTITUTE(連結実質赤字比率に係る赤字・黒字の構成分析!F$35,"▲", "-")), 2)), NA())</f>
        <v>1.18</v>
      </c>
      <c r="D35" s="171" t="e">
        <f>IF(ROUND(VALUE(SUBSTITUTE(連結実質赤字比率に係る赤字・黒字の構成分析!G$35,"▲", "-")), 2) &lt; 0, ABS(ROUND(VALUE(SUBSTITUTE(連結実質赤字比率に係る赤字・黒字の構成分析!G$35,"▲", "-")), 2)), NA())</f>
        <v>#N/A</v>
      </c>
      <c r="E35" s="171">
        <f>IF(ROUND(VALUE(SUBSTITUTE(連結実質赤字比率に係る赤字・黒字の構成分析!G$35,"▲", "-")), 2) &gt;= 0, ABS(ROUND(VALUE(SUBSTITUTE(連結実質赤字比率に係る赤字・黒字の構成分析!G$35,"▲", "-")), 2)), NA())</f>
        <v>0.85</v>
      </c>
      <c r="F35" s="171" t="e">
        <f>IF(ROUND(VALUE(SUBSTITUTE(連結実質赤字比率に係る赤字・黒字の構成分析!H$35,"▲", "-")), 2) &lt; 0, ABS(ROUND(VALUE(SUBSTITUTE(連結実質赤字比率に係る赤字・黒字の構成分析!H$35,"▲", "-")), 2)), NA())</f>
        <v>#N/A</v>
      </c>
      <c r="G35" s="171">
        <f>IF(ROUND(VALUE(SUBSTITUTE(連結実質赤字比率に係る赤字・黒字の構成分析!H$35,"▲", "-")), 2) &gt;= 0, ABS(ROUND(VALUE(SUBSTITUTE(連結実質赤字比率に係る赤字・黒字の構成分析!H$35,"▲", "-")), 2)), NA())</f>
        <v>0.66</v>
      </c>
      <c r="H35" s="171" t="e">
        <f>IF(ROUND(VALUE(SUBSTITUTE(連結実質赤字比率に係る赤字・黒字の構成分析!I$35,"▲", "-")), 2) &lt; 0, ABS(ROUND(VALUE(SUBSTITUTE(連結実質赤字比率に係る赤字・黒字の構成分析!I$35,"▲", "-")), 2)), NA())</f>
        <v>#N/A</v>
      </c>
      <c r="I35" s="171">
        <f>IF(ROUND(VALUE(SUBSTITUTE(連結実質赤字比率に係る赤字・黒字の構成分析!I$35,"▲", "-")), 2) &gt;= 0, ABS(ROUND(VALUE(SUBSTITUTE(連結実質赤字比率に係る赤字・黒字の構成分析!I$35,"▲", "-")), 2)), NA())</f>
        <v>1.31</v>
      </c>
      <c r="J35" s="171" t="e">
        <f>IF(ROUND(VALUE(SUBSTITUTE(連結実質赤字比率に係る赤字・黒字の構成分析!J$35,"▲", "-")), 2) &lt; 0, ABS(ROUND(VALUE(SUBSTITUTE(連結実質赤字比率に係る赤字・黒字の構成分析!J$35,"▲", "-")), 2)), NA())</f>
        <v>#N/A</v>
      </c>
      <c r="K35" s="171">
        <f>IF(ROUND(VALUE(SUBSTITUTE(連結実質赤字比率に係る赤字・黒字の構成分析!J$35,"▲", "-")), 2) &gt;= 0, ABS(ROUND(VALUE(SUBSTITUTE(連結実質赤字比率に係る赤字・黒字の構成分析!J$35,"▲", "-")), 2)), NA())</f>
        <v>2.98</v>
      </c>
    </row>
    <row r="36" spans="1:16" x14ac:dyDescent="0.2">
      <c r="A36" s="171" t="str">
        <f>IF(連結実質赤字比率に係る赤字・黒字の構成分析!C$34="",NA(),連結実質赤字比率に係る赤字・黒字の構成分析!C$34)</f>
        <v>一般会計</v>
      </c>
      <c r="B36" s="171" t="e">
        <f>IF(ROUND(VALUE(SUBSTITUTE(連結実質赤字比率に係る赤字・黒字の構成分析!F$34,"▲", "-")), 2) &lt; 0, ABS(ROUND(VALUE(SUBSTITUTE(連結実質赤字比率に係る赤字・黒字の構成分析!F$34,"▲", "-")), 2)), NA())</f>
        <v>#N/A</v>
      </c>
      <c r="C36" s="171">
        <f>IF(ROUND(VALUE(SUBSTITUTE(連結実質赤字比率に係る赤字・黒字の構成分析!F$34,"▲", "-")), 2) &gt;= 0, ABS(ROUND(VALUE(SUBSTITUTE(連結実質赤字比率に係る赤字・黒字の構成分析!F$34,"▲", "-")), 2)), NA())</f>
        <v>9.9700000000000006</v>
      </c>
      <c r="D36" s="171" t="e">
        <f>IF(ROUND(VALUE(SUBSTITUTE(連結実質赤字比率に係る赤字・黒字の構成分析!G$34,"▲", "-")), 2) &lt; 0, ABS(ROUND(VALUE(SUBSTITUTE(連結実質赤字比率に係る赤字・黒字の構成分析!G$34,"▲", "-")), 2)), NA())</f>
        <v>#N/A</v>
      </c>
      <c r="E36" s="171">
        <f>IF(ROUND(VALUE(SUBSTITUTE(連結実質赤字比率に係る赤字・黒字の構成分析!G$34,"▲", "-")), 2) &gt;= 0, ABS(ROUND(VALUE(SUBSTITUTE(連結実質赤字比率に係る赤字・黒字の構成分析!G$34,"▲", "-")), 2)), NA())</f>
        <v>8.0399999999999991</v>
      </c>
      <c r="F36" s="171" t="e">
        <f>IF(ROUND(VALUE(SUBSTITUTE(連結実質赤字比率に係る赤字・黒字の構成分析!H$34,"▲", "-")), 2) &lt; 0, ABS(ROUND(VALUE(SUBSTITUTE(連結実質赤字比率に係る赤字・黒字の構成分析!H$34,"▲", "-")), 2)), NA())</f>
        <v>#N/A</v>
      </c>
      <c r="G36" s="171">
        <f>IF(ROUND(VALUE(SUBSTITUTE(連結実質赤字比率に係る赤字・黒字の構成分析!H$34,"▲", "-")), 2) &gt;= 0, ABS(ROUND(VALUE(SUBSTITUTE(連結実質赤字比率に係る赤字・黒字の構成分析!H$34,"▲", "-")), 2)), NA())</f>
        <v>6.61</v>
      </c>
      <c r="H36" s="171" t="e">
        <f>IF(ROUND(VALUE(SUBSTITUTE(連結実質赤字比率に係る赤字・黒字の構成分析!I$34,"▲", "-")), 2) &lt; 0, ABS(ROUND(VALUE(SUBSTITUTE(連結実質赤字比率に係る赤字・黒字の構成分析!I$34,"▲", "-")), 2)), NA())</f>
        <v>#N/A</v>
      </c>
      <c r="I36" s="171">
        <f>IF(ROUND(VALUE(SUBSTITUTE(連結実質赤字比率に係る赤字・黒字の構成分析!I$34,"▲", "-")), 2) &gt;= 0, ABS(ROUND(VALUE(SUBSTITUTE(連結実質赤字比率に係る赤字・黒字の構成分析!I$34,"▲", "-")), 2)), NA())</f>
        <v>13.36</v>
      </c>
      <c r="J36" s="171" t="e">
        <f>IF(ROUND(VALUE(SUBSTITUTE(連結実質赤字比率に係る赤字・黒字の構成分析!J$34,"▲", "-")), 2) &lt; 0, ABS(ROUND(VALUE(SUBSTITUTE(連結実質赤字比率に係る赤字・黒字の構成分析!J$34,"▲", "-")), 2)), NA())</f>
        <v>#N/A</v>
      </c>
      <c r="K36" s="171">
        <f>IF(ROUND(VALUE(SUBSTITUTE(連結実質赤字比率に係る赤字・黒字の構成分析!J$34,"▲", "-")), 2) &gt;= 0, ABS(ROUND(VALUE(SUBSTITUTE(連結実質赤字比率に係る赤字・黒字の構成分析!J$34,"▲", "-")), 2)), NA())</f>
        <v>7.13</v>
      </c>
    </row>
    <row r="39" spans="1:16" x14ac:dyDescent="0.2">
      <c r="A39" s="140" t="s">
        <v>62</v>
      </c>
    </row>
    <row r="40" spans="1:16" x14ac:dyDescent="0.2">
      <c r="A40" s="172"/>
      <c r="B40" s="172" t="str">
        <f>'実質公債費比率（分子）の構造'!K$44</f>
        <v>H30</v>
      </c>
      <c r="C40" s="172"/>
      <c r="D40" s="172"/>
      <c r="E40" s="172" t="str">
        <f>'実質公債費比率（分子）の構造'!L$44</f>
        <v>R01</v>
      </c>
      <c r="F40" s="172"/>
      <c r="G40" s="172"/>
      <c r="H40" s="172" t="str">
        <f>'実質公債費比率（分子）の構造'!M$44</f>
        <v>R02</v>
      </c>
      <c r="I40" s="172"/>
      <c r="J40" s="172"/>
      <c r="K40" s="172" t="str">
        <f>'実質公債費比率（分子）の構造'!N$44</f>
        <v>R03</v>
      </c>
      <c r="L40" s="172"/>
      <c r="M40" s="172"/>
      <c r="N40" s="172" t="str">
        <f>'実質公債費比率（分子）の構造'!O$44</f>
        <v>R04</v>
      </c>
      <c r="O40" s="172"/>
      <c r="P40" s="172"/>
    </row>
    <row r="41" spans="1:16" x14ac:dyDescent="0.2">
      <c r="A41" s="172"/>
      <c r="B41" s="172" t="s">
        <v>63</v>
      </c>
      <c r="C41" s="172"/>
      <c r="D41" s="172" t="s">
        <v>64</v>
      </c>
      <c r="E41" s="172" t="s">
        <v>63</v>
      </c>
      <c r="F41" s="172"/>
      <c r="G41" s="172" t="s">
        <v>64</v>
      </c>
      <c r="H41" s="172" t="s">
        <v>63</v>
      </c>
      <c r="I41" s="172"/>
      <c r="J41" s="172" t="s">
        <v>64</v>
      </c>
      <c r="K41" s="172" t="s">
        <v>63</v>
      </c>
      <c r="L41" s="172"/>
      <c r="M41" s="172" t="s">
        <v>64</v>
      </c>
      <c r="N41" s="172" t="s">
        <v>63</v>
      </c>
      <c r="O41" s="172"/>
      <c r="P41" s="172" t="s">
        <v>64</v>
      </c>
    </row>
    <row r="42" spans="1:16" x14ac:dyDescent="0.2">
      <c r="A42" s="172" t="s">
        <v>65</v>
      </c>
      <c r="B42" s="172"/>
      <c r="C42" s="172"/>
      <c r="D42" s="172">
        <f>'実質公債費比率（分子）の構造'!K$52</f>
        <v>253</v>
      </c>
      <c r="E42" s="172"/>
      <c r="F42" s="172"/>
      <c r="G42" s="172">
        <f>'実質公債費比率（分子）の構造'!L$52</f>
        <v>284</v>
      </c>
      <c r="H42" s="172"/>
      <c r="I42" s="172"/>
      <c r="J42" s="172">
        <f>'実質公債費比率（分子）の構造'!M$52</f>
        <v>311</v>
      </c>
      <c r="K42" s="172"/>
      <c r="L42" s="172"/>
      <c r="M42" s="172">
        <f>'実質公債費比率（分子）の構造'!N$52</f>
        <v>324</v>
      </c>
      <c r="N42" s="172"/>
      <c r="O42" s="172"/>
      <c r="P42" s="172">
        <f>'実質公債費比率（分子）の構造'!O$52</f>
        <v>327</v>
      </c>
    </row>
    <row r="43" spans="1:16" x14ac:dyDescent="0.2">
      <c r="A43" s="172" t="s">
        <v>66</v>
      </c>
      <c r="B43" s="172" t="str">
        <f>'実質公債費比率（分子）の構造'!K$51</f>
        <v>-</v>
      </c>
      <c r="C43" s="172"/>
      <c r="D43" s="172"/>
      <c r="E43" s="172">
        <f>'実質公債費比率（分子）の構造'!L$51</f>
        <v>0</v>
      </c>
      <c r="F43" s="172"/>
      <c r="G43" s="172"/>
      <c r="H43" s="172">
        <f>'実質公債費比率（分子）の構造'!M$51</f>
        <v>0</v>
      </c>
      <c r="I43" s="172"/>
      <c r="J43" s="172"/>
      <c r="K43" s="172" t="str">
        <f>'実質公債費比率（分子）の構造'!N$51</f>
        <v>-</v>
      </c>
      <c r="L43" s="172"/>
      <c r="M43" s="172"/>
      <c r="N43" s="172" t="str">
        <f>'実質公債費比率（分子）の構造'!O$51</f>
        <v>-</v>
      </c>
      <c r="O43" s="172"/>
      <c r="P43" s="172"/>
    </row>
    <row r="44" spans="1:16" x14ac:dyDescent="0.2">
      <c r="A44" s="172" t="s">
        <v>67</v>
      </c>
      <c r="B44" s="172" t="str">
        <f>'実質公債費比率（分子）の構造'!K$50</f>
        <v>-</v>
      </c>
      <c r="C44" s="172"/>
      <c r="D44" s="172"/>
      <c r="E44" s="172" t="str">
        <f>'実質公債費比率（分子）の構造'!L$50</f>
        <v>-</v>
      </c>
      <c r="F44" s="172"/>
      <c r="G44" s="172"/>
      <c r="H44" s="172" t="str">
        <f>'実質公債費比率（分子）の構造'!M$50</f>
        <v>-</v>
      </c>
      <c r="I44" s="172"/>
      <c r="J44" s="172"/>
      <c r="K44" s="172" t="str">
        <f>'実質公債費比率（分子）の構造'!N$50</f>
        <v>-</v>
      </c>
      <c r="L44" s="172"/>
      <c r="M44" s="172"/>
      <c r="N44" s="172" t="str">
        <f>'実質公債費比率（分子）の構造'!O$50</f>
        <v>-</v>
      </c>
      <c r="O44" s="172"/>
      <c r="P44" s="172"/>
    </row>
    <row r="45" spans="1:16" x14ac:dyDescent="0.2">
      <c r="A45" s="172" t="s">
        <v>68</v>
      </c>
      <c r="B45" s="172">
        <f>'実質公債費比率（分子）の構造'!K$49</f>
        <v>77</v>
      </c>
      <c r="C45" s="172"/>
      <c r="D45" s="172"/>
      <c r="E45" s="172">
        <f>'実質公債費比率（分子）の構造'!L$49</f>
        <v>83</v>
      </c>
      <c r="F45" s="172"/>
      <c r="G45" s="172"/>
      <c r="H45" s="172">
        <f>'実質公債費比率（分子）の構造'!M$49</f>
        <v>105</v>
      </c>
      <c r="I45" s="172"/>
      <c r="J45" s="172"/>
      <c r="K45" s="172">
        <f>'実質公債費比率（分子）の構造'!N$49</f>
        <v>105</v>
      </c>
      <c r="L45" s="172"/>
      <c r="M45" s="172"/>
      <c r="N45" s="172">
        <f>'実質公債費比率（分子）の構造'!O$49</f>
        <v>95</v>
      </c>
      <c r="O45" s="172"/>
      <c r="P45" s="172"/>
    </row>
    <row r="46" spans="1:16" x14ac:dyDescent="0.2">
      <c r="A46" s="172" t="s">
        <v>69</v>
      </c>
      <c r="B46" s="172">
        <f>'実質公債費比率（分子）の構造'!K$48</f>
        <v>90</v>
      </c>
      <c r="C46" s="172"/>
      <c r="D46" s="172"/>
      <c r="E46" s="172">
        <f>'実質公債費比率（分子）の構造'!L$48</f>
        <v>91</v>
      </c>
      <c r="F46" s="172"/>
      <c r="G46" s="172"/>
      <c r="H46" s="172">
        <f>'実質公債費比率（分子）の構造'!M$48</f>
        <v>95</v>
      </c>
      <c r="I46" s="172"/>
      <c r="J46" s="172"/>
      <c r="K46" s="172">
        <f>'実質公債費比率（分子）の構造'!N$48</f>
        <v>98</v>
      </c>
      <c r="L46" s="172"/>
      <c r="M46" s="172"/>
      <c r="N46" s="172">
        <f>'実質公債費比率（分子）の構造'!O$48</f>
        <v>98</v>
      </c>
      <c r="O46" s="172"/>
      <c r="P46" s="172"/>
    </row>
    <row r="47" spans="1:16" x14ac:dyDescent="0.2">
      <c r="A47" s="172" t="s">
        <v>70</v>
      </c>
      <c r="B47" s="172" t="str">
        <f>'実質公債費比率（分子）の構造'!K$47</f>
        <v>-</v>
      </c>
      <c r="C47" s="172"/>
      <c r="D47" s="172"/>
      <c r="E47" s="172" t="str">
        <f>'実質公債費比率（分子）の構造'!L$47</f>
        <v>-</v>
      </c>
      <c r="F47" s="172"/>
      <c r="G47" s="172"/>
      <c r="H47" s="172" t="str">
        <f>'実質公債費比率（分子）の構造'!M$47</f>
        <v>-</v>
      </c>
      <c r="I47" s="172"/>
      <c r="J47" s="172"/>
      <c r="K47" s="172" t="str">
        <f>'実質公債費比率（分子）の構造'!N$47</f>
        <v>-</v>
      </c>
      <c r="L47" s="172"/>
      <c r="M47" s="172"/>
      <c r="N47" s="172" t="str">
        <f>'実質公債費比率（分子）の構造'!O$47</f>
        <v>-</v>
      </c>
      <c r="O47" s="172"/>
      <c r="P47" s="172"/>
    </row>
    <row r="48" spans="1:16" x14ac:dyDescent="0.2">
      <c r="A48" s="172" t="s">
        <v>71</v>
      </c>
      <c r="B48" s="172" t="str">
        <f>'実質公債費比率（分子）の構造'!K$46</f>
        <v>-</v>
      </c>
      <c r="C48" s="172"/>
      <c r="D48" s="172"/>
      <c r="E48" s="172" t="str">
        <f>'実質公債費比率（分子）の構造'!L$46</f>
        <v>-</v>
      </c>
      <c r="F48" s="172"/>
      <c r="G48" s="172"/>
      <c r="H48" s="172" t="str">
        <f>'実質公債費比率（分子）の構造'!M$46</f>
        <v>-</v>
      </c>
      <c r="I48" s="172"/>
      <c r="J48" s="172"/>
      <c r="K48" s="172" t="str">
        <f>'実質公債費比率（分子）の構造'!N$46</f>
        <v>-</v>
      </c>
      <c r="L48" s="172"/>
      <c r="M48" s="172"/>
      <c r="N48" s="172" t="str">
        <f>'実質公債費比率（分子）の構造'!O$46</f>
        <v>-</v>
      </c>
      <c r="O48" s="172"/>
      <c r="P48" s="172"/>
    </row>
    <row r="49" spans="1:16" x14ac:dyDescent="0.2">
      <c r="A49" s="172" t="s">
        <v>72</v>
      </c>
      <c r="B49" s="172">
        <f>'実質公債費比率（分子）の構造'!K$45</f>
        <v>303</v>
      </c>
      <c r="C49" s="172"/>
      <c r="D49" s="172"/>
      <c r="E49" s="172">
        <f>'実質公債費比率（分子）の構造'!L$45</f>
        <v>326</v>
      </c>
      <c r="F49" s="172"/>
      <c r="G49" s="172"/>
      <c r="H49" s="172">
        <f>'実質公債費比率（分子）の構造'!M$45</f>
        <v>361</v>
      </c>
      <c r="I49" s="172"/>
      <c r="J49" s="172"/>
      <c r="K49" s="172">
        <f>'実質公債費比率（分子）の構造'!N$45</f>
        <v>385</v>
      </c>
      <c r="L49" s="172"/>
      <c r="M49" s="172"/>
      <c r="N49" s="172">
        <f>'実質公債費比率（分子）の構造'!O$45</f>
        <v>406</v>
      </c>
      <c r="O49" s="172"/>
      <c r="P49" s="172"/>
    </row>
    <row r="50" spans="1:16" x14ac:dyDescent="0.2">
      <c r="A50" s="172" t="s">
        <v>73</v>
      </c>
      <c r="B50" s="172" t="e">
        <f>NA()</f>
        <v>#N/A</v>
      </c>
      <c r="C50" s="172">
        <f>IF(ISNUMBER('実質公債費比率（分子）の構造'!K$53),'実質公債費比率（分子）の構造'!K$53,NA())</f>
        <v>217</v>
      </c>
      <c r="D50" s="172" t="e">
        <f>NA()</f>
        <v>#N/A</v>
      </c>
      <c r="E50" s="172" t="e">
        <f>NA()</f>
        <v>#N/A</v>
      </c>
      <c r="F50" s="172">
        <f>IF(ISNUMBER('実質公債費比率（分子）の構造'!L$53),'実質公債費比率（分子）の構造'!L$53,NA())</f>
        <v>216</v>
      </c>
      <c r="G50" s="172" t="e">
        <f>NA()</f>
        <v>#N/A</v>
      </c>
      <c r="H50" s="172" t="e">
        <f>NA()</f>
        <v>#N/A</v>
      </c>
      <c r="I50" s="172">
        <f>IF(ISNUMBER('実質公債費比率（分子）の構造'!M$53),'実質公債費比率（分子）の構造'!M$53,NA())</f>
        <v>250</v>
      </c>
      <c r="J50" s="172" t="e">
        <f>NA()</f>
        <v>#N/A</v>
      </c>
      <c r="K50" s="172" t="e">
        <f>NA()</f>
        <v>#N/A</v>
      </c>
      <c r="L50" s="172">
        <f>IF(ISNUMBER('実質公債費比率（分子）の構造'!N$53),'実質公債費比率（分子）の構造'!N$53,NA())</f>
        <v>264</v>
      </c>
      <c r="M50" s="172" t="e">
        <f>NA()</f>
        <v>#N/A</v>
      </c>
      <c r="N50" s="172" t="e">
        <f>NA()</f>
        <v>#N/A</v>
      </c>
      <c r="O50" s="172">
        <f>IF(ISNUMBER('実質公債費比率（分子）の構造'!O$53),'実質公債費比率（分子）の構造'!O$53,NA())</f>
        <v>272</v>
      </c>
      <c r="P50" s="172" t="e">
        <f>NA()</f>
        <v>#N/A</v>
      </c>
    </row>
    <row r="53" spans="1:16" x14ac:dyDescent="0.2">
      <c r="A53" s="140" t="s">
        <v>74</v>
      </c>
    </row>
    <row r="54" spans="1:16" x14ac:dyDescent="0.2">
      <c r="A54" s="171"/>
      <c r="B54" s="171" t="str">
        <f>'将来負担比率（分子）の構造'!I$40</f>
        <v>H30</v>
      </c>
      <c r="C54" s="171"/>
      <c r="D54" s="171"/>
      <c r="E54" s="171" t="str">
        <f>'将来負担比率（分子）の構造'!J$40</f>
        <v>R01</v>
      </c>
      <c r="F54" s="171"/>
      <c r="G54" s="171"/>
      <c r="H54" s="171" t="str">
        <f>'将来負担比率（分子）の構造'!K$40</f>
        <v>R02</v>
      </c>
      <c r="I54" s="171"/>
      <c r="J54" s="171"/>
      <c r="K54" s="171" t="str">
        <f>'将来負担比率（分子）の構造'!L$40</f>
        <v>R03</v>
      </c>
      <c r="L54" s="171"/>
      <c r="M54" s="171"/>
      <c r="N54" s="171" t="str">
        <f>'将来負担比率（分子）の構造'!M$40</f>
        <v>R04</v>
      </c>
      <c r="O54" s="171"/>
      <c r="P54" s="171"/>
    </row>
    <row r="55" spans="1:16" x14ac:dyDescent="0.2">
      <c r="A55" s="171"/>
      <c r="B55" s="171" t="s">
        <v>75</v>
      </c>
      <c r="C55" s="171"/>
      <c r="D55" s="171" t="s">
        <v>76</v>
      </c>
      <c r="E55" s="171" t="s">
        <v>75</v>
      </c>
      <c r="F55" s="171"/>
      <c r="G55" s="171" t="s">
        <v>76</v>
      </c>
      <c r="H55" s="171" t="s">
        <v>75</v>
      </c>
      <c r="I55" s="171"/>
      <c r="J55" s="171" t="s">
        <v>76</v>
      </c>
      <c r="K55" s="171" t="s">
        <v>75</v>
      </c>
      <c r="L55" s="171"/>
      <c r="M55" s="171" t="s">
        <v>76</v>
      </c>
      <c r="N55" s="171" t="s">
        <v>75</v>
      </c>
      <c r="O55" s="171"/>
      <c r="P55" s="171" t="s">
        <v>76</v>
      </c>
    </row>
    <row r="56" spans="1:16" x14ac:dyDescent="0.2">
      <c r="A56" s="171" t="s">
        <v>45</v>
      </c>
      <c r="B56" s="171"/>
      <c r="C56" s="171"/>
      <c r="D56" s="171">
        <f>'将来負担比率（分子）の構造'!I$52</f>
        <v>3344</v>
      </c>
      <c r="E56" s="171"/>
      <c r="F56" s="171"/>
      <c r="G56" s="171">
        <f>'将来負担比率（分子）の構造'!J$52</f>
        <v>3592</v>
      </c>
      <c r="H56" s="171"/>
      <c r="I56" s="171"/>
      <c r="J56" s="171">
        <f>'将来負担比率（分子）の構造'!K$52</f>
        <v>3574</v>
      </c>
      <c r="K56" s="171"/>
      <c r="L56" s="171"/>
      <c r="M56" s="171">
        <f>'将来負担比率（分子）の構造'!L$52</f>
        <v>3533</v>
      </c>
      <c r="N56" s="171"/>
      <c r="O56" s="171"/>
      <c r="P56" s="171">
        <f>'将来負担比率（分子）の構造'!M$52</f>
        <v>3343</v>
      </c>
    </row>
    <row r="57" spans="1:16" x14ac:dyDescent="0.2">
      <c r="A57" s="171" t="s">
        <v>44</v>
      </c>
      <c r="B57" s="171"/>
      <c r="C57" s="171"/>
      <c r="D57" s="171">
        <f>'将来負担比率（分子）の構造'!I$51</f>
        <v>55</v>
      </c>
      <c r="E57" s="171"/>
      <c r="F57" s="171"/>
      <c r="G57" s="171">
        <f>'将来負担比率（分子）の構造'!J$51</f>
        <v>47</v>
      </c>
      <c r="H57" s="171"/>
      <c r="I57" s="171"/>
      <c r="J57" s="171">
        <f>'将来負担比率（分子）の構造'!K$51</f>
        <v>40</v>
      </c>
      <c r="K57" s="171"/>
      <c r="L57" s="171"/>
      <c r="M57" s="171">
        <f>'将来負担比率（分子）の構造'!L$51</f>
        <v>35</v>
      </c>
      <c r="N57" s="171"/>
      <c r="O57" s="171"/>
      <c r="P57" s="171">
        <f>'将来負担比率（分子）の構造'!M$51</f>
        <v>31</v>
      </c>
    </row>
    <row r="58" spans="1:16" x14ac:dyDescent="0.2">
      <c r="A58" s="171" t="s">
        <v>43</v>
      </c>
      <c r="B58" s="171"/>
      <c r="C58" s="171"/>
      <c r="D58" s="171">
        <f>'将来負担比率（分子）の構造'!I$50</f>
        <v>595</v>
      </c>
      <c r="E58" s="171"/>
      <c r="F58" s="171"/>
      <c r="G58" s="171">
        <f>'将来負担比率（分子）の構造'!J$50</f>
        <v>556</v>
      </c>
      <c r="H58" s="171"/>
      <c r="I58" s="171"/>
      <c r="J58" s="171">
        <f>'将来負担比率（分子）の構造'!K$50</f>
        <v>512</v>
      </c>
      <c r="K58" s="171"/>
      <c r="L58" s="171"/>
      <c r="M58" s="171">
        <f>'将来負担比率（分子）の構造'!L$50</f>
        <v>751</v>
      </c>
      <c r="N58" s="171"/>
      <c r="O58" s="171"/>
      <c r="P58" s="171">
        <f>'将来負担比率（分子）の構造'!M$50</f>
        <v>1006</v>
      </c>
    </row>
    <row r="59" spans="1:16" x14ac:dyDescent="0.2">
      <c r="A59" s="171" t="s">
        <v>41</v>
      </c>
      <c r="B59" s="171" t="str">
        <f>'将来負担比率（分子）の構造'!I$49</f>
        <v>-</v>
      </c>
      <c r="C59" s="171"/>
      <c r="D59" s="171"/>
      <c r="E59" s="171" t="str">
        <f>'将来負担比率（分子）の構造'!J$49</f>
        <v>-</v>
      </c>
      <c r="F59" s="171"/>
      <c r="G59" s="171"/>
      <c r="H59" s="171" t="str">
        <f>'将来負担比率（分子）の構造'!K$49</f>
        <v>-</v>
      </c>
      <c r="I59" s="171"/>
      <c r="J59" s="171"/>
      <c r="K59" s="171" t="str">
        <f>'将来負担比率（分子）の構造'!L$49</f>
        <v>-</v>
      </c>
      <c r="L59" s="171"/>
      <c r="M59" s="171"/>
      <c r="N59" s="171" t="str">
        <f>'将来負担比率（分子）の構造'!M$49</f>
        <v>-</v>
      </c>
      <c r="O59" s="171"/>
      <c r="P59" s="171"/>
    </row>
    <row r="60" spans="1:16" x14ac:dyDescent="0.2">
      <c r="A60" s="171" t="s">
        <v>40</v>
      </c>
      <c r="B60" s="171" t="str">
        <f>'将来負担比率（分子）の構造'!I$48</f>
        <v>-</v>
      </c>
      <c r="C60" s="171"/>
      <c r="D60" s="171"/>
      <c r="E60" s="171" t="str">
        <f>'将来負担比率（分子）の構造'!J$48</f>
        <v>-</v>
      </c>
      <c r="F60" s="171"/>
      <c r="G60" s="171"/>
      <c r="H60" s="171" t="str">
        <f>'将来負担比率（分子）の構造'!K$48</f>
        <v>-</v>
      </c>
      <c r="I60" s="171"/>
      <c r="J60" s="171"/>
      <c r="K60" s="171" t="str">
        <f>'将来負担比率（分子）の構造'!L$48</f>
        <v>-</v>
      </c>
      <c r="L60" s="171"/>
      <c r="M60" s="171"/>
      <c r="N60" s="171" t="str">
        <f>'将来負担比率（分子）の構造'!M$48</f>
        <v>-</v>
      </c>
      <c r="O60" s="171"/>
      <c r="P60" s="171"/>
    </row>
    <row r="61" spans="1:16" x14ac:dyDescent="0.2">
      <c r="A61" s="171" t="s">
        <v>38</v>
      </c>
      <c r="B61" s="171" t="str">
        <f>'将来負担比率（分子）の構造'!I$46</f>
        <v>-</v>
      </c>
      <c r="C61" s="171"/>
      <c r="D61" s="171"/>
      <c r="E61" s="171" t="str">
        <f>'将来負担比率（分子）の構造'!J$46</f>
        <v>-</v>
      </c>
      <c r="F61" s="171"/>
      <c r="G61" s="171"/>
      <c r="H61" s="171" t="str">
        <f>'将来負担比率（分子）の構造'!K$46</f>
        <v>-</v>
      </c>
      <c r="I61" s="171"/>
      <c r="J61" s="171"/>
      <c r="K61" s="171" t="str">
        <f>'将来負担比率（分子）の構造'!L$46</f>
        <v>-</v>
      </c>
      <c r="L61" s="171"/>
      <c r="M61" s="171"/>
      <c r="N61" s="171" t="str">
        <f>'将来負担比率（分子）の構造'!M$46</f>
        <v>-</v>
      </c>
      <c r="O61" s="171"/>
      <c r="P61" s="171"/>
    </row>
    <row r="62" spans="1:16" x14ac:dyDescent="0.2">
      <c r="A62" s="171" t="s">
        <v>37</v>
      </c>
      <c r="B62" s="171">
        <f>'将来負担比率（分子）の構造'!I$45</f>
        <v>816</v>
      </c>
      <c r="C62" s="171"/>
      <c r="D62" s="171"/>
      <c r="E62" s="171">
        <f>'将来負担比率（分子）の構造'!J$45</f>
        <v>827</v>
      </c>
      <c r="F62" s="171"/>
      <c r="G62" s="171"/>
      <c r="H62" s="171">
        <f>'将来負担比率（分子）の構造'!K$45</f>
        <v>861</v>
      </c>
      <c r="I62" s="171"/>
      <c r="J62" s="171"/>
      <c r="K62" s="171">
        <f>'将来負担比率（分子）の構造'!L$45</f>
        <v>731</v>
      </c>
      <c r="L62" s="171"/>
      <c r="M62" s="171"/>
      <c r="N62" s="171">
        <f>'将来負担比率（分子）の構造'!M$45</f>
        <v>720</v>
      </c>
      <c r="O62" s="171"/>
      <c r="P62" s="171"/>
    </row>
    <row r="63" spans="1:16" x14ac:dyDescent="0.2">
      <c r="A63" s="171" t="s">
        <v>36</v>
      </c>
      <c r="B63" s="171">
        <f>'将来負担比率（分子）の構造'!I$44</f>
        <v>1067</v>
      </c>
      <c r="C63" s="171"/>
      <c r="D63" s="171"/>
      <c r="E63" s="171">
        <f>'将来負担比率（分子）の構造'!J$44</f>
        <v>990</v>
      </c>
      <c r="F63" s="171"/>
      <c r="G63" s="171"/>
      <c r="H63" s="171">
        <f>'将来負担比率（分子）の構造'!K$44</f>
        <v>890</v>
      </c>
      <c r="I63" s="171"/>
      <c r="J63" s="171"/>
      <c r="K63" s="171">
        <f>'将来負担比率（分子）の構造'!L$44</f>
        <v>790</v>
      </c>
      <c r="L63" s="171"/>
      <c r="M63" s="171"/>
      <c r="N63" s="171">
        <f>'将来負担比率（分子）の構造'!M$44</f>
        <v>690</v>
      </c>
      <c r="O63" s="171"/>
      <c r="P63" s="171"/>
    </row>
    <row r="64" spans="1:16" x14ac:dyDescent="0.2">
      <c r="A64" s="171" t="s">
        <v>35</v>
      </c>
      <c r="B64" s="171">
        <f>'将来負担比率（分子）の構造'!I$43</f>
        <v>1730</v>
      </c>
      <c r="C64" s="171"/>
      <c r="D64" s="171"/>
      <c r="E64" s="171">
        <f>'将来負担比率（分子）の構造'!J$43</f>
        <v>1743</v>
      </c>
      <c r="F64" s="171"/>
      <c r="G64" s="171"/>
      <c r="H64" s="171">
        <f>'将来負担比率（分子）の構造'!K$43</f>
        <v>1654</v>
      </c>
      <c r="I64" s="171"/>
      <c r="J64" s="171"/>
      <c r="K64" s="171">
        <f>'将来負担比率（分子）の構造'!L$43</f>
        <v>1648</v>
      </c>
      <c r="L64" s="171"/>
      <c r="M64" s="171"/>
      <c r="N64" s="171">
        <f>'将来負担比率（分子）の構造'!M$43</f>
        <v>1498</v>
      </c>
      <c r="O64" s="171"/>
      <c r="P64" s="171"/>
    </row>
    <row r="65" spans="1:16" x14ac:dyDescent="0.2">
      <c r="A65" s="171" t="s">
        <v>34</v>
      </c>
      <c r="B65" s="171" t="str">
        <f>'将来負担比率（分子）の構造'!I$42</f>
        <v>-</v>
      </c>
      <c r="C65" s="171"/>
      <c r="D65" s="171"/>
      <c r="E65" s="171" t="str">
        <f>'将来負担比率（分子）の構造'!J$42</f>
        <v>-</v>
      </c>
      <c r="F65" s="171"/>
      <c r="G65" s="171"/>
      <c r="H65" s="171" t="str">
        <f>'将来負担比率（分子）の構造'!K$42</f>
        <v>-</v>
      </c>
      <c r="I65" s="171"/>
      <c r="J65" s="171"/>
      <c r="K65" s="171" t="str">
        <f>'将来負担比率（分子）の構造'!L$42</f>
        <v>-</v>
      </c>
      <c r="L65" s="171"/>
      <c r="M65" s="171"/>
      <c r="N65" s="171" t="str">
        <f>'将来負担比率（分子）の構造'!M$42</f>
        <v>-</v>
      </c>
      <c r="O65" s="171"/>
      <c r="P65" s="171"/>
    </row>
    <row r="66" spans="1:16" x14ac:dyDescent="0.2">
      <c r="A66" s="171" t="s">
        <v>33</v>
      </c>
      <c r="B66" s="171">
        <f>'将来負担比率（分子）の構造'!I$41</f>
        <v>3235</v>
      </c>
      <c r="C66" s="171"/>
      <c r="D66" s="171"/>
      <c r="E66" s="171">
        <f>'将来負担比率（分子）の構造'!J$41</f>
        <v>3481</v>
      </c>
      <c r="F66" s="171"/>
      <c r="G66" s="171"/>
      <c r="H66" s="171">
        <f>'将来負担比率（分子）の構造'!K$41</f>
        <v>3500</v>
      </c>
      <c r="I66" s="171"/>
      <c r="J66" s="171"/>
      <c r="K66" s="171">
        <f>'将来負担比率（分子）の構造'!L$41</f>
        <v>3464</v>
      </c>
      <c r="L66" s="171"/>
      <c r="M66" s="171"/>
      <c r="N66" s="171">
        <f>'将来負担比率（分子）の構造'!M$41</f>
        <v>3263</v>
      </c>
      <c r="O66" s="171"/>
      <c r="P66" s="171"/>
    </row>
    <row r="67" spans="1:16" x14ac:dyDescent="0.2">
      <c r="A67" s="171" t="s">
        <v>77</v>
      </c>
      <c r="B67" s="171" t="e">
        <f>NA()</f>
        <v>#N/A</v>
      </c>
      <c r="C67" s="171">
        <f>IF(ISNUMBER('将来負担比率（分子）の構造'!I$53), IF('将来負担比率（分子）の構造'!I$53 &lt; 0, 0, '将来負担比率（分子）の構造'!I$53), NA())</f>
        <v>2854</v>
      </c>
      <c r="D67" s="171" t="e">
        <f>NA()</f>
        <v>#N/A</v>
      </c>
      <c r="E67" s="171" t="e">
        <f>NA()</f>
        <v>#N/A</v>
      </c>
      <c r="F67" s="171">
        <f>IF(ISNUMBER('将来負担比率（分子）の構造'!J$53), IF('将来負担比率（分子）の構造'!J$53 &lt; 0, 0, '将来負担比率（分子）の構造'!J$53), NA())</f>
        <v>2846</v>
      </c>
      <c r="G67" s="171" t="e">
        <f>NA()</f>
        <v>#N/A</v>
      </c>
      <c r="H67" s="171" t="e">
        <f>NA()</f>
        <v>#N/A</v>
      </c>
      <c r="I67" s="171">
        <f>IF(ISNUMBER('将来負担比率（分子）の構造'!K$53), IF('将来負担比率（分子）の構造'!K$53 &lt; 0, 0, '将来負担比率（分子）の構造'!K$53), NA())</f>
        <v>2779</v>
      </c>
      <c r="J67" s="171" t="e">
        <f>NA()</f>
        <v>#N/A</v>
      </c>
      <c r="K67" s="171" t="e">
        <f>NA()</f>
        <v>#N/A</v>
      </c>
      <c r="L67" s="171">
        <f>IF(ISNUMBER('将来負担比率（分子）の構造'!L$53), IF('将来負担比率（分子）の構造'!L$53 &lt; 0, 0, '将来負担比率（分子）の構造'!L$53), NA())</f>
        <v>2314</v>
      </c>
      <c r="M67" s="171" t="e">
        <f>NA()</f>
        <v>#N/A</v>
      </c>
      <c r="N67" s="171" t="e">
        <f>NA()</f>
        <v>#N/A</v>
      </c>
      <c r="O67" s="171">
        <f>IF(ISNUMBER('将来負担比率（分子）の構造'!M$53), IF('将来負担比率（分子）の構造'!M$53 &lt; 0, 0, '将来負担比率（分子）の構造'!M$53), NA())</f>
        <v>1791</v>
      </c>
      <c r="P67" s="171" t="e">
        <f>NA()</f>
        <v>#N/A</v>
      </c>
    </row>
    <row r="70" spans="1:16" x14ac:dyDescent="0.2">
      <c r="A70" s="173" t="s">
        <v>78</v>
      </c>
      <c r="B70" s="173"/>
      <c r="C70" s="173"/>
      <c r="D70" s="173"/>
      <c r="E70" s="173"/>
      <c r="F70" s="173"/>
    </row>
    <row r="71" spans="1:16" x14ac:dyDescent="0.2">
      <c r="A71" s="174"/>
      <c r="B71" s="174" t="str">
        <f>基金残高に係る経年分析!F54</f>
        <v>R02</v>
      </c>
      <c r="C71" s="174" t="str">
        <f>基金残高に係る経年分析!G54</f>
        <v>R03</v>
      </c>
      <c r="D71" s="174" t="str">
        <f>基金残高に係る経年分析!H54</f>
        <v>R04</v>
      </c>
    </row>
    <row r="72" spans="1:16" x14ac:dyDescent="0.2">
      <c r="A72" s="174" t="s">
        <v>79</v>
      </c>
      <c r="B72" s="175">
        <f>基金残高に係る経年分析!F55</f>
        <v>260</v>
      </c>
      <c r="C72" s="175">
        <f>基金残高に係る経年分析!G55</f>
        <v>335</v>
      </c>
      <c r="D72" s="175">
        <f>基金残高に係る経年分析!H55</f>
        <v>445</v>
      </c>
    </row>
    <row r="73" spans="1:16" x14ac:dyDescent="0.2">
      <c r="A73" s="174" t="s">
        <v>80</v>
      </c>
      <c r="B73" s="175">
        <f>基金残高に係る経年分析!F56</f>
        <v>0</v>
      </c>
      <c r="C73" s="175">
        <f>基金残高に係る経年分析!G56</f>
        <v>0</v>
      </c>
      <c r="D73" s="175">
        <f>基金残高に係る経年分析!H56</f>
        <v>0</v>
      </c>
    </row>
    <row r="74" spans="1:16" x14ac:dyDescent="0.2">
      <c r="A74" s="174" t="s">
        <v>81</v>
      </c>
      <c r="B74" s="175">
        <f>基金残高に係る経年分析!F57</f>
        <v>78</v>
      </c>
      <c r="C74" s="175">
        <f>基金残高に係る経年分析!G57</f>
        <v>215</v>
      </c>
      <c r="D74" s="175">
        <f>基金残高に係る経年分析!H57</f>
        <v>315</v>
      </c>
    </row>
  </sheetData>
  <sheetProtection algorithmName="SHA-512" hashValue="dkIbXf0BGq3865ehbeGsV7eMY4NiSQd/hGlv24HE9a68lPTPUqd6JzIUxl9Wpb4DGHJDvabkGQxZyjTdisdIPA==" saltValue="daqOIs8sgtp6CmKGok2Cv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0" customWidth="1"/>
    <col min="2" max="2" width="2.36328125" style="210" customWidth="1"/>
    <col min="3" max="16" width="2.6328125" style="210" customWidth="1"/>
    <col min="17" max="17" width="2.36328125" style="210" customWidth="1"/>
    <col min="18" max="95" width="1.6328125" style="210" customWidth="1"/>
    <col min="96" max="133" width="1.6328125" style="222" customWidth="1"/>
    <col min="134" max="143" width="1.6328125" style="210" customWidth="1"/>
    <col min="144" max="16384" width="0" style="210" hidden="1"/>
  </cols>
  <sheetData>
    <row r="1" spans="2:143" ht="22.5" customHeight="1" thickBot="1" x14ac:dyDescent="0.25">
      <c r="B1" s="208"/>
      <c r="C1" s="209"/>
      <c r="D1" s="209"/>
      <c r="E1" s="209"/>
      <c r="F1" s="209"/>
      <c r="G1" s="209"/>
      <c r="H1" s="209"/>
      <c r="I1" s="209"/>
      <c r="J1" s="209"/>
      <c r="K1" s="209"/>
      <c r="L1" s="209"/>
      <c r="M1" s="209"/>
      <c r="N1" s="209"/>
      <c r="O1" s="209"/>
      <c r="P1" s="209"/>
      <c r="Q1" s="209"/>
      <c r="R1" s="209"/>
      <c r="S1" s="209"/>
      <c r="T1" s="209"/>
      <c r="U1" s="209"/>
      <c r="V1" s="209"/>
      <c r="W1" s="209"/>
      <c r="X1" s="209"/>
      <c r="Y1" s="209"/>
      <c r="Z1" s="209"/>
      <c r="AA1" s="209"/>
      <c r="AB1" s="209"/>
      <c r="AC1" s="209"/>
      <c r="AD1" s="209"/>
      <c r="AE1" s="209"/>
      <c r="AF1" s="209"/>
      <c r="AG1" s="209"/>
      <c r="AH1" s="209"/>
      <c r="AI1" s="209"/>
      <c r="AJ1" s="209"/>
      <c r="AK1" s="209"/>
      <c r="AL1" s="209"/>
      <c r="AM1" s="209"/>
      <c r="AN1" s="209"/>
      <c r="AO1" s="209"/>
      <c r="AP1" s="209"/>
      <c r="AQ1" s="209"/>
      <c r="AR1" s="209"/>
      <c r="AS1" s="209"/>
      <c r="AT1" s="209"/>
      <c r="AU1" s="209"/>
      <c r="AV1" s="209"/>
      <c r="AW1" s="209"/>
      <c r="AX1" s="209"/>
      <c r="AY1" s="209"/>
      <c r="AZ1" s="209"/>
      <c r="BA1" s="209"/>
      <c r="BB1" s="209"/>
      <c r="BC1" s="209"/>
      <c r="BD1" s="209"/>
      <c r="BE1" s="209"/>
      <c r="BF1" s="209"/>
      <c r="BG1" s="209"/>
      <c r="BH1" s="209"/>
      <c r="BI1" s="209"/>
      <c r="BJ1" s="209"/>
      <c r="BK1" s="209"/>
      <c r="BL1" s="209"/>
      <c r="BM1" s="209"/>
      <c r="BN1" s="209"/>
      <c r="BO1" s="209"/>
      <c r="BP1" s="209"/>
      <c r="BQ1" s="209"/>
      <c r="BR1" s="209"/>
      <c r="BS1" s="209"/>
      <c r="BT1" s="209"/>
      <c r="BU1" s="209"/>
      <c r="BV1" s="209"/>
      <c r="BW1" s="209"/>
      <c r="BX1" s="209"/>
      <c r="BY1" s="209"/>
      <c r="BZ1" s="209"/>
      <c r="CA1" s="209"/>
      <c r="CB1" s="209"/>
      <c r="CC1" s="209"/>
      <c r="CD1" s="209"/>
      <c r="CE1" s="209"/>
      <c r="CF1" s="209"/>
      <c r="CG1" s="209"/>
      <c r="CH1" s="209"/>
      <c r="CI1" s="209"/>
      <c r="CJ1" s="209"/>
      <c r="CK1" s="209"/>
      <c r="CL1" s="209"/>
      <c r="CM1" s="209"/>
      <c r="CN1" s="209"/>
      <c r="CO1" s="209"/>
      <c r="CP1" s="209"/>
      <c r="CQ1" s="209"/>
      <c r="CR1" s="209"/>
      <c r="CS1" s="209"/>
      <c r="CT1" s="209"/>
      <c r="CU1" s="209"/>
      <c r="CV1" s="209"/>
      <c r="CW1" s="209"/>
      <c r="CX1" s="209"/>
      <c r="CY1" s="209"/>
      <c r="CZ1" s="209"/>
      <c r="DA1" s="209"/>
      <c r="DB1" s="209"/>
      <c r="DC1" s="209"/>
      <c r="DD1" s="209"/>
      <c r="DE1" s="209"/>
      <c r="DF1" s="209"/>
      <c r="DG1" s="209"/>
      <c r="DH1" s="753" t="s">
        <v>222</v>
      </c>
      <c r="DI1" s="754"/>
      <c r="DJ1" s="754"/>
      <c r="DK1" s="754"/>
      <c r="DL1" s="754"/>
      <c r="DM1" s="754"/>
      <c r="DN1" s="755"/>
      <c r="DO1" s="210"/>
      <c r="DP1" s="753" t="s">
        <v>223</v>
      </c>
      <c r="DQ1" s="754"/>
      <c r="DR1" s="754"/>
      <c r="DS1" s="754"/>
      <c r="DT1" s="754"/>
      <c r="DU1" s="754"/>
      <c r="DV1" s="754"/>
      <c r="DW1" s="754"/>
      <c r="DX1" s="754"/>
      <c r="DY1" s="754"/>
      <c r="DZ1" s="754"/>
      <c r="EA1" s="754"/>
      <c r="EB1" s="754"/>
      <c r="EC1" s="755"/>
      <c r="ED1" s="209"/>
      <c r="EE1" s="209"/>
      <c r="EF1" s="209"/>
      <c r="EG1" s="209"/>
      <c r="EH1" s="209"/>
      <c r="EI1" s="209"/>
      <c r="EJ1" s="209"/>
      <c r="EK1" s="209"/>
      <c r="EL1" s="209"/>
      <c r="EM1" s="209"/>
    </row>
    <row r="2" spans="2:143" ht="22.5" customHeight="1" x14ac:dyDescent="0.2">
      <c r="B2" s="211" t="s">
        <v>224</v>
      </c>
      <c r="R2" s="212"/>
      <c r="S2" s="212"/>
      <c r="T2" s="212"/>
      <c r="U2" s="212"/>
      <c r="V2" s="212"/>
      <c r="W2" s="212"/>
      <c r="X2" s="212"/>
      <c r="Y2" s="212"/>
      <c r="Z2" s="212"/>
      <c r="AA2" s="212"/>
      <c r="AB2" s="212"/>
      <c r="AC2" s="212"/>
      <c r="AE2" s="213"/>
      <c r="AF2" s="213"/>
      <c r="AG2" s="213"/>
      <c r="AH2" s="213"/>
      <c r="AI2" s="213"/>
      <c r="AJ2" s="212"/>
      <c r="AK2" s="212"/>
      <c r="AL2" s="212"/>
      <c r="AM2" s="212"/>
      <c r="AN2" s="212"/>
      <c r="AO2" s="212"/>
      <c r="AP2" s="212"/>
      <c r="CD2" s="209"/>
      <c r="CE2" s="209"/>
      <c r="CF2" s="209"/>
      <c r="CG2" s="209"/>
      <c r="CH2" s="209"/>
      <c r="CI2" s="209"/>
      <c r="CJ2" s="209"/>
      <c r="CK2" s="209"/>
      <c r="CL2" s="209"/>
      <c r="CM2" s="209"/>
      <c r="CN2" s="209"/>
      <c r="CO2" s="209"/>
      <c r="CP2" s="209"/>
      <c r="CQ2" s="209"/>
      <c r="CR2" s="209"/>
      <c r="CS2" s="209"/>
      <c r="CT2" s="209"/>
      <c r="CU2" s="209"/>
      <c r="CV2" s="209"/>
      <c r="CW2" s="209"/>
      <c r="CX2" s="209"/>
      <c r="CY2" s="209"/>
      <c r="CZ2" s="209"/>
      <c r="DA2" s="209"/>
      <c r="DB2" s="209"/>
      <c r="DC2" s="209"/>
      <c r="DD2" s="209"/>
      <c r="DE2" s="209"/>
      <c r="DF2" s="209"/>
      <c r="DG2" s="209"/>
      <c r="DH2" s="209"/>
      <c r="DI2" s="209"/>
      <c r="DJ2" s="209"/>
      <c r="DK2" s="209"/>
      <c r="DL2" s="209"/>
      <c r="DM2" s="209"/>
      <c r="DN2" s="209"/>
      <c r="DO2" s="209"/>
      <c r="DP2" s="209"/>
      <c r="DQ2" s="209"/>
      <c r="DR2" s="209"/>
      <c r="DS2" s="209"/>
      <c r="DT2" s="209"/>
      <c r="DU2" s="209"/>
      <c r="DV2" s="209"/>
      <c r="DW2" s="209"/>
      <c r="DX2" s="209"/>
      <c r="DY2" s="209"/>
      <c r="DZ2" s="209"/>
      <c r="EA2" s="209"/>
      <c r="EB2" s="209"/>
      <c r="EC2" s="209"/>
    </row>
    <row r="3" spans="2:143" ht="11.25" customHeight="1" x14ac:dyDescent="0.2">
      <c r="B3" s="709" t="s">
        <v>225</v>
      </c>
      <c r="C3" s="710"/>
      <c r="D3" s="710"/>
      <c r="E3" s="710"/>
      <c r="F3" s="710"/>
      <c r="G3" s="710"/>
      <c r="H3" s="710"/>
      <c r="I3" s="710"/>
      <c r="J3" s="710"/>
      <c r="K3" s="710"/>
      <c r="L3" s="710"/>
      <c r="M3" s="710"/>
      <c r="N3" s="710"/>
      <c r="O3" s="710"/>
      <c r="P3" s="710"/>
      <c r="Q3" s="710"/>
      <c r="R3" s="710"/>
      <c r="S3" s="710"/>
      <c r="T3" s="710"/>
      <c r="U3" s="710"/>
      <c r="V3" s="710"/>
      <c r="W3" s="710"/>
      <c r="X3" s="710"/>
      <c r="Y3" s="710"/>
      <c r="Z3" s="710"/>
      <c r="AA3" s="710"/>
      <c r="AB3" s="710"/>
      <c r="AC3" s="710"/>
      <c r="AD3" s="710"/>
      <c r="AE3" s="710"/>
      <c r="AF3" s="710"/>
      <c r="AG3" s="710"/>
      <c r="AH3" s="710"/>
      <c r="AI3" s="710"/>
      <c r="AJ3" s="710"/>
      <c r="AK3" s="710"/>
      <c r="AL3" s="710"/>
      <c r="AM3" s="710"/>
      <c r="AN3" s="710"/>
      <c r="AO3" s="710"/>
      <c r="AP3" s="709" t="s">
        <v>226</v>
      </c>
      <c r="AQ3" s="710"/>
      <c r="AR3" s="710"/>
      <c r="AS3" s="710"/>
      <c r="AT3" s="710"/>
      <c r="AU3" s="710"/>
      <c r="AV3" s="710"/>
      <c r="AW3" s="710"/>
      <c r="AX3" s="710"/>
      <c r="AY3" s="710"/>
      <c r="AZ3" s="710"/>
      <c r="BA3" s="710"/>
      <c r="BB3" s="710"/>
      <c r="BC3" s="710"/>
      <c r="BD3" s="710"/>
      <c r="BE3" s="710"/>
      <c r="BF3" s="710"/>
      <c r="BG3" s="710"/>
      <c r="BH3" s="710"/>
      <c r="BI3" s="710"/>
      <c r="BJ3" s="710"/>
      <c r="BK3" s="710"/>
      <c r="BL3" s="710"/>
      <c r="BM3" s="710"/>
      <c r="BN3" s="710"/>
      <c r="BO3" s="710"/>
      <c r="BP3" s="710"/>
      <c r="BQ3" s="710"/>
      <c r="BR3" s="710"/>
      <c r="BS3" s="710"/>
      <c r="BT3" s="710"/>
      <c r="BU3" s="710"/>
      <c r="BV3" s="710"/>
      <c r="BW3" s="710"/>
      <c r="BX3" s="710"/>
      <c r="BY3" s="710"/>
      <c r="BZ3" s="710"/>
      <c r="CA3" s="710"/>
      <c r="CB3" s="711"/>
      <c r="CD3" s="709" t="s">
        <v>227</v>
      </c>
      <c r="CE3" s="710"/>
      <c r="CF3" s="710"/>
      <c r="CG3" s="710"/>
      <c r="CH3" s="710"/>
      <c r="CI3" s="710"/>
      <c r="CJ3" s="710"/>
      <c r="CK3" s="710"/>
      <c r="CL3" s="710"/>
      <c r="CM3" s="710"/>
      <c r="CN3" s="710"/>
      <c r="CO3" s="710"/>
      <c r="CP3" s="710"/>
      <c r="CQ3" s="710"/>
      <c r="CR3" s="710"/>
      <c r="CS3" s="710"/>
      <c r="CT3" s="710"/>
      <c r="CU3" s="710"/>
      <c r="CV3" s="710"/>
      <c r="CW3" s="710"/>
      <c r="CX3" s="710"/>
      <c r="CY3" s="710"/>
      <c r="CZ3" s="710"/>
      <c r="DA3" s="710"/>
      <c r="DB3" s="710"/>
      <c r="DC3" s="710"/>
      <c r="DD3" s="710"/>
      <c r="DE3" s="710"/>
      <c r="DF3" s="710"/>
      <c r="DG3" s="710"/>
      <c r="DH3" s="710"/>
      <c r="DI3" s="710"/>
      <c r="DJ3" s="710"/>
      <c r="DK3" s="710"/>
      <c r="DL3" s="710"/>
      <c r="DM3" s="710"/>
      <c r="DN3" s="710"/>
      <c r="DO3" s="710"/>
      <c r="DP3" s="710"/>
      <c r="DQ3" s="710"/>
      <c r="DR3" s="710"/>
      <c r="DS3" s="710"/>
      <c r="DT3" s="710"/>
      <c r="DU3" s="710"/>
      <c r="DV3" s="710"/>
      <c r="DW3" s="710"/>
      <c r="DX3" s="710"/>
      <c r="DY3" s="710"/>
      <c r="DZ3" s="710"/>
      <c r="EA3" s="710"/>
      <c r="EB3" s="710"/>
      <c r="EC3" s="711"/>
    </row>
    <row r="4" spans="2:143" ht="11.25" customHeight="1" x14ac:dyDescent="0.2">
      <c r="B4" s="709" t="s">
        <v>1</v>
      </c>
      <c r="C4" s="710"/>
      <c r="D4" s="710"/>
      <c r="E4" s="710"/>
      <c r="F4" s="710"/>
      <c r="G4" s="710"/>
      <c r="H4" s="710"/>
      <c r="I4" s="710"/>
      <c r="J4" s="710"/>
      <c r="K4" s="710"/>
      <c r="L4" s="710"/>
      <c r="M4" s="710"/>
      <c r="N4" s="710"/>
      <c r="O4" s="710"/>
      <c r="P4" s="710"/>
      <c r="Q4" s="711"/>
      <c r="R4" s="709" t="s">
        <v>228</v>
      </c>
      <c r="S4" s="710"/>
      <c r="T4" s="710"/>
      <c r="U4" s="710"/>
      <c r="V4" s="710"/>
      <c r="W4" s="710"/>
      <c r="X4" s="710"/>
      <c r="Y4" s="711"/>
      <c r="Z4" s="709" t="s">
        <v>229</v>
      </c>
      <c r="AA4" s="710"/>
      <c r="AB4" s="710"/>
      <c r="AC4" s="711"/>
      <c r="AD4" s="709" t="s">
        <v>230</v>
      </c>
      <c r="AE4" s="710"/>
      <c r="AF4" s="710"/>
      <c r="AG4" s="710"/>
      <c r="AH4" s="710"/>
      <c r="AI4" s="710"/>
      <c r="AJ4" s="710"/>
      <c r="AK4" s="711"/>
      <c r="AL4" s="709" t="s">
        <v>229</v>
      </c>
      <c r="AM4" s="710"/>
      <c r="AN4" s="710"/>
      <c r="AO4" s="711"/>
      <c r="AP4" s="756" t="s">
        <v>231</v>
      </c>
      <c r="AQ4" s="756"/>
      <c r="AR4" s="756"/>
      <c r="AS4" s="756"/>
      <c r="AT4" s="756"/>
      <c r="AU4" s="756"/>
      <c r="AV4" s="756"/>
      <c r="AW4" s="756"/>
      <c r="AX4" s="756"/>
      <c r="AY4" s="756"/>
      <c r="AZ4" s="756"/>
      <c r="BA4" s="756"/>
      <c r="BB4" s="756"/>
      <c r="BC4" s="756"/>
      <c r="BD4" s="756"/>
      <c r="BE4" s="756"/>
      <c r="BF4" s="756"/>
      <c r="BG4" s="756" t="s">
        <v>232</v>
      </c>
      <c r="BH4" s="756"/>
      <c r="BI4" s="756"/>
      <c r="BJ4" s="756"/>
      <c r="BK4" s="756"/>
      <c r="BL4" s="756"/>
      <c r="BM4" s="756"/>
      <c r="BN4" s="756"/>
      <c r="BO4" s="756" t="s">
        <v>229</v>
      </c>
      <c r="BP4" s="756"/>
      <c r="BQ4" s="756"/>
      <c r="BR4" s="756"/>
      <c r="BS4" s="756" t="s">
        <v>233</v>
      </c>
      <c r="BT4" s="756"/>
      <c r="BU4" s="756"/>
      <c r="BV4" s="756"/>
      <c r="BW4" s="756"/>
      <c r="BX4" s="756"/>
      <c r="BY4" s="756"/>
      <c r="BZ4" s="756"/>
      <c r="CA4" s="756"/>
      <c r="CB4" s="756"/>
      <c r="CD4" s="709" t="s">
        <v>234</v>
      </c>
      <c r="CE4" s="710"/>
      <c r="CF4" s="710"/>
      <c r="CG4" s="710"/>
      <c r="CH4" s="710"/>
      <c r="CI4" s="710"/>
      <c r="CJ4" s="710"/>
      <c r="CK4" s="710"/>
      <c r="CL4" s="710"/>
      <c r="CM4" s="710"/>
      <c r="CN4" s="710"/>
      <c r="CO4" s="710"/>
      <c r="CP4" s="710"/>
      <c r="CQ4" s="710"/>
      <c r="CR4" s="710"/>
      <c r="CS4" s="710"/>
      <c r="CT4" s="710"/>
      <c r="CU4" s="710"/>
      <c r="CV4" s="710"/>
      <c r="CW4" s="710"/>
      <c r="CX4" s="710"/>
      <c r="CY4" s="710"/>
      <c r="CZ4" s="710"/>
      <c r="DA4" s="710"/>
      <c r="DB4" s="710"/>
      <c r="DC4" s="710"/>
      <c r="DD4" s="710"/>
      <c r="DE4" s="710"/>
      <c r="DF4" s="710"/>
      <c r="DG4" s="710"/>
      <c r="DH4" s="710"/>
      <c r="DI4" s="710"/>
      <c r="DJ4" s="710"/>
      <c r="DK4" s="710"/>
      <c r="DL4" s="710"/>
      <c r="DM4" s="710"/>
      <c r="DN4" s="710"/>
      <c r="DO4" s="710"/>
      <c r="DP4" s="710"/>
      <c r="DQ4" s="710"/>
      <c r="DR4" s="710"/>
      <c r="DS4" s="710"/>
      <c r="DT4" s="710"/>
      <c r="DU4" s="710"/>
      <c r="DV4" s="710"/>
      <c r="DW4" s="710"/>
      <c r="DX4" s="710"/>
      <c r="DY4" s="710"/>
      <c r="DZ4" s="710"/>
      <c r="EA4" s="710"/>
      <c r="EB4" s="710"/>
      <c r="EC4" s="711"/>
    </row>
    <row r="5" spans="2:143" ht="11.25" customHeight="1" x14ac:dyDescent="0.2">
      <c r="B5" s="715" t="s">
        <v>235</v>
      </c>
      <c r="C5" s="716"/>
      <c r="D5" s="716"/>
      <c r="E5" s="716"/>
      <c r="F5" s="716"/>
      <c r="G5" s="716"/>
      <c r="H5" s="716"/>
      <c r="I5" s="716"/>
      <c r="J5" s="716"/>
      <c r="K5" s="716"/>
      <c r="L5" s="716"/>
      <c r="M5" s="716"/>
      <c r="N5" s="716"/>
      <c r="O5" s="716"/>
      <c r="P5" s="716"/>
      <c r="Q5" s="717"/>
      <c r="R5" s="712">
        <v>879471</v>
      </c>
      <c r="S5" s="713"/>
      <c r="T5" s="713"/>
      <c r="U5" s="713"/>
      <c r="V5" s="713"/>
      <c r="W5" s="713"/>
      <c r="X5" s="713"/>
      <c r="Y5" s="738"/>
      <c r="Z5" s="751">
        <v>20.399999999999999</v>
      </c>
      <c r="AA5" s="751"/>
      <c r="AB5" s="751"/>
      <c r="AC5" s="751"/>
      <c r="AD5" s="752">
        <v>879471</v>
      </c>
      <c r="AE5" s="752"/>
      <c r="AF5" s="752"/>
      <c r="AG5" s="752"/>
      <c r="AH5" s="752"/>
      <c r="AI5" s="752"/>
      <c r="AJ5" s="752"/>
      <c r="AK5" s="752"/>
      <c r="AL5" s="739">
        <v>36</v>
      </c>
      <c r="AM5" s="721"/>
      <c r="AN5" s="721"/>
      <c r="AO5" s="740"/>
      <c r="AP5" s="715" t="s">
        <v>236</v>
      </c>
      <c r="AQ5" s="716"/>
      <c r="AR5" s="716"/>
      <c r="AS5" s="716"/>
      <c r="AT5" s="716"/>
      <c r="AU5" s="716"/>
      <c r="AV5" s="716"/>
      <c r="AW5" s="716"/>
      <c r="AX5" s="716"/>
      <c r="AY5" s="716"/>
      <c r="AZ5" s="716"/>
      <c r="BA5" s="716"/>
      <c r="BB5" s="716"/>
      <c r="BC5" s="716"/>
      <c r="BD5" s="716"/>
      <c r="BE5" s="716"/>
      <c r="BF5" s="717"/>
      <c r="BG5" s="657">
        <v>879471</v>
      </c>
      <c r="BH5" s="658"/>
      <c r="BI5" s="658"/>
      <c r="BJ5" s="658"/>
      <c r="BK5" s="658"/>
      <c r="BL5" s="658"/>
      <c r="BM5" s="658"/>
      <c r="BN5" s="659"/>
      <c r="BO5" s="695">
        <v>100</v>
      </c>
      <c r="BP5" s="695"/>
      <c r="BQ5" s="695"/>
      <c r="BR5" s="695"/>
      <c r="BS5" s="696" t="s">
        <v>189</v>
      </c>
      <c r="BT5" s="696"/>
      <c r="BU5" s="696"/>
      <c r="BV5" s="696"/>
      <c r="BW5" s="696"/>
      <c r="BX5" s="696"/>
      <c r="BY5" s="696"/>
      <c r="BZ5" s="696"/>
      <c r="CA5" s="696"/>
      <c r="CB5" s="736"/>
      <c r="CD5" s="709" t="s">
        <v>231</v>
      </c>
      <c r="CE5" s="710"/>
      <c r="CF5" s="710"/>
      <c r="CG5" s="710"/>
      <c r="CH5" s="710"/>
      <c r="CI5" s="710"/>
      <c r="CJ5" s="710"/>
      <c r="CK5" s="710"/>
      <c r="CL5" s="710"/>
      <c r="CM5" s="710"/>
      <c r="CN5" s="710"/>
      <c r="CO5" s="710"/>
      <c r="CP5" s="710"/>
      <c r="CQ5" s="711"/>
      <c r="CR5" s="709" t="s">
        <v>237</v>
      </c>
      <c r="CS5" s="710"/>
      <c r="CT5" s="710"/>
      <c r="CU5" s="710"/>
      <c r="CV5" s="710"/>
      <c r="CW5" s="710"/>
      <c r="CX5" s="710"/>
      <c r="CY5" s="711"/>
      <c r="CZ5" s="709" t="s">
        <v>229</v>
      </c>
      <c r="DA5" s="710"/>
      <c r="DB5" s="710"/>
      <c r="DC5" s="711"/>
      <c r="DD5" s="709" t="s">
        <v>238</v>
      </c>
      <c r="DE5" s="710"/>
      <c r="DF5" s="710"/>
      <c r="DG5" s="710"/>
      <c r="DH5" s="710"/>
      <c r="DI5" s="710"/>
      <c r="DJ5" s="710"/>
      <c r="DK5" s="710"/>
      <c r="DL5" s="710"/>
      <c r="DM5" s="710"/>
      <c r="DN5" s="710"/>
      <c r="DO5" s="710"/>
      <c r="DP5" s="711"/>
      <c r="DQ5" s="709" t="s">
        <v>239</v>
      </c>
      <c r="DR5" s="710"/>
      <c r="DS5" s="710"/>
      <c r="DT5" s="710"/>
      <c r="DU5" s="710"/>
      <c r="DV5" s="710"/>
      <c r="DW5" s="710"/>
      <c r="DX5" s="710"/>
      <c r="DY5" s="710"/>
      <c r="DZ5" s="710"/>
      <c r="EA5" s="710"/>
      <c r="EB5" s="710"/>
      <c r="EC5" s="711"/>
    </row>
    <row r="6" spans="2:143" ht="11.25" customHeight="1" x14ac:dyDescent="0.2">
      <c r="B6" s="654" t="s">
        <v>240</v>
      </c>
      <c r="C6" s="655"/>
      <c r="D6" s="655"/>
      <c r="E6" s="655"/>
      <c r="F6" s="655"/>
      <c r="G6" s="655"/>
      <c r="H6" s="655"/>
      <c r="I6" s="655"/>
      <c r="J6" s="655"/>
      <c r="K6" s="655"/>
      <c r="L6" s="655"/>
      <c r="M6" s="655"/>
      <c r="N6" s="655"/>
      <c r="O6" s="655"/>
      <c r="P6" s="655"/>
      <c r="Q6" s="656"/>
      <c r="R6" s="657">
        <v>17257</v>
      </c>
      <c r="S6" s="658"/>
      <c r="T6" s="658"/>
      <c r="U6" s="658"/>
      <c r="V6" s="658"/>
      <c r="W6" s="658"/>
      <c r="X6" s="658"/>
      <c r="Y6" s="659"/>
      <c r="Z6" s="695">
        <v>0.4</v>
      </c>
      <c r="AA6" s="695"/>
      <c r="AB6" s="695"/>
      <c r="AC6" s="695"/>
      <c r="AD6" s="696">
        <v>17257</v>
      </c>
      <c r="AE6" s="696"/>
      <c r="AF6" s="696"/>
      <c r="AG6" s="696"/>
      <c r="AH6" s="696"/>
      <c r="AI6" s="696"/>
      <c r="AJ6" s="696"/>
      <c r="AK6" s="696"/>
      <c r="AL6" s="660">
        <v>0.7</v>
      </c>
      <c r="AM6" s="661"/>
      <c r="AN6" s="661"/>
      <c r="AO6" s="697"/>
      <c r="AP6" s="654" t="s">
        <v>241</v>
      </c>
      <c r="AQ6" s="655"/>
      <c r="AR6" s="655"/>
      <c r="AS6" s="655"/>
      <c r="AT6" s="655"/>
      <c r="AU6" s="655"/>
      <c r="AV6" s="655"/>
      <c r="AW6" s="655"/>
      <c r="AX6" s="655"/>
      <c r="AY6" s="655"/>
      <c r="AZ6" s="655"/>
      <c r="BA6" s="655"/>
      <c r="BB6" s="655"/>
      <c r="BC6" s="655"/>
      <c r="BD6" s="655"/>
      <c r="BE6" s="655"/>
      <c r="BF6" s="656"/>
      <c r="BG6" s="657">
        <v>879471</v>
      </c>
      <c r="BH6" s="658"/>
      <c r="BI6" s="658"/>
      <c r="BJ6" s="658"/>
      <c r="BK6" s="658"/>
      <c r="BL6" s="658"/>
      <c r="BM6" s="658"/>
      <c r="BN6" s="659"/>
      <c r="BO6" s="695">
        <v>100</v>
      </c>
      <c r="BP6" s="695"/>
      <c r="BQ6" s="695"/>
      <c r="BR6" s="695"/>
      <c r="BS6" s="696" t="s">
        <v>140</v>
      </c>
      <c r="BT6" s="696"/>
      <c r="BU6" s="696"/>
      <c r="BV6" s="696"/>
      <c r="BW6" s="696"/>
      <c r="BX6" s="696"/>
      <c r="BY6" s="696"/>
      <c r="BZ6" s="696"/>
      <c r="CA6" s="696"/>
      <c r="CB6" s="736"/>
      <c r="CD6" s="715" t="s">
        <v>242</v>
      </c>
      <c r="CE6" s="716"/>
      <c r="CF6" s="716"/>
      <c r="CG6" s="716"/>
      <c r="CH6" s="716"/>
      <c r="CI6" s="716"/>
      <c r="CJ6" s="716"/>
      <c r="CK6" s="716"/>
      <c r="CL6" s="716"/>
      <c r="CM6" s="716"/>
      <c r="CN6" s="716"/>
      <c r="CO6" s="716"/>
      <c r="CP6" s="716"/>
      <c r="CQ6" s="717"/>
      <c r="CR6" s="657">
        <v>66953</v>
      </c>
      <c r="CS6" s="658"/>
      <c r="CT6" s="658"/>
      <c r="CU6" s="658"/>
      <c r="CV6" s="658"/>
      <c r="CW6" s="658"/>
      <c r="CX6" s="658"/>
      <c r="CY6" s="659"/>
      <c r="CZ6" s="739">
        <v>1.6</v>
      </c>
      <c r="DA6" s="721"/>
      <c r="DB6" s="721"/>
      <c r="DC6" s="741"/>
      <c r="DD6" s="663" t="s">
        <v>140</v>
      </c>
      <c r="DE6" s="658"/>
      <c r="DF6" s="658"/>
      <c r="DG6" s="658"/>
      <c r="DH6" s="658"/>
      <c r="DI6" s="658"/>
      <c r="DJ6" s="658"/>
      <c r="DK6" s="658"/>
      <c r="DL6" s="658"/>
      <c r="DM6" s="658"/>
      <c r="DN6" s="658"/>
      <c r="DO6" s="658"/>
      <c r="DP6" s="659"/>
      <c r="DQ6" s="663">
        <v>66953</v>
      </c>
      <c r="DR6" s="658"/>
      <c r="DS6" s="658"/>
      <c r="DT6" s="658"/>
      <c r="DU6" s="658"/>
      <c r="DV6" s="658"/>
      <c r="DW6" s="658"/>
      <c r="DX6" s="658"/>
      <c r="DY6" s="658"/>
      <c r="DZ6" s="658"/>
      <c r="EA6" s="658"/>
      <c r="EB6" s="658"/>
      <c r="EC6" s="694"/>
    </row>
    <row r="7" spans="2:143" ht="11.25" customHeight="1" x14ac:dyDescent="0.2">
      <c r="B7" s="654" t="s">
        <v>243</v>
      </c>
      <c r="C7" s="655"/>
      <c r="D7" s="655"/>
      <c r="E7" s="655"/>
      <c r="F7" s="655"/>
      <c r="G7" s="655"/>
      <c r="H7" s="655"/>
      <c r="I7" s="655"/>
      <c r="J7" s="655"/>
      <c r="K7" s="655"/>
      <c r="L7" s="655"/>
      <c r="M7" s="655"/>
      <c r="N7" s="655"/>
      <c r="O7" s="655"/>
      <c r="P7" s="655"/>
      <c r="Q7" s="656"/>
      <c r="R7" s="657">
        <v>277</v>
      </c>
      <c r="S7" s="658"/>
      <c r="T7" s="658"/>
      <c r="U7" s="658"/>
      <c r="V7" s="658"/>
      <c r="W7" s="658"/>
      <c r="X7" s="658"/>
      <c r="Y7" s="659"/>
      <c r="Z7" s="695">
        <v>0</v>
      </c>
      <c r="AA7" s="695"/>
      <c r="AB7" s="695"/>
      <c r="AC7" s="695"/>
      <c r="AD7" s="696">
        <v>277</v>
      </c>
      <c r="AE7" s="696"/>
      <c r="AF7" s="696"/>
      <c r="AG7" s="696"/>
      <c r="AH7" s="696"/>
      <c r="AI7" s="696"/>
      <c r="AJ7" s="696"/>
      <c r="AK7" s="696"/>
      <c r="AL7" s="660">
        <v>0</v>
      </c>
      <c r="AM7" s="661"/>
      <c r="AN7" s="661"/>
      <c r="AO7" s="697"/>
      <c r="AP7" s="654" t="s">
        <v>244</v>
      </c>
      <c r="AQ7" s="655"/>
      <c r="AR7" s="655"/>
      <c r="AS7" s="655"/>
      <c r="AT7" s="655"/>
      <c r="AU7" s="655"/>
      <c r="AV7" s="655"/>
      <c r="AW7" s="655"/>
      <c r="AX7" s="655"/>
      <c r="AY7" s="655"/>
      <c r="AZ7" s="655"/>
      <c r="BA7" s="655"/>
      <c r="BB7" s="655"/>
      <c r="BC7" s="655"/>
      <c r="BD7" s="655"/>
      <c r="BE7" s="655"/>
      <c r="BF7" s="656"/>
      <c r="BG7" s="657">
        <v>345648</v>
      </c>
      <c r="BH7" s="658"/>
      <c r="BI7" s="658"/>
      <c r="BJ7" s="658"/>
      <c r="BK7" s="658"/>
      <c r="BL7" s="658"/>
      <c r="BM7" s="658"/>
      <c r="BN7" s="659"/>
      <c r="BO7" s="695">
        <v>39.299999999999997</v>
      </c>
      <c r="BP7" s="695"/>
      <c r="BQ7" s="695"/>
      <c r="BR7" s="695"/>
      <c r="BS7" s="696" t="s">
        <v>140</v>
      </c>
      <c r="BT7" s="696"/>
      <c r="BU7" s="696"/>
      <c r="BV7" s="696"/>
      <c r="BW7" s="696"/>
      <c r="BX7" s="696"/>
      <c r="BY7" s="696"/>
      <c r="BZ7" s="696"/>
      <c r="CA7" s="696"/>
      <c r="CB7" s="736"/>
      <c r="CD7" s="654" t="s">
        <v>245</v>
      </c>
      <c r="CE7" s="655"/>
      <c r="CF7" s="655"/>
      <c r="CG7" s="655"/>
      <c r="CH7" s="655"/>
      <c r="CI7" s="655"/>
      <c r="CJ7" s="655"/>
      <c r="CK7" s="655"/>
      <c r="CL7" s="655"/>
      <c r="CM7" s="655"/>
      <c r="CN7" s="655"/>
      <c r="CO7" s="655"/>
      <c r="CP7" s="655"/>
      <c r="CQ7" s="656"/>
      <c r="CR7" s="657">
        <v>908038</v>
      </c>
      <c r="CS7" s="658"/>
      <c r="CT7" s="658"/>
      <c r="CU7" s="658"/>
      <c r="CV7" s="658"/>
      <c r="CW7" s="658"/>
      <c r="CX7" s="658"/>
      <c r="CY7" s="659"/>
      <c r="CZ7" s="695">
        <v>22</v>
      </c>
      <c r="DA7" s="695"/>
      <c r="DB7" s="695"/>
      <c r="DC7" s="695"/>
      <c r="DD7" s="663">
        <v>9861</v>
      </c>
      <c r="DE7" s="658"/>
      <c r="DF7" s="658"/>
      <c r="DG7" s="658"/>
      <c r="DH7" s="658"/>
      <c r="DI7" s="658"/>
      <c r="DJ7" s="658"/>
      <c r="DK7" s="658"/>
      <c r="DL7" s="658"/>
      <c r="DM7" s="658"/>
      <c r="DN7" s="658"/>
      <c r="DO7" s="658"/>
      <c r="DP7" s="659"/>
      <c r="DQ7" s="663">
        <v>717652</v>
      </c>
      <c r="DR7" s="658"/>
      <c r="DS7" s="658"/>
      <c r="DT7" s="658"/>
      <c r="DU7" s="658"/>
      <c r="DV7" s="658"/>
      <c r="DW7" s="658"/>
      <c r="DX7" s="658"/>
      <c r="DY7" s="658"/>
      <c r="DZ7" s="658"/>
      <c r="EA7" s="658"/>
      <c r="EB7" s="658"/>
      <c r="EC7" s="694"/>
    </row>
    <row r="8" spans="2:143" ht="11.25" customHeight="1" x14ac:dyDescent="0.2">
      <c r="B8" s="654" t="s">
        <v>246</v>
      </c>
      <c r="C8" s="655"/>
      <c r="D8" s="655"/>
      <c r="E8" s="655"/>
      <c r="F8" s="655"/>
      <c r="G8" s="655"/>
      <c r="H8" s="655"/>
      <c r="I8" s="655"/>
      <c r="J8" s="655"/>
      <c r="K8" s="655"/>
      <c r="L8" s="655"/>
      <c r="M8" s="655"/>
      <c r="N8" s="655"/>
      <c r="O8" s="655"/>
      <c r="P8" s="655"/>
      <c r="Q8" s="656"/>
      <c r="R8" s="657">
        <v>5595</v>
      </c>
      <c r="S8" s="658"/>
      <c r="T8" s="658"/>
      <c r="U8" s="658"/>
      <c r="V8" s="658"/>
      <c r="W8" s="658"/>
      <c r="X8" s="658"/>
      <c r="Y8" s="659"/>
      <c r="Z8" s="695">
        <v>0.1</v>
      </c>
      <c r="AA8" s="695"/>
      <c r="AB8" s="695"/>
      <c r="AC8" s="695"/>
      <c r="AD8" s="696">
        <v>5595</v>
      </c>
      <c r="AE8" s="696"/>
      <c r="AF8" s="696"/>
      <c r="AG8" s="696"/>
      <c r="AH8" s="696"/>
      <c r="AI8" s="696"/>
      <c r="AJ8" s="696"/>
      <c r="AK8" s="696"/>
      <c r="AL8" s="660">
        <v>0.2</v>
      </c>
      <c r="AM8" s="661"/>
      <c r="AN8" s="661"/>
      <c r="AO8" s="697"/>
      <c r="AP8" s="654" t="s">
        <v>247</v>
      </c>
      <c r="AQ8" s="655"/>
      <c r="AR8" s="655"/>
      <c r="AS8" s="655"/>
      <c r="AT8" s="655"/>
      <c r="AU8" s="655"/>
      <c r="AV8" s="655"/>
      <c r="AW8" s="655"/>
      <c r="AX8" s="655"/>
      <c r="AY8" s="655"/>
      <c r="AZ8" s="655"/>
      <c r="BA8" s="655"/>
      <c r="BB8" s="655"/>
      <c r="BC8" s="655"/>
      <c r="BD8" s="655"/>
      <c r="BE8" s="655"/>
      <c r="BF8" s="656"/>
      <c r="BG8" s="657">
        <v>13006</v>
      </c>
      <c r="BH8" s="658"/>
      <c r="BI8" s="658"/>
      <c r="BJ8" s="658"/>
      <c r="BK8" s="658"/>
      <c r="BL8" s="658"/>
      <c r="BM8" s="658"/>
      <c r="BN8" s="659"/>
      <c r="BO8" s="695">
        <v>1.5</v>
      </c>
      <c r="BP8" s="695"/>
      <c r="BQ8" s="695"/>
      <c r="BR8" s="695"/>
      <c r="BS8" s="696" t="s">
        <v>140</v>
      </c>
      <c r="BT8" s="696"/>
      <c r="BU8" s="696"/>
      <c r="BV8" s="696"/>
      <c r="BW8" s="696"/>
      <c r="BX8" s="696"/>
      <c r="BY8" s="696"/>
      <c r="BZ8" s="696"/>
      <c r="CA8" s="696"/>
      <c r="CB8" s="736"/>
      <c r="CD8" s="654" t="s">
        <v>248</v>
      </c>
      <c r="CE8" s="655"/>
      <c r="CF8" s="655"/>
      <c r="CG8" s="655"/>
      <c r="CH8" s="655"/>
      <c r="CI8" s="655"/>
      <c r="CJ8" s="655"/>
      <c r="CK8" s="655"/>
      <c r="CL8" s="655"/>
      <c r="CM8" s="655"/>
      <c r="CN8" s="655"/>
      <c r="CO8" s="655"/>
      <c r="CP8" s="655"/>
      <c r="CQ8" s="656"/>
      <c r="CR8" s="657">
        <v>957245</v>
      </c>
      <c r="CS8" s="658"/>
      <c r="CT8" s="658"/>
      <c r="CU8" s="658"/>
      <c r="CV8" s="658"/>
      <c r="CW8" s="658"/>
      <c r="CX8" s="658"/>
      <c r="CY8" s="659"/>
      <c r="CZ8" s="695">
        <v>23.2</v>
      </c>
      <c r="DA8" s="695"/>
      <c r="DB8" s="695"/>
      <c r="DC8" s="695"/>
      <c r="DD8" s="663">
        <v>1680</v>
      </c>
      <c r="DE8" s="658"/>
      <c r="DF8" s="658"/>
      <c r="DG8" s="658"/>
      <c r="DH8" s="658"/>
      <c r="DI8" s="658"/>
      <c r="DJ8" s="658"/>
      <c r="DK8" s="658"/>
      <c r="DL8" s="658"/>
      <c r="DM8" s="658"/>
      <c r="DN8" s="658"/>
      <c r="DO8" s="658"/>
      <c r="DP8" s="659"/>
      <c r="DQ8" s="663">
        <v>526929</v>
      </c>
      <c r="DR8" s="658"/>
      <c r="DS8" s="658"/>
      <c r="DT8" s="658"/>
      <c r="DU8" s="658"/>
      <c r="DV8" s="658"/>
      <c r="DW8" s="658"/>
      <c r="DX8" s="658"/>
      <c r="DY8" s="658"/>
      <c r="DZ8" s="658"/>
      <c r="EA8" s="658"/>
      <c r="EB8" s="658"/>
      <c r="EC8" s="694"/>
    </row>
    <row r="9" spans="2:143" ht="11.25" customHeight="1" x14ac:dyDescent="0.2">
      <c r="B9" s="654" t="s">
        <v>249</v>
      </c>
      <c r="C9" s="655"/>
      <c r="D9" s="655"/>
      <c r="E9" s="655"/>
      <c r="F9" s="655"/>
      <c r="G9" s="655"/>
      <c r="H9" s="655"/>
      <c r="I9" s="655"/>
      <c r="J9" s="655"/>
      <c r="K9" s="655"/>
      <c r="L9" s="655"/>
      <c r="M9" s="655"/>
      <c r="N9" s="655"/>
      <c r="O9" s="655"/>
      <c r="P9" s="655"/>
      <c r="Q9" s="656"/>
      <c r="R9" s="657">
        <v>4277</v>
      </c>
      <c r="S9" s="658"/>
      <c r="T9" s="658"/>
      <c r="U9" s="658"/>
      <c r="V9" s="658"/>
      <c r="W9" s="658"/>
      <c r="X9" s="658"/>
      <c r="Y9" s="659"/>
      <c r="Z9" s="695">
        <v>0.1</v>
      </c>
      <c r="AA9" s="695"/>
      <c r="AB9" s="695"/>
      <c r="AC9" s="695"/>
      <c r="AD9" s="696">
        <v>4277</v>
      </c>
      <c r="AE9" s="696"/>
      <c r="AF9" s="696"/>
      <c r="AG9" s="696"/>
      <c r="AH9" s="696"/>
      <c r="AI9" s="696"/>
      <c r="AJ9" s="696"/>
      <c r="AK9" s="696"/>
      <c r="AL9" s="660">
        <v>0.2</v>
      </c>
      <c r="AM9" s="661"/>
      <c r="AN9" s="661"/>
      <c r="AO9" s="697"/>
      <c r="AP9" s="654" t="s">
        <v>250</v>
      </c>
      <c r="AQ9" s="655"/>
      <c r="AR9" s="655"/>
      <c r="AS9" s="655"/>
      <c r="AT9" s="655"/>
      <c r="AU9" s="655"/>
      <c r="AV9" s="655"/>
      <c r="AW9" s="655"/>
      <c r="AX9" s="655"/>
      <c r="AY9" s="655"/>
      <c r="AZ9" s="655"/>
      <c r="BA9" s="655"/>
      <c r="BB9" s="655"/>
      <c r="BC9" s="655"/>
      <c r="BD9" s="655"/>
      <c r="BE9" s="655"/>
      <c r="BF9" s="656"/>
      <c r="BG9" s="657">
        <v>305344</v>
      </c>
      <c r="BH9" s="658"/>
      <c r="BI9" s="658"/>
      <c r="BJ9" s="658"/>
      <c r="BK9" s="658"/>
      <c r="BL9" s="658"/>
      <c r="BM9" s="658"/>
      <c r="BN9" s="659"/>
      <c r="BO9" s="695">
        <v>34.700000000000003</v>
      </c>
      <c r="BP9" s="695"/>
      <c r="BQ9" s="695"/>
      <c r="BR9" s="695"/>
      <c r="BS9" s="696" t="s">
        <v>140</v>
      </c>
      <c r="BT9" s="696"/>
      <c r="BU9" s="696"/>
      <c r="BV9" s="696"/>
      <c r="BW9" s="696"/>
      <c r="BX9" s="696"/>
      <c r="BY9" s="696"/>
      <c r="BZ9" s="696"/>
      <c r="CA9" s="696"/>
      <c r="CB9" s="736"/>
      <c r="CD9" s="654" t="s">
        <v>251</v>
      </c>
      <c r="CE9" s="655"/>
      <c r="CF9" s="655"/>
      <c r="CG9" s="655"/>
      <c r="CH9" s="655"/>
      <c r="CI9" s="655"/>
      <c r="CJ9" s="655"/>
      <c r="CK9" s="655"/>
      <c r="CL9" s="655"/>
      <c r="CM9" s="655"/>
      <c r="CN9" s="655"/>
      <c r="CO9" s="655"/>
      <c r="CP9" s="655"/>
      <c r="CQ9" s="656"/>
      <c r="CR9" s="657">
        <v>714984</v>
      </c>
      <c r="CS9" s="658"/>
      <c r="CT9" s="658"/>
      <c r="CU9" s="658"/>
      <c r="CV9" s="658"/>
      <c r="CW9" s="658"/>
      <c r="CX9" s="658"/>
      <c r="CY9" s="659"/>
      <c r="CZ9" s="695">
        <v>17.3</v>
      </c>
      <c r="DA9" s="695"/>
      <c r="DB9" s="695"/>
      <c r="DC9" s="695"/>
      <c r="DD9" s="663">
        <v>3008</v>
      </c>
      <c r="DE9" s="658"/>
      <c r="DF9" s="658"/>
      <c r="DG9" s="658"/>
      <c r="DH9" s="658"/>
      <c r="DI9" s="658"/>
      <c r="DJ9" s="658"/>
      <c r="DK9" s="658"/>
      <c r="DL9" s="658"/>
      <c r="DM9" s="658"/>
      <c r="DN9" s="658"/>
      <c r="DO9" s="658"/>
      <c r="DP9" s="659"/>
      <c r="DQ9" s="663">
        <v>582869</v>
      </c>
      <c r="DR9" s="658"/>
      <c r="DS9" s="658"/>
      <c r="DT9" s="658"/>
      <c r="DU9" s="658"/>
      <c r="DV9" s="658"/>
      <c r="DW9" s="658"/>
      <c r="DX9" s="658"/>
      <c r="DY9" s="658"/>
      <c r="DZ9" s="658"/>
      <c r="EA9" s="658"/>
      <c r="EB9" s="658"/>
      <c r="EC9" s="694"/>
    </row>
    <row r="10" spans="2:143" ht="11.25" customHeight="1" x14ac:dyDescent="0.2">
      <c r="B10" s="654" t="s">
        <v>252</v>
      </c>
      <c r="C10" s="655"/>
      <c r="D10" s="655"/>
      <c r="E10" s="655"/>
      <c r="F10" s="655"/>
      <c r="G10" s="655"/>
      <c r="H10" s="655"/>
      <c r="I10" s="655"/>
      <c r="J10" s="655"/>
      <c r="K10" s="655"/>
      <c r="L10" s="655"/>
      <c r="M10" s="655"/>
      <c r="N10" s="655"/>
      <c r="O10" s="655"/>
      <c r="P10" s="655"/>
      <c r="Q10" s="656"/>
      <c r="R10" s="657" t="s">
        <v>140</v>
      </c>
      <c r="S10" s="658"/>
      <c r="T10" s="658"/>
      <c r="U10" s="658"/>
      <c r="V10" s="658"/>
      <c r="W10" s="658"/>
      <c r="X10" s="658"/>
      <c r="Y10" s="659"/>
      <c r="Z10" s="695" t="s">
        <v>140</v>
      </c>
      <c r="AA10" s="695"/>
      <c r="AB10" s="695"/>
      <c r="AC10" s="695"/>
      <c r="AD10" s="696" t="s">
        <v>140</v>
      </c>
      <c r="AE10" s="696"/>
      <c r="AF10" s="696"/>
      <c r="AG10" s="696"/>
      <c r="AH10" s="696"/>
      <c r="AI10" s="696"/>
      <c r="AJ10" s="696"/>
      <c r="AK10" s="696"/>
      <c r="AL10" s="660" t="s">
        <v>140</v>
      </c>
      <c r="AM10" s="661"/>
      <c r="AN10" s="661"/>
      <c r="AO10" s="697"/>
      <c r="AP10" s="654" t="s">
        <v>253</v>
      </c>
      <c r="AQ10" s="655"/>
      <c r="AR10" s="655"/>
      <c r="AS10" s="655"/>
      <c r="AT10" s="655"/>
      <c r="AU10" s="655"/>
      <c r="AV10" s="655"/>
      <c r="AW10" s="655"/>
      <c r="AX10" s="655"/>
      <c r="AY10" s="655"/>
      <c r="AZ10" s="655"/>
      <c r="BA10" s="655"/>
      <c r="BB10" s="655"/>
      <c r="BC10" s="655"/>
      <c r="BD10" s="655"/>
      <c r="BE10" s="655"/>
      <c r="BF10" s="656"/>
      <c r="BG10" s="657">
        <v>17297</v>
      </c>
      <c r="BH10" s="658"/>
      <c r="BI10" s="658"/>
      <c r="BJ10" s="658"/>
      <c r="BK10" s="658"/>
      <c r="BL10" s="658"/>
      <c r="BM10" s="658"/>
      <c r="BN10" s="659"/>
      <c r="BO10" s="695">
        <v>2</v>
      </c>
      <c r="BP10" s="695"/>
      <c r="BQ10" s="695"/>
      <c r="BR10" s="695"/>
      <c r="BS10" s="696" t="s">
        <v>140</v>
      </c>
      <c r="BT10" s="696"/>
      <c r="BU10" s="696"/>
      <c r="BV10" s="696"/>
      <c r="BW10" s="696"/>
      <c r="BX10" s="696"/>
      <c r="BY10" s="696"/>
      <c r="BZ10" s="696"/>
      <c r="CA10" s="696"/>
      <c r="CB10" s="736"/>
      <c r="CD10" s="654" t="s">
        <v>254</v>
      </c>
      <c r="CE10" s="655"/>
      <c r="CF10" s="655"/>
      <c r="CG10" s="655"/>
      <c r="CH10" s="655"/>
      <c r="CI10" s="655"/>
      <c r="CJ10" s="655"/>
      <c r="CK10" s="655"/>
      <c r="CL10" s="655"/>
      <c r="CM10" s="655"/>
      <c r="CN10" s="655"/>
      <c r="CO10" s="655"/>
      <c r="CP10" s="655"/>
      <c r="CQ10" s="656"/>
      <c r="CR10" s="657" t="s">
        <v>140</v>
      </c>
      <c r="CS10" s="658"/>
      <c r="CT10" s="658"/>
      <c r="CU10" s="658"/>
      <c r="CV10" s="658"/>
      <c r="CW10" s="658"/>
      <c r="CX10" s="658"/>
      <c r="CY10" s="659"/>
      <c r="CZ10" s="695" t="s">
        <v>140</v>
      </c>
      <c r="DA10" s="695"/>
      <c r="DB10" s="695"/>
      <c r="DC10" s="695"/>
      <c r="DD10" s="663" t="s">
        <v>140</v>
      </c>
      <c r="DE10" s="658"/>
      <c r="DF10" s="658"/>
      <c r="DG10" s="658"/>
      <c r="DH10" s="658"/>
      <c r="DI10" s="658"/>
      <c r="DJ10" s="658"/>
      <c r="DK10" s="658"/>
      <c r="DL10" s="658"/>
      <c r="DM10" s="658"/>
      <c r="DN10" s="658"/>
      <c r="DO10" s="658"/>
      <c r="DP10" s="659"/>
      <c r="DQ10" s="663" t="s">
        <v>140</v>
      </c>
      <c r="DR10" s="658"/>
      <c r="DS10" s="658"/>
      <c r="DT10" s="658"/>
      <c r="DU10" s="658"/>
      <c r="DV10" s="658"/>
      <c r="DW10" s="658"/>
      <c r="DX10" s="658"/>
      <c r="DY10" s="658"/>
      <c r="DZ10" s="658"/>
      <c r="EA10" s="658"/>
      <c r="EB10" s="658"/>
      <c r="EC10" s="694"/>
    </row>
    <row r="11" spans="2:143" ht="11.25" customHeight="1" x14ac:dyDescent="0.2">
      <c r="B11" s="654" t="s">
        <v>255</v>
      </c>
      <c r="C11" s="655"/>
      <c r="D11" s="655"/>
      <c r="E11" s="655"/>
      <c r="F11" s="655"/>
      <c r="G11" s="655"/>
      <c r="H11" s="655"/>
      <c r="I11" s="655"/>
      <c r="J11" s="655"/>
      <c r="K11" s="655"/>
      <c r="L11" s="655"/>
      <c r="M11" s="655"/>
      <c r="N11" s="655"/>
      <c r="O11" s="655"/>
      <c r="P11" s="655"/>
      <c r="Q11" s="656"/>
      <c r="R11" s="657">
        <v>145771</v>
      </c>
      <c r="S11" s="658"/>
      <c r="T11" s="658"/>
      <c r="U11" s="658"/>
      <c r="V11" s="658"/>
      <c r="W11" s="658"/>
      <c r="X11" s="658"/>
      <c r="Y11" s="659"/>
      <c r="Z11" s="660">
        <v>3.4</v>
      </c>
      <c r="AA11" s="661"/>
      <c r="AB11" s="661"/>
      <c r="AC11" s="662"/>
      <c r="AD11" s="663">
        <v>145771</v>
      </c>
      <c r="AE11" s="658"/>
      <c r="AF11" s="658"/>
      <c r="AG11" s="658"/>
      <c r="AH11" s="658"/>
      <c r="AI11" s="658"/>
      <c r="AJ11" s="658"/>
      <c r="AK11" s="659"/>
      <c r="AL11" s="660">
        <v>6</v>
      </c>
      <c r="AM11" s="661"/>
      <c r="AN11" s="661"/>
      <c r="AO11" s="697"/>
      <c r="AP11" s="654" t="s">
        <v>256</v>
      </c>
      <c r="AQ11" s="655"/>
      <c r="AR11" s="655"/>
      <c r="AS11" s="655"/>
      <c r="AT11" s="655"/>
      <c r="AU11" s="655"/>
      <c r="AV11" s="655"/>
      <c r="AW11" s="655"/>
      <c r="AX11" s="655"/>
      <c r="AY11" s="655"/>
      <c r="AZ11" s="655"/>
      <c r="BA11" s="655"/>
      <c r="BB11" s="655"/>
      <c r="BC11" s="655"/>
      <c r="BD11" s="655"/>
      <c r="BE11" s="655"/>
      <c r="BF11" s="656"/>
      <c r="BG11" s="657">
        <v>10001</v>
      </c>
      <c r="BH11" s="658"/>
      <c r="BI11" s="658"/>
      <c r="BJ11" s="658"/>
      <c r="BK11" s="658"/>
      <c r="BL11" s="658"/>
      <c r="BM11" s="658"/>
      <c r="BN11" s="659"/>
      <c r="BO11" s="695">
        <v>1.1000000000000001</v>
      </c>
      <c r="BP11" s="695"/>
      <c r="BQ11" s="695"/>
      <c r="BR11" s="695"/>
      <c r="BS11" s="696" t="s">
        <v>140</v>
      </c>
      <c r="BT11" s="696"/>
      <c r="BU11" s="696"/>
      <c r="BV11" s="696"/>
      <c r="BW11" s="696"/>
      <c r="BX11" s="696"/>
      <c r="BY11" s="696"/>
      <c r="BZ11" s="696"/>
      <c r="CA11" s="696"/>
      <c r="CB11" s="736"/>
      <c r="CD11" s="654" t="s">
        <v>257</v>
      </c>
      <c r="CE11" s="655"/>
      <c r="CF11" s="655"/>
      <c r="CG11" s="655"/>
      <c r="CH11" s="655"/>
      <c r="CI11" s="655"/>
      <c r="CJ11" s="655"/>
      <c r="CK11" s="655"/>
      <c r="CL11" s="655"/>
      <c r="CM11" s="655"/>
      <c r="CN11" s="655"/>
      <c r="CO11" s="655"/>
      <c r="CP11" s="655"/>
      <c r="CQ11" s="656"/>
      <c r="CR11" s="657">
        <v>56991</v>
      </c>
      <c r="CS11" s="658"/>
      <c r="CT11" s="658"/>
      <c r="CU11" s="658"/>
      <c r="CV11" s="658"/>
      <c r="CW11" s="658"/>
      <c r="CX11" s="658"/>
      <c r="CY11" s="659"/>
      <c r="CZ11" s="695">
        <v>1.4</v>
      </c>
      <c r="DA11" s="695"/>
      <c r="DB11" s="695"/>
      <c r="DC11" s="695"/>
      <c r="DD11" s="663">
        <v>12102</v>
      </c>
      <c r="DE11" s="658"/>
      <c r="DF11" s="658"/>
      <c r="DG11" s="658"/>
      <c r="DH11" s="658"/>
      <c r="DI11" s="658"/>
      <c r="DJ11" s="658"/>
      <c r="DK11" s="658"/>
      <c r="DL11" s="658"/>
      <c r="DM11" s="658"/>
      <c r="DN11" s="658"/>
      <c r="DO11" s="658"/>
      <c r="DP11" s="659"/>
      <c r="DQ11" s="663">
        <v>21814</v>
      </c>
      <c r="DR11" s="658"/>
      <c r="DS11" s="658"/>
      <c r="DT11" s="658"/>
      <c r="DU11" s="658"/>
      <c r="DV11" s="658"/>
      <c r="DW11" s="658"/>
      <c r="DX11" s="658"/>
      <c r="DY11" s="658"/>
      <c r="DZ11" s="658"/>
      <c r="EA11" s="658"/>
      <c r="EB11" s="658"/>
      <c r="EC11" s="694"/>
    </row>
    <row r="12" spans="2:143" ht="11.25" customHeight="1" x14ac:dyDescent="0.2">
      <c r="B12" s="654" t="s">
        <v>258</v>
      </c>
      <c r="C12" s="655"/>
      <c r="D12" s="655"/>
      <c r="E12" s="655"/>
      <c r="F12" s="655"/>
      <c r="G12" s="655"/>
      <c r="H12" s="655"/>
      <c r="I12" s="655"/>
      <c r="J12" s="655"/>
      <c r="K12" s="655"/>
      <c r="L12" s="655"/>
      <c r="M12" s="655"/>
      <c r="N12" s="655"/>
      <c r="O12" s="655"/>
      <c r="P12" s="655"/>
      <c r="Q12" s="656"/>
      <c r="R12" s="657" t="s">
        <v>140</v>
      </c>
      <c r="S12" s="658"/>
      <c r="T12" s="658"/>
      <c r="U12" s="658"/>
      <c r="V12" s="658"/>
      <c r="W12" s="658"/>
      <c r="X12" s="658"/>
      <c r="Y12" s="659"/>
      <c r="Z12" s="695" t="s">
        <v>140</v>
      </c>
      <c r="AA12" s="695"/>
      <c r="AB12" s="695"/>
      <c r="AC12" s="695"/>
      <c r="AD12" s="696" t="s">
        <v>140</v>
      </c>
      <c r="AE12" s="696"/>
      <c r="AF12" s="696"/>
      <c r="AG12" s="696"/>
      <c r="AH12" s="696"/>
      <c r="AI12" s="696"/>
      <c r="AJ12" s="696"/>
      <c r="AK12" s="696"/>
      <c r="AL12" s="660" t="s">
        <v>140</v>
      </c>
      <c r="AM12" s="661"/>
      <c r="AN12" s="661"/>
      <c r="AO12" s="697"/>
      <c r="AP12" s="654" t="s">
        <v>259</v>
      </c>
      <c r="AQ12" s="655"/>
      <c r="AR12" s="655"/>
      <c r="AS12" s="655"/>
      <c r="AT12" s="655"/>
      <c r="AU12" s="655"/>
      <c r="AV12" s="655"/>
      <c r="AW12" s="655"/>
      <c r="AX12" s="655"/>
      <c r="AY12" s="655"/>
      <c r="AZ12" s="655"/>
      <c r="BA12" s="655"/>
      <c r="BB12" s="655"/>
      <c r="BC12" s="655"/>
      <c r="BD12" s="655"/>
      <c r="BE12" s="655"/>
      <c r="BF12" s="656"/>
      <c r="BG12" s="657">
        <v>467252</v>
      </c>
      <c r="BH12" s="658"/>
      <c r="BI12" s="658"/>
      <c r="BJ12" s="658"/>
      <c r="BK12" s="658"/>
      <c r="BL12" s="658"/>
      <c r="BM12" s="658"/>
      <c r="BN12" s="659"/>
      <c r="BO12" s="695">
        <v>53.1</v>
      </c>
      <c r="BP12" s="695"/>
      <c r="BQ12" s="695"/>
      <c r="BR12" s="695"/>
      <c r="BS12" s="696" t="s">
        <v>140</v>
      </c>
      <c r="BT12" s="696"/>
      <c r="BU12" s="696"/>
      <c r="BV12" s="696"/>
      <c r="BW12" s="696"/>
      <c r="BX12" s="696"/>
      <c r="BY12" s="696"/>
      <c r="BZ12" s="696"/>
      <c r="CA12" s="696"/>
      <c r="CB12" s="736"/>
      <c r="CD12" s="654" t="s">
        <v>260</v>
      </c>
      <c r="CE12" s="655"/>
      <c r="CF12" s="655"/>
      <c r="CG12" s="655"/>
      <c r="CH12" s="655"/>
      <c r="CI12" s="655"/>
      <c r="CJ12" s="655"/>
      <c r="CK12" s="655"/>
      <c r="CL12" s="655"/>
      <c r="CM12" s="655"/>
      <c r="CN12" s="655"/>
      <c r="CO12" s="655"/>
      <c r="CP12" s="655"/>
      <c r="CQ12" s="656"/>
      <c r="CR12" s="657">
        <v>75129</v>
      </c>
      <c r="CS12" s="658"/>
      <c r="CT12" s="658"/>
      <c r="CU12" s="658"/>
      <c r="CV12" s="658"/>
      <c r="CW12" s="658"/>
      <c r="CX12" s="658"/>
      <c r="CY12" s="659"/>
      <c r="CZ12" s="695">
        <v>1.8</v>
      </c>
      <c r="DA12" s="695"/>
      <c r="DB12" s="695"/>
      <c r="DC12" s="695"/>
      <c r="DD12" s="663">
        <v>692</v>
      </c>
      <c r="DE12" s="658"/>
      <c r="DF12" s="658"/>
      <c r="DG12" s="658"/>
      <c r="DH12" s="658"/>
      <c r="DI12" s="658"/>
      <c r="DJ12" s="658"/>
      <c r="DK12" s="658"/>
      <c r="DL12" s="658"/>
      <c r="DM12" s="658"/>
      <c r="DN12" s="658"/>
      <c r="DO12" s="658"/>
      <c r="DP12" s="659"/>
      <c r="DQ12" s="663">
        <v>66979</v>
      </c>
      <c r="DR12" s="658"/>
      <c r="DS12" s="658"/>
      <c r="DT12" s="658"/>
      <c r="DU12" s="658"/>
      <c r="DV12" s="658"/>
      <c r="DW12" s="658"/>
      <c r="DX12" s="658"/>
      <c r="DY12" s="658"/>
      <c r="DZ12" s="658"/>
      <c r="EA12" s="658"/>
      <c r="EB12" s="658"/>
      <c r="EC12" s="694"/>
    </row>
    <row r="13" spans="2:143" ht="11.25" customHeight="1" x14ac:dyDescent="0.2">
      <c r="B13" s="654" t="s">
        <v>261</v>
      </c>
      <c r="C13" s="655"/>
      <c r="D13" s="655"/>
      <c r="E13" s="655"/>
      <c r="F13" s="655"/>
      <c r="G13" s="655"/>
      <c r="H13" s="655"/>
      <c r="I13" s="655"/>
      <c r="J13" s="655"/>
      <c r="K13" s="655"/>
      <c r="L13" s="655"/>
      <c r="M13" s="655"/>
      <c r="N13" s="655"/>
      <c r="O13" s="655"/>
      <c r="P13" s="655"/>
      <c r="Q13" s="656"/>
      <c r="R13" s="657" t="s">
        <v>140</v>
      </c>
      <c r="S13" s="658"/>
      <c r="T13" s="658"/>
      <c r="U13" s="658"/>
      <c r="V13" s="658"/>
      <c r="W13" s="658"/>
      <c r="X13" s="658"/>
      <c r="Y13" s="659"/>
      <c r="Z13" s="695" t="s">
        <v>140</v>
      </c>
      <c r="AA13" s="695"/>
      <c r="AB13" s="695"/>
      <c r="AC13" s="695"/>
      <c r="AD13" s="696" t="s">
        <v>140</v>
      </c>
      <c r="AE13" s="696"/>
      <c r="AF13" s="696"/>
      <c r="AG13" s="696"/>
      <c r="AH13" s="696"/>
      <c r="AI13" s="696"/>
      <c r="AJ13" s="696"/>
      <c r="AK13" s="696"/>
      <c r="AL13" s="660" t="s">
        <v>140</v>
      </c>
      <c r="AM13" s="661"/>
      <c r="AN13" s="661"/>
      <c r="AO13" s="697"/>
      <c r="AP13" s="654" t="s">
        <v>262</v>
      </c>
      <c r="AQ13" s="655"/>
      <c r="AR13" s="655"/>
      <c r="AS13" s="655"/>
      <c r="AT13" s="655"/>
      <c r="AU13" s="655"/>
      <c r="AV13" s="655"/>
      <c r="AW13" s="655"/>
      <c r="AX13" s="655"/>
      <c r="AY13" s="655"/>
      <c r="AZ13" s="655"/>
      <c r="BA13" s="655"/>
      <c r="BB13" s="655"/>
      <c r="BC13" s="655"/>
      <c r="BD13" s="655"/>
      <c r="BE13" s="655"/>
      <c r="BF13" s="656"/>
      <c r="BG13" s="657">
        <v>467252</v>
      </c>
      <c r="BH13" s="658"/>
      <c r="BI13" s="658"/>
      <c r="BJ13" s="658"/>
      <c r="BK13" s="658"/>
      <c r="BL13" s="658"/>
      <c r="BM13" s="658"/>
      <c r="BN13" s="659"/>
      <c r="BO13" s="695">
        <v>53.1</v>
      </c>
      <c r="BP13" s="695"/>
      <c r="BQ13" s="695"/>
      <c r="BR13" s="695"/>
      <c r="BS13" s="696" t="s">
        <v>140</v>
      </c>
      <c r="BT13" s="696"/>
      <c r="BU13" s="696"/>
      <c r="BV13" s="696"/>
      <c r="BW13" s="696"/>
      <c r="BX13" s="696"/>
      <c r="BY13" s="696"/>
      <c r="BZ13" s="696"/>
      <c r="CA13" s="696"/>
      <c r="CB13" s="736"/>
      <c r="CD13" s="654" t="s">
        <v>263</v>
      </c>
      <c r="CE13" s="655"/>
      <c r="CF13" s="655"/>
      <c r="CG13" s="655"/>
      <c r="CH13" s="655"/>
      <c r="CI13" s="655"/>
      <c r="CJ13" s="655"/>
      <c r="CK13" s="655"/>
      <c r="CL13" s="655"/>
      <c r="CM13" s="655"/>
      <c r="CN13" s="655"/>
      <c r="CO13" s="655"/>
      <c r="CP13" s="655"/>
      <c r="CQ13" s="656"/>
      <c r="CR13" s="657">
        <v>322944</v>
      </c>
      <c r="CS13" s="658"/>
      <c r="CT13" s="658"/>
      <c r="CU13" s="658"/>
      <c r="CV13" s="658"/>
      <c r="CW13" s="658"/>
      <c r="CX13" s="658"/>
      <c r="CY13" s="659"/>
      <c r="CZ13" s="695">
        <v>7.8</v>
      </c>
      <c r="DA13" s="695"/>
      <c r="DB13" s="695"/>
      <c r="DC13" s="695"/>
      <c r="DD13" s="663">
        <v>98527</v>
      </c>
      <c r="DE13" s="658"/>
      <c r="DF13" s="658"/>
      <c r="DG13" s="658"/>
      <c r="DH13" s="658"/>
      <c r="DI13" s="658"/>
      <c r="DJ13" s="658"/>
      <c r="DK13" s="658"/>
      <c r="DL13" s="658"/>
      <c r="DM13" s="658"/>
      <c r="DN13" s="658"/>
      <c r="DO13" s="658"/>
      <c r="DP13" s="659"/>
      <c r="DQ13" s="663">
        <v>195469</v>
      </c>
      <c r="DR13" s="658"/>
      <c r="DS13" s="658"/>
      <c r="DT13" s="658"/>
      <c r="DU13" s="658"/>
      <c r="DV13" s="658"/>
      <c r="DW13" s="658"/>
      <c r="DX13" s="658"/>
      <c r="DY13" s="658"/>
      <c r="DZ13" s="658"/>
      <c r="EA13" s="658"/>
      <c r="EB13" s="658"/>
      <c r="EC13" s="694"/>
    </row>
    <row r="14" spans="2:143" ht="11.25" customHeight="1" x14ac:dyDescent="0.2">
      <c r="B14" s="654" t="s">
        <v>264</v>
      </c>
      <c r="C14" s="655"/>
      <c r="D14" s="655"/>
      <c r="E14" s="655"/>
      <c r="F14" s="655"/>
      <c r="G14" s="655"/>
      <c r="H14" s="655"/>
      <c r="I14" s="655"/>
      <c r="J14" s="655"/>
      <c r="K14" s="655"/>
      <c r="L14" s="655"/>
      <c r="M14" s="655"/>
      <c r="N14" s="655"/>
      <c r="O14" s="655"/>
      <c r="P14" s="655"/>
      <c r="Q14" s="656"/>
      <c r="R14" s="657">
        <v>36</v>
      </c>
      <c r="S14" s="658"/>
      <c r="T14" s="658"/>
      <c r="U14" s="658"/>
      <c r="V14" s="658"/>
      <c r="W14" s="658"/>
      <c r="X14" s="658"/>
      <c r="Y14" s="659"/>
      <c r="Z14" s="695">
        <v>0</v>
      </c>
      <c r="AA14" s="695"/>
      <c r="AB14" s="695"/>
      <c r="AC14" s="695"/>
      <c r="AD14" s="696">
        <v>36</v>
      </c>
      <c r="AE14" s="696"/>
      <c r="AF14" s="696"/>
      <c r="AG14" s="696"/>
      <c r="AH14" s="696"/>
      <c r="AI14" s="696"/>
      <c r="AJ14" s="696"/>
      <c r="AK14" s="696"/>
      <c r="AL14" s="660">
        <v>0</v>
      </c>
      <c r="AM14" s="661"/>
      <c r="AN14" s="661"/>
      <c r="AO14" s="697"/>
      <c r="AP14" s="654" t="s">
        <v>265</v>
      </c>
      <c r="AQ14" s="655"/>
      <c r="AR14" s="655"/>
      <c r="AS14" s="655"/>
      <c r="AT14" s="655"/>
      <c r="AU14" s="655"/>
      <c r="AV14" s="655"/>
      <c r="AW14" s="655"/>
      <c r="AX14" s="655"/>
      <c r="AY14" s="655"/>
      <c r="AZ14" s="655"/>
      <c r="BA14" s="655"/>
      <c r="BB14" s="655"/>
      <c r="BC14" s="655"/>
      <c r="BD14" s="655"/>
      <c r="BE14" s="655"/>
      <c r="BF14" s="656"/>
      <c r="BG14" s="657">
        <v>18062</v>
      </c>
      <c r="BH14" s="658"/>
      <c r="BI14" s="658"/>
      <c r="BJ14" s="658"/>
      <c r="BK14" s="658"/>
      <c r="BL14" s="658"/>
      <c r="BM14" s="658"/>
      <c r="BN14" s="659"/>
      <c r="BO14" s="695">
        <v>2.1</v>
      </c>
      <c r="BP14" s="695"/>
      <c r="BQ14" s="695"/>
      <c r="BR14" s="695"/>
      <c r="BS14" s="696" t="s">
        <v>140</v>
      </c>
      <c r="BT14" s="696"/>
      <c r="BU14" s="696"/>
      <c r="BV14" s="696"/>
      <c r="BW14" s="696"/>
      <c r="BX14" s="696"/>
      <c r="BY14" s="696"/>
      <c r="BZ14" s="696"/>
      <c r="CA14" s="696"/>
      <c r="CB14" s="736"/>
      <c r="CD14" s="654" t="s">
        <v>266</v>
      </c>
      <c r="CE14" s="655"/>
      <c r="CF14" s="655"/>
      <c r="CG14" s="655"/>
      <c r="CH14" s="655"/>
      <c r="CI14" s="655"/>
      <c r="CJ14" s="655"/>
      <c r="CK14" s="655"/>
      <c r="CL14" s="655"/>
      <c r="CM14" s="655"/>
      <c r="CN14" s="655"/>
      <c r="CO14" s="655"/>
      <c r="CP14" s="655"/>
      <c r="CQ14" s="656"/>
      <c r="CR14" s="657">
        <v>198656</v>
      </c>
      <c r="CS14" s="658"/>
      <c r="CT14" s="658"/>
      <c r="CU14" s="658"/>
      <c r="CV14" s="658"/>
      <c r="CW14" s="658"/>
      <c r="CX14" s="658"/>
      <c r="CY14" s="659"/>
      <c r="CZ14" s="695">
        <v>4.8</v>
      </c>
      <c r="DA14" s="695"/>
      <c r="DB14" s="695"/>
      <c r="DC14" s="695"/>
      <c r="DD14" s="663">
        <v>18160</v>
      </c>
      <c r="DE14" s="658"/>
      <c r="DF14" s="658"/>
      <c r="DG14" s="658"/>
      <c r="DH14" s="658"/>
      <c r="DI14" s="658"/>
      <c r="DJ14" s="658"/>
      <c r="DK14" s="658"/>
      <c r="DL14" s="658"/>
      <c r="DM14" s="658"/>
      <c r="DN14" s="658"/>
      <c r="DO14" s="658"/>
      <c r="DP14" s="659"/>
      <c r="DQ14" s="663">
        <v>176173</v>
      </c>
      <c r="DR14" s="658"/>
      <c r="DS14" s="658"/>
      <c r="DT14" s="658"/>
      <c r="DU14" s="658"/>
      <c r="DV14" s="658"/>
      <c r="DW14" s="658"/>
      <c r="DX14" s="658"/>
      <c r="DY14" s="658"/>
      <c r="DZ14" s="658"/>
      <c r="EA14" s="658"/>
      <c r="EB14" s="658"/>
      <c r="EC14" s="694"/>
    </row>
    <row r="15" spans="2:143" ht="11.25" customHeight="1" x14ac:dyDescent="0.2">
      <c r="B15" s="654" t="s">
        <v>267</v>
      </c>
      <c r="C15" s="655"/>
      <c r="D15" s="655"/>
      <c r="E15" s="655"/>
      <c r="F15" s="655"/>
      <c r="G15" s="655"/>
      <c r="H15" s="655"/>
      <c r="I15" s="655"/>
      <c r="J15" s="655"/>
      <c r="K15" s="655"/>
      <c r="L15" s="655"/>
      <c r="M15" s="655"/>
      <c r="N15" s="655"/>
      <c r="O15" s="655"/>
      <c r="P15" s="655"/>
      <c r="Q15" s="656"/>
      <c r="R15" s="657" t="s">
        <v>140</v>
      </c>
      <c r="S15" s="658"/>
      <c r="T15" s="658"/>
      <c r="U15" s="658"/>
      <c r="V15" s="658"/>
      <c r="W15" s="658"/>
      <c r="X15" s="658"/>
      <c r="Y15" s="659"/>
      <c r="Z15" s="695" t="s">
        <v>140</v>
      </c>
      <c r="AA15" s="695"/>
      <c r="AB15" s="695"/>
      <c r="AC15" s="695"/>
      <c r="AD15" s="696" t="s">
        <v>140</v>
      </c>
      <c r="AE15" s="696"/>
      <c r="AF15" s="696"/>
      <c r="AG15" s="696"/>
      <c r="AH15" s="696"/>
      <c r="AI15" s="696"/>
      <c r="AJ15" s="696"/>
      <c r="AK15" s="696"/>
      <c r="AL15" s="660" t="s">
        <v>140</v>
      </c>
      <c r="AM15" s="661"/>
      <c r="AN15" s="661"/>
      <c r="AO15" s="697"/>
      <c r="AP15" s="654" t="s">
        <v>268</v>
      </c>
      <c r="AQ15" s="655"/>
      <c r="AR15" s="655"/>
      <c r="AS15" s="655"/>
      <c r="AT15" s="655"/>
      <c r="AU15" s="655"/>
      <c r="AV15" s="655"/>
      <c r="AW15" s="655"/>
      <c r="AX15" s="655"/>
      <c r="AY15" s="655"/>
      <c r="AZ15" s="655"/>
      <c r="BA15" s="655"/>
      <c r="BB15" s="655"/>
      <c r="BC15" s="655"/>
      <c r="BD15" s="655"/>
      <c r="BE15" s="655"/>
      <c r="BF15" s="656"/>
      <c r="BG15" s="657">
        <v>48509</v>
      </c>
      <c r="BH15" s="658"/>
      <c r="BI15" s="658"/>
      <c r="BJ15" s="658"/>
      <c r="BK15" s="658"/>
      <c r="BL15" s="658"/>
      <c r="BM15" s="658"/>
      <c r="BN15" s="659"/>
      <c r="BO15" s="695">
        <v>5.5</v>
      </c>
      <c r="BP15" s="695"/>
      <c r="BQ15" s="695"/>
      <c r="BR15" s="695"/>
      <c r="BS15" s="696" t="s">
        <v>140</v>
      </c>
      <c r="BT15" s="696"/>
      <c r="BU15" s="696"/>
      <c r="BV15" s="696"/>
      <c r="BW15" s="696"/>
      <c r="BX15" s="696"/>
      <c r="BY15" s="696"/>
      <c r="BZ15" s="696"/>
      <c r="CA15" s="696"/>
      <c r="CB15" s="736"/>
      <c r="CD15" s="654" t="s">
        <v>269</v>
      </c>
      <c r="CE15" s="655"/>
      <c r="CF15" s="655"/>
      <c r="CG15" s="655"/>
      <c r="CH15" s="655"/>
      <c r="CI15" s="655"/>
      <c r="CJ15" s="655"/>
      <c r="CK15" s="655"/>
      <c r="CL15" s="655"/>
      <c r="CM15" s="655"/>
      <c r="CN15" s="655"/>
      <c r="CO15" s="655"/>
      <c r="CP15" s="655"/>
      <c r="CQ15" s="656"/>
      <c r="CR15" s="657">
        <v>414399</v>
      </c>
      <c r="CS15" s="658"/>
      <c r="CT15" s="658"/>
      <c r="CU15" s="658"/>
      <c r="CV15" s="658"/>
      <c r="CW15" s="658"/>
      <c r="CX15" s="658"/>
      <c r="CY15" s="659"/>
      <c r="CZ15" s="695">
        <v>10.1</v>
      </c>
      <c r="DA15" s="695"/>
      <c r="DB15" s="695"/>
      <c r="DC15" s="695"/>
      <c r="DD15" s="663">
        <v>45227</v>
      </c>
      <c r="DE15" s="658"/>
      <c r="DF15" s="658"/>
      <c r="DG15" s="658"/>
      <c r="DH15" s="658"/>
      <c r="DI15" s="658"/>
      <c r="DJ15" s="658"/>
      <c r="DK15" s="658"/>
      <c r="DL15" s="658"/>
      <c r="DM15" s="658"/>
      <c r="DN15" s="658"/>
      <c r="DO15" s="658"/>
      <c r="DP15" s="659"/>
      <c r="DQ15" s="663">
        <v>353354</v>
      </c>
      <c r="DR15" s="658"/>
      <c r="DS15" s="658"/>
      <c r="DT15" s="658"/>
      <c r="DU15" s="658"/>
      <c r="DV15" s="658"/>
      <c r="DW15" s="658"/>
      <c r="DX15" s="658"/>
      <c r="DY15" s="658"/>
      <c r="DZ15" s="658"/>
      <c r="EA15" s="658"/>
      <c r="EB15" s="658"/>
      <c r="EC15" s="694"/>
    </row>
    <row r="16" spans="2:143" ht="11.25" customHeight="1" x14ac:dyDescent="0.2">
      <c r="B16" s="654" t="s">
        <v>270</v>
      </c>
      <c r="C16" s="655"/>
      <c r="D16" s="655"/>
      <c r="E16" s="655"/>
      <c r="F16" s="655"/>
      <c r="G16" s="655"/>
      <c r="H16" s="655"/>
      <c r="I16" s="655"/>
      <c r="J16" s="655"/>
      <c r="K16" s="655"/>
      <c r="L16" s="655"/>
      <c r="M16" s="655"/>
      <c r="N16" s="655"/>
      <c r="O16" s="655"/>
      <c r="P16" s="655"/>
      <c r="Q16" s="656"/>
      <c r="R16" s="657">
        <v>3785</v>
      </c>
      <c r="S16" s="658"/>
      <c r="T16" s="658"/>
      <c r="U16" s="658"/>
      <c r="V16" s="658"/>
      <c r="W16" s="658"/>
      <c r="X16" s="658"/>
      <c r="Y16" s="659"/>
      <c r="Z16" s="695">
        <v>0.1</v>
      </c>
      <c r="AA16" s="695"/>
      <c r="AB16" s="695"/>
      <c r="AC16" s="695"/>
      <c r="AD16" s="696">
        <v>3785</v>
      </c>
      <c r="AE16" s="696"/>
      <c r="AF16" s="696"/>
      <c r="AG16" s="696"/>
      <c r="AH16" s="696"/>
      <c r="AI16" s="696"/>
      <c r="AJ16" s="696"/>
      <c r="AK16" s="696"/>
      <c r="AL16" s="660">
        <v>0.2</v>
      </c>
      <c r="AM16" s="661"/>
      <c r="AN16" s="661"/>
      <c r="AO16" s="697"/>
      <c r="AP16" s="654" t="s">
        <v>271</v>
      </c>
      <c r="AQ16" s="655"/>
      <c r="AR16" s="655"/>
      <c r="AS16" s="655"/>
      <c r="AT16" s="655"/>
      <c r="AU16" s="655"/>
      <c r="AV16" s="655"/>
      <c r="AW16" s="655"/>
      <c r="AX16" s="655"/>
      <c r="AY16" s="655"/>
      <c r="AZ16" s="655"/>
      <c r="BA16" s="655"/>
      <c r="BB16" s="655"/>
      <c r="BC16" s="655"/>
      <c r="BD16" s="655"/>
      <c r="BE16" s="655"/>
      <c r="BF16" s="656"/>
      <c r="BG16" s="657" t="s">
        <v>140</v>
      </c>
      <c r="BH16" s="658"/>
      <c r="BI16" s="658"/>
      <c r="BJ16" s="658"/>
      <c r="BK16" s="658"/>
      <c r="BL16" s="658"/>
      <c r="BM16" s="658"/>
      <c r="BN16" s="659"/>
      <c r="BO16" s="695" t="s">
        <v>140</v>
      </c>
      <c r="BP16" s="695"/>
      <c r="BQ16" s="695"/>
      <c r="BR16" s="695"/>
      <c r="BS16" s="696" t="s">
        <v>140</v>
      </c>
      <c r="BT16" s="696"/>
      <c r="BU16" s="696"/>
      <c r="BV16" s="696"/>
      <c r="BW16" s="696"/>
      <c r="BX16" s="696"/>
      <c r="BY16" s="696"/>
      <c r="BZ16" s="696"/>
      <c r="CA16" s="696"/>
      <c r="CB16" s="736"/>
      <c r="CD16" s="654" t="s">
        <v>272</v>
      </c>
      <c r="CE16" s="655"/>
      <c r="CF16" s="655"/>
      <c r="CG16" s="655"/>
      <c r="CH16" s="655"/>
      <c r="CI16" s="655"/>
      <c r="CJ16" s="655"/>
      <c r="CK16" s="655"/>
      <c r="CL16" s="655"/>
      <c r="CM16" s="655"/>
      <c r="CN16" s="655"/>
      <c r="CO16" s="655"/>
      <c r="CP16" s="655"/>
      <c r="CQ16" s="656"/>
      <c r="CR16" s="657" t="s">
        <v>140</v>
      </c>
      <c r="CS16" s="658"/>
      <c r="CT16" s="658"/>
      <c r="CU16" s="658"/>
      <c r="CV16" s="658"/>
      <c r="CW16" s="658"/>
      <c r="CX16" s="658"/>
      <c r="CY16" s="659"/>
      <c r="CZ16" s="695" t="s">
        <v>140</v>
      </c>
      <c r="DA16" s="695"/>
      <c r="DB16" s="695"/>
      <c r="DC16" s="695"/>
      <c r="DD16" s="663" t="s">
        <v>140</v>
      </c>
      <c r="DE16" s="658"/>
      <c r="DF16" s="658"/>
      <c r="DG16" s="658"/>
      <c r="DH16" s="658"/>
      <c r="DI16" s="658"/>
      <c r="DJ16" s="658"/>
      <c r="DK16" s="658"/>
      <c r="DL16" s="658"/>
      <c r="DM16" s="658"/>
      <c r="DN16" s="658"/>
      <c r="DO16" s="658"/>
      <c r="DP16" s="659"/>
      <c r="DQ16" s="663" t="s">
        <v>140</v>
      </c>
      <c r="DR16" s="658"/>
      <c r="DS16" s="658"/>
      <c r="DT16" s="658"/>
      <c r="DU16" s="658"/>
      <c r="DV16" s="658"/>
      <c r="DW16" s="658"/>
      <c r="DX16" s="658"/>
      <c r="DY16" s="658"/>
      <c r="DZ16" s="658"/>
      <c r="EA16" s="658"/>
      <c r="EB16" s="658"/>
      <c r="EC16" s="694"/>
    </row>
    <row r="17" spans="2:133" ht="11.25" customHeight="1" x14ac:dyDescent="0.2">
      <c r="B17" s="654" t="s">
        <v>273</v>
      </c>
      <c r="C17" s="655"/>
      <c r="D17" s="655"/>
      <c r="E17" s="655"/>
      <c r="F17" s="655"/>
      <c r="G17" s="655"/>
      <c r="H17" s="655"/>
      <c r="I17" s="655"/>
      <c r="J17" s="655"/>
      <c r="K17" s="655"/>
      <c r="L17" s="655"/>
      <c r="M17" s="655"/>
      <c r="N17" s="655"/>
      <c r="O17" s="655"/>
      <c r="P17" s="655"/>
      <c r="Q17" s="656"/>
      <c r="R17" s="657">
        <v>8152</v>
      </c>
      <c r="S17" s="658"/>
      <c r="T17" s="658"/>
      <c r="U17" s="658"/>
      <c r="V17" s="658"/>
      <c r="W17" s="658"/>
      <c r="X17" s="658"/>
      <c r="Y17" s="659"/>
      <c r="Z17" s="695">
        <v>0.2</v>
      </c>
      <c r="AA17" s="695"/>
      <c r="AB17" s="695"/>
      <c r="AC17" s="695"/>
      <c r="AD17" s="696">
        <v>8152</v>
      </c>
      <c r="AE17" s="696"/>
      <c r="AF17" s="696"/>
      <c r="AG17" s="696"/>
      <c r="AH17" s="696"/>
      <c r="AI17" s="696"/>
      <c r="AJ17" s="696"/>
      <c r="AK17" s="696"/>
      <c r="AL17" s="660">
        <v>0.3</v>
      </c>
      <c r="AM17" s="661"/>
      <c r="AN17" s="661"/>
      <c r="AO17" s="697"/>
      <c r="AP17" s="654" t="s">
        <v>274</v>
      </c>
      <c r="AQ17" s="655"/>
      <c r="AR17" s="655"/>
      <c r="AS17" s="655"/>
      <c r="AT17" s="655"/>
      <c r="AU17" s="655"/>
      <c r="AV17" s="655"/>
      <c r="AW17" s="655"/>
      <c r="AX17" s="655"/>
      <c r="AY17" s="655"/>
      <c r="AZ17" s="655"/>
      <c r="BA17" s="655"/>
      <c r="BB17" s="655"/>
      <c r="BC17" s="655"/>
      <c r="BD17" s="655"/>
      <c r="BE17" s="655"/>
      <c r="BF17" s="656"/>
      <c r="BG17" s="657" t="s">
        <v>140</v>
      </c>
      <c r="BH17" s="658"/>
      <c r="BI17" s="658"/>
      <c r="BJ17" s="658"/>
      <c r="BK17" s="658"/>
      <c r="BL17" s="658"/>
      <c r="BM17" s="658"/>
      <c r="BN17" s="659"/>
      <c r="BO17" s="695" t="s">
        <v>140</v>
      </c>
      <c r="BP17" s="695"/>
      <c r="BQ17" s="695"/>
      <c r="BR17" s="695"/>
      <c r="BS17" s="696" t="s">
        <v>140</v>
      </c>
      <c r="BT17" s="696"/>
      <c r="BU17" s="696"/>
      <c r="BV17" s="696"/>
      <c r="BW17" s="696"/>
      <c r="BX17" s="696"/>
      <c r="BY17" s="696"/>
      <c r="BZ17" s="696"/>
      <c r="CA17" s="696"/>
      <c r="CB17" s="736"/>
      <c r="CD17" s="654" t="s">
        <v>275</v>
      </c>
      <c r="CE17" s="655"/>
      <c r="CF17" s="655"/>
      <c r="CG17" s="655"/>
      <c r="CH17" s="655"/>
      <c r="CI17" s="655"/>
      <c r="CJ17" s="655"/>
      <c r="CK17" s="655"/>
      <c r="CL17" s="655"/>
      <c r="CM17" s="655"/>
      <c r="CN17" s="655"/>
      <c r="CO17" s="655"/>
      <c r="CP17" s="655"/>
      <c r="CQ17" s="656"/>
      <c r="CR17" s="657">
        <v>405608</v>
      </c>
      <c r="CS17" s="658"/>
      <c r="CT17" s="658"/>
      <c r="CU17" s="658"/>
      <c r="CV17" s="658"/>
      <c r="CW17" s="658"/>
      <c r="CX17" s="658"/>
      <c r="CY17" s="659"/>
      <c r="CZ17" s="695">
        <v>9.8000000000000007</v>
      </c>
      <c r="DA17" s="695"/>
      <c r="DB17" s="695"/>
      <c r="DC17" s="695"/>
      <c r="DD17" s="663" t="s">
        <v>140</v>
      </c>
      <c r="DE17" s="658"/>
      <c r="DF17" s="658"/>
      <c r="DG17" s="658"/>
      <c r="DH17" s="658"/>
      <c r="DI17" s="658"/>
      <c r="DJ17" s="658"/>
      <c r="DK17" s="658"/>
      <c r="DL17" s="658"/>
      <c r="DM17" s="658"/>
      <c r="DN17" s="658"/>
      <c r="DO17" s="658"/>
      <c r="DP17" s="659"/>
      <c r="DQ17" s="663">
        <v>399758</v>
      </c>
      <c r="DR17" s="658"/>
      <c r="DS17" s="658"/>
      <c r="DT17" s="658"/>
      <c r="DU17" s="658"/>
      <c r="DV17" s="658"/>
      <c r="DW17" s="658"/>
      <c r="DX17" s="658"/>
      <c r="DY17" s="658"/>
      <c r="DZ17" s="658"/>
      <c r="EA17" s="658"/>
      <c r="EB17" s="658"/>
      <c r="EC17" s="694"/>
    </row>
    <row r="18" spans="2:133" ht="11.25" customHeight="1" x14ac:dyDescent="0.2">
      <c r="B18" s="654" t="s">
        <v>276</v>
      </c>
      <c r="C18" s="655"/>
      <c r="D18" s="655"/>
      <c r="E18" s="655"/>
      <c r="F18" s="655"/>
      <c r="G18" s="655"/>
      <c r="H18" s="655"/>
      <c r="I18" s="655"/>
      <c r="J18" s="655"/>
      <c r="K18" s="655"/>
      <c r="L18" s="655"/>
      <c r="M18" s="655"/>
      <c r="N18" s="655"/>
      <c r="O18" s="655"/>
      <c r="P18" s="655"/>
      <c r="Q18" s="656"/>
      <c r="R18" s="657">
        <v>3113</v>
      </c>
      <c r="S18" s="658"/>
      <c r="T18" s="658"/>
      <c r="U18" s="658"/>
      <c r="V18" s="658"/>
      <c r="W18" s="658"/>
      <c r="X18" s="658"/>
      <c r="Y18" s="659"/>
      <c r="Z18" s="695">
        <v>0.1</v>
      </c>
      <c r="AA18" s="695"/>
      <c r="AB18" s="695"/>
      <c r="AC18" s="695"/>
      <c r="AD18" s="696">
        <v>3113</v>
      </c>
      <c r="AE18" s="696"/>
      <c r="AF18" s="696"/>
      <c r="AG18" s="696"/>
      <c r="AH18" s="696"/>
      <c r="AI18" s="696"/>
      <c r="AJ18" s="696"/>
      <c r="AK18" s="696"/>
      <c r="AL18" s="660">
        <v>0.1</v>
      </c>
      <c r="AM18" s="661"/>
      <c r="AN18" s="661"/>
      <c r="AO18" s="697"/>
      <c r="AP18" s="654" t="s">
        <v>277</v>
      </c>
      <c r="AQ18" s="655"/>
      <c r="AR18" s="655"/>
      <c r="AS18" s="655"/>
      <c r="AT18" s="655"/>
      <c r="AU18" s="655"/>
      <c r="AV18" s="655"/>
      <c r="AW18" s="655"/>
      <c r="AX18" s="655"/>
      <c r="AY18" s="655"/>
      <c r="AZ18" s="655"/>
      <c r="BA18" s="655"/>
      <c r="BB18" s="655"/>
      <c r="BC18" s="655"/>
      <c r="BD18" s="655"/>
      <c r="BE18" s="655"/>
      <c r="BF18" s="656"/>
      <c r="BG18" s="657" t="s">
        <v>140</v>
      </c>
      <c r="BH18" s="658"/>
      <c r="BI18" s="658"/>
      <c r="BJ18" s="658"/>
      <c r="BK18" s="658"/>
      <c r="BL18" s="658"/>
      <c r="BM18" s="658"/>
      <c r="BN18" s="659"/>
      <c r="BO18" s="695" t="s">
        <v>140</v>
      </c>
      <c r="BP18" s="695"/>
      <c r="BQ18" s="695"/>
      <c r="BR18" s="695"/>
      <c r="BS18" s="696" t="s">
        <v>140</v>
      </c>
      <c r="BT18" s="696"/>
      <c r="BU18" s="696"/>
      <c r="BV18" s="696"/>
      <c r="BW18" s="696"/>
      <c r="BX18" s="696"/>
      <c r="BY18" s="696"/>
      <c r="BZ18" s="696"/>
      <c r="CA18" s="696"/>
      <c r="CB18" s="736"/>
      <c r="CD18" s="654" t="s">
        <v>278</v>
      </c>
      <c r="CE18" s="655"/>
      <c r="CF18" s="655"/>
      <c r="CG18" s="655"/>
      <c r="CH18" s="655"/>
      <c r="CI18" s="655"/>
      <c r="CJ18" s="655"/>
      <c r="CK18" s="655"/>
      <c r="CL18" s="655"/>
      <c r="CM18" s="655"/>
      <c r="CN18" s="655"/>
      <c r="CO18" s="655"/>
      <c r="CP18" s="655"/>
      <c r="CQ18" s="656"/>
      <c r="CR18" s="657" t="s">
        <v>140</v>
      </c>
      <c r="CS18" s="658"/>
      <c r="CT18" s="658"/>
      <c r="CU18" s="658"/>
      <c r="CV18" s="658"/>
      <c r="CW18" s="658"/>
      <c r="CX18" s="658"/>
      <c r="CY18" s="659"/>
      <c r="CZ18" s="695" t="s">
        <v>140</v>
      </c>
      <c r="DA18" s="695"/>
      <c r="DB18" s="695"/>
      <c r="DC18" s="695"/>
      <c r="DD18" s="663" t="s">
        <v>140</v>
      </c>
      <c r="DE18" s="658"/>
      <c r="DF18" s="658"/>
      <c r="DG18" s="658"/>
      <c r="DH18" s="658"/>
      <c r="DI18" s="658"/>
      <c r="DJ18" s="658"/>
      <c r="DK18" s="658"/>
      <c r="DL18" s="658"/>
      <c r="DM18" s="658"/>
      <c r="DN18" s="658"/>
      <c r="DO18" s="658"/>
      <c r="DP18" s="659"/>
      <c r="DQ18" s="663" t="s">
        <v>140</v>
      </c>
      <c r="DR18" s="658"/>
      <c r="DS18" s="658"/>
      <c r="DT18" s="658"/>
      <c r="DU18" s="658"/>
      <c r="DV18" s="658"/>
      <c r="DW18" s="658"/>
      <c r="DX18" s="658"/>
      <c r="DY18" s="658"/>
      <c r="DZ18" s="658"/>
      <c r="EA18" s="658"/>
      <c r="EB18" s="658"/>
      <c r="EC18" s="694"/>
    </row>
    <row r="19" spans="2:133" ht="11.25" customHeight="1" x14ac:dyDescent="0.2">
      <c r="B19" s="654" t="s">
        <v>279</v>
      </c>
      <c r="C19" s="655"/>
      <c r="D19" s="655"/>
      <c r="E19" s="655"/>
      <c r="F19" s="655"/>
      <c r="G19" s="655"/>
      <c r="H19" s="655"/>
      <c r="I19" s="655"/>
      <c r="J19" s="655"/>
      <c r="K19" s="655"/>
      <c r="L19" s="655"/>
      <c r="M19" s="655"/>
      <c r="N19" s="655"/>
      <c r="O19" s="655"/>
      <c r="P19" s="655"/>
      <c r="Q19" s="656"/>
      <c r="R19" s="657">
        <v>3113</v>
      </c>
      <c r="S19" s="658"/>
      <c r="T19" s="658"/>
      <c r="U19" s="658"/>
      <c r="V19" s="658"/>
      <c r="W19" s="658"/>
      <c r="X19" s="658"/>
      <c r="Y19" s="659"/>
      <c r="Z19" s="695">
        <v>0.1</v>
      </c>
      <c r="AA19" s="695"/>
      <c r="AB19" s="695"/>
      <c r="AC19" s="695"/>
      <c r="AD19" s="696">
        <v>3113</v>
      </c>
      <c r="AE19" s="696"/>
      <c r="AF19" s="696"/>
      <c r="AG19" s="696"/>
      <c r="AH19" s="696"/>
      <c r="AI19" s="696"/>
      <c r="AJ19" s="696"/>
      <c r="AK19" s="696"/>
      <c r="AL19" s="660">
        <v>0.1</v>
      </c>
      <c r="AM19" s="661"/>
      <c r="AN19" s="661"/>
      <c r="AO19" s="697"/>
      <c r="AP19" s="654" t="s">
        <v>280</v>
      </c>
      <c r="AQ19" s="655"/>
      <c r="AR19" s="655"/>
      <c r="AS19" s="655"/>
      <c r="AT19" s="655"/>
      <c r="AU19" s="655"/>
      <c r="AV19" s="655"/>
      <c r="AW19" s="655"/>
      <c r="AX19" s="655"/>
      <c r="AY19" s="655"/>
      <c r="AZ19" s="655"/>
      <c r="BA19" s="655"/>
      <c r="BB19" s="655"/>
      <c r="BC19" s="655"/>
      <c r="BD19" s="655"/>
      <c r="BE19" s="655"/>
      <c r="BF19" s="656"/>
      <c r="BG19" s="657" t="s">
        <v>140</v>
      </c>
      <c r="BH19" s="658"/>
      <c r="BI19" s="658"/>
      <c r="BJ19" s="658"/>
      <c r="BK19" s="658"/>
      <c r="BL19" s="658"/>
      <c r="BM19" s="658"/>
      <c r="BN19" s="659"/>
      <c r="BO19" s="695" t="s">
        <v>140</v>
      </c>
      <c r="BP19" s="695"/>
      <c r="BQ19" s="695"/>
      <c r="BR19" s="695"/>
      <c r="BS19" s="696" t="s">
        <v>140</v>
      </c>
      <c r="BT19" s="696"/>
      <c r="BU19" s="696"/>
      <c r="BV19" s="696"/>
      <c r="BW19" s="696"/>
      <c r="BX19" s="696"/>
      <c r="BY19" s="696"/>
      <c r="BZ19" s="696"/>
      <c r="CA19" s="696"/>
      <c r="CB19" s="736"/>
      <c r="CD19" s="654" t="s">
        <v>281</v>
      </c>
      <c r="CE19" s="655"/>
      <c r="CF19" s="655"/>
      <c r="CG19" s="655"/>
      <c r="CH19" s="655"/>
      <c r="CI19" s="655"/>
      <c r="CJ19" s="655"/>
      <c r="CK19" s="655"/>
      <c r="CL19" s="655"/>
      <c r="CM19" s="655"/>
      <c r="CN19" s="655"/>
      <c r="CO19" s="655"/>
      <c r="CP19" s="655"/>
      <c r="CQ19" s="656"/>
      <c r="CR19" s="657" t="s">
        <v>140</v>
      </c>
      <c r="CS19" s="658"/>
      <c r="CT19" s="658"/>
      <c r="CU19" s="658"/>
      <c r="CV19" s="658"/>
      <c r="CW19" s="658"/>
      <c r="CX19" s="658"/>
      <c r="CY19" s="659"/>
      <c r="CZ19" s="695" t="s">
        <v>140</v>
      </c>
      <c r="DA19" s="695"/>
      <c r="DB19" s="695"/>
      <c r="DC19" s="695"/>
      <c r="DD19" s="663" t="s">
        <v>140</v>
      </c>
      <c r="DE19" s="658"/>
      <c r="DF19" s="658"/>
      <c r="DG19" s="658"/>
      <c r="DH19" s="658"/>
      <c r="DI19" s="658"/>
      <c r="DJ19" s="658"/>
      <c r="DK19" s="658"/>
      <c r="DL19" s="658"/>
      <c r="DM19" s="658"/>
      <c r="DN19" s="658"/>
      <c r="DO19" s="658"/>
      <c r="DP19" s="659"/>
      <c r="DQ19" s="663" t="s">
        <v>140</v>
      </c>
      <c r="DR19" s="658"/>
      <c r="DS19" s="658"/>
      <c r="DT19" s="658"/>
      <c r="DU19" s="658"/>
      <c r="DV19" s="658"/>
      <c r="DW19" s="658"/>
      <c r="DX19" s="658"/>
      <c r="DY19" s="658"/>
      <c r="DZ19" s="658"/>
      <c r="EA19" s="658"/>
      <c r="EB19" s="658"/>
      <c r="EC19" s="694"/>
    </row>
    <row r="20" spans="2:133" ht="11.25" customHeight="1" x14ac:dyDescent="0.2">
      <c r="B20" s="724" t="s">
        <v>282</v>
      </c>
      <c r="C20" s="725"/>
      <c r="D20" s="725"/>
      <c r="E20" s="725"/>
      <c r="F20" s="725"/>
      <c r="G20" s="725"/>
      <c r="H20" s="725"/>
      <c r="I20" s="725"/>
      <c r="J20" s="725"/>
      <c r="K20" s="725"/>
      <c r="L20" s="725"/>
      <c r="M20" s="725"/>
      <c r="N20" s="725"/>
      <c r="O20" s="725"/>
      <c r="P20" s="725"/>
      <c r="Q20" s="726"/>
      <c r="R20" s="657" t="s">
        <v>140</v>
      </c>
      <c r="S20" s="658"/>
      <c r="T20" s="658"/>
      <c r="U20" s="658"/>
      <c r="V20" s="658"/>
      <c r="W20" s="658"/>
      <c r="X20" s="658"/>
      <c r="Y20" s="659"/>
      <c r="Z20" s="695" t="s">
        <v>140</v>
      </c>
      <c r="AA20" s="695"/>
      <c r="AB20" s="695"/>
      <c r="AC20" s="695"/>
      <c r="AD20" s="696" t="s">
        <v>140</v>
      </c>
      <c r="AE20" s="696"/>
      <c r="AF20" s="696"/>
      <c r="AG20" s="696"/>
      <c r="AH20" s="696"/>
      <c r="AI20" s="696"/>
      <c r="AJ20" s="696"/>
      <c r="AK20" s="696"/>
      <c r="AL20" s="660" t="s">
        <v>140</v>
      </c>
      <c r="AM20" s="661"/>
      <c r="AN20" s="661"/>
      <c r="AO20" s="697"/>
      <c r="AP20" s="654" t="s">
        <v>283</v>
      </c>
      <c r="AQ20" s="655"/>
      <c r="AR20" s="655"/>
      <c r="AS20" s="655"/>
      <c r="AT20" s="655"/>
      <c r="AU20" s="655"/>
      <c r="AV20" s="655"/>
      <c r="AW20" s="655"/>
      <c r="AX20" s="655"/>
      <c r="AY20" s="655"/>
      <c r="AZ20" s="655"/>
      <c r="BA20" s="655"/>
      <c r="BB20" s="655"/>
      <c r="BC20" s="655"/>
      <c r="BD20" s="655"/>
      <c r="BE20" s="655"/>
      <c r="BF20" s="656"/>
      <c r="BG20" s="657" t="s">
        <v>140</v>
      </c>
      <c r="BH20" s="658"/>
      <c r="BI20" s="658"/>
      <c r="BJ20" s="658"/>
      <c r="BK20" s="658"/>
      <c r="BL20" s="658"/>
      <c r="BM20" s="658"/>
      <c r="BN20" s="659"/>
      <c r="BO20" s="695" t="s">
        <v>140</v>
      </c>
      <c r="BP20" s="695"/>
      <c r="BQ20" s="695"/>
      <c r="BR20" s="695"/>
      <c r="BS20" s="696" t="s">
        <v>140</v>
      </c>
      <c r="BT20" s="696"/>
      <c r="BU20" s="696"/>
      <c r="BV20" s="696"/>
      <c r="BW20" s="696"/>
      <c r="BX20" s="696"/>
      <c r="BY20" s="696"/>
      <c r="BZ20" s="696"/>
      <c r="CA20" s="696"/>
      <c r="CB20" s="736"/>
      <c r="CD20" s="654" t="s">
        <v>284</v>
      </c>
      <c r="CE20" s="655"/>
      <c r="CF20" s="655"/>
      <c r="CG20" s="655"/>
      <c r="CH20" s="655"/>
      <c r="CI20" s="655"/>
      <c r="CJ20" s="655"/>
      <c r="CK20" s="655"/>
      <c r="CL20" s="655"/>
      <c r="CM20" s="655"/>
      <c r="CN20" s="655"/>
      <c r="CO20" s="655"/>
      <c r="CP20" s="655"/>
      <c r="CQ20" s="656"/>
      <c r="CR20" s="657">
        <v>4120947</v>
      </c>
      <c r="CS20" s="658"/>
      <c r="CT20" s="658"/>
      <c r="CU20" s="658"/>
      <c r="CV20" s="658"/>
      <c r="CW20" s="658"/>
      <c r="CX20" s="658"/>
      <c r="CY20" s="659"/>
      <c r="CZ20" s="695">
        <v>100</v>
      </c>
      <c r="DA20" s="695"/>
      <c r="DB20" s="695"/>
      <c r="DC20" s="695"/>
      <c r="DD20" s="663">
        <v>189257</v>
      </c>
      <c r="DE20" s="658"/>
      <c r="DF20" s="658"/>
      <c r="DG20" s="658"/>
      <c r="DH20" s="658"/>
      <c r="DI20" s="658"/>
      <c r="DJ20" s="658"/>
      <c r="DK20" s="658"/>
      <c r="DL20" s="658"/>
      <c r="DM20" s="658"/>
      <c r="DN20" s="658"/>
      <c r="DO20" s="658"/>
      <c r="DP20" s="659"/>
      <c r="DQ20" s="663">
        <v>3107950</v>
      </c>
      <c r="DR20" s="658"/>
      <c r="DS20" s="658"/>
      <c r="DT20" s="658"/>
      <c r="DU20" s="658"/>
      <c r="DV20" s="658"/>
      <c r="DW20" s="658"/>
      <c r="DX20" s="658"/>
      <c r="DY20" s="658"/>
      <c r="DZ20" s="658"/>
      <c r="EA20" s="658"/>
      <c r="EB20" s="658"/>
      <c r="EC20" s="694"/>
    </row>
    <row r="21" spans="2:133" ht="11.25" customHeight="1" x14ac:dyDescent="0.2">
      <c r="B21" s="654" t="s">
        <v>285</v>
      </c>
      <c r="C21" s="655"/>
      <c r="D21" s="655"/>
      <c r="E21" s="655"/>
      <c r="F21" s="655"/>
      <c r="G21" s="655"/>
      <c r="H21" s="655"/>
      <c r="I21" s="655"/>
      <c r="J21" s="655"/>
      <c r="K21" s="655"/>
      <c r="L21" s="655"/>
      <c r="M21" s="655"/>
      <c r="N21" s="655"/>
      <c r="O21" s="655"/>
      <c r="P21" s="655"/>
      <c r="Q21" s="656"/>
      <c r="R21" s="657">
        <v>1549191</v>
      </c>
      <c r="S21" s="658"/>
      <c r="T21" s="658"/>
      <c r="U21" s="658"/>
      <c r="V21" s="658"/>
      <c r="W21" s="658"/>
      <c r="X21" s="658"/>
      <c r="Y21" s="659"/>
      <c r="Z21" s="695">
        <v>36</v>
      </c>
      <c r="AA21" s="695"/>
      <c r="AB21" s="695"/>
      <c r="AC21" s="695"/>
      <c r="AD21" s="696">
        <v>1367887</v>
      </c>
      <c r="AE21" s="696"/>
      <c r="AF21" s="696"/>
      <c r="AG21" s="696"/>
      <c r="AH21" s="696"/>
      <c r="AI21" s="696"/>
      <c r="AJ21" s="696"/>
      <c r="AK21" s="696"/>
      <c r="AL21" s="660">
        <v>55.9</v>
      </c>
      <c r="AM21" s="661"/>
      <c r="AN21" s="661"/>
      <c r="AO21" s="697"/>
      <c r="AP21" s="654" t="s">
        <v>286</v>
      </c>
      <c r="AQ21" s="734"/>
      <c r="AR21" s="734"/>
      <c r="AS21" s="734"/>
      <c r="AT21" s="734"/>
      <c r="AU21" s="734"/>
      <c r="AV21" s="734"/>
      <c r="AW21" s="734"/>
      <c r="AX21" s="734"/>
      <c r="AY21" s="734"/>
      <c r="AZ21" s="734"/>
      <c r="BA21" s="734"/>
      <c r="BB21" s="734"/>
      <c r="BC21" s="734"/>
      <c r="BD21" s="734"/>
      <c r="BE21" s="734"/>
      <c r="BF21" s="735"/>
      <c r="BG21" s="657" t="s">
        <v>140</v>
      </c>
      <c r="BH21" s="658"/>
      <c r="BI21" s="658"/>
      <c r="BJ21" s="658"/>
      <c r="BK21" s="658"/>
      <c r="BL21" s="658"/>
      <c r="BM21" s="658"/>
      <c r="BN21" s="659"/>
      <c r="BO21" s="695" t="s">
        <v>140</v>
      </c>
      <c r="BP21" s="695"/>
      <c r="BQ21" s="695"/>
      <c r="BR21" s="695"/>
      <c r="BS21" s="696" t="s">
        <v>140</v>
      </c>
      <c r="BT21" s="696"/>
      <c r="BU21" s="696"/>
      <c r="BV21" s="696"/>
      <c r="BW21" s="696"/>
      <c r="BX21" s="696"/>
      <c r="BY21" s="696"/>
      <c r="BZ21" s="696"/>
      <c r="CA21" s="696"/>
      <c r="CB21" s="736"/>
      <c r="CD21" s="638"/>
      <c r="CE21" s="639"/>
      <c r="CF21" s="639"/>
      <c r="CG21" s="639"/>
      <c r="CH21" s="639"/>
      <c r="CI21" s="639"/>
      <c r="CJ21" s="639"/>
      <c r="CK21" s="639"/>
      <c r="CL21" s="639"/>
      <c r="CM21" s="639"/>
      <c r="CN21" s="639"/>
      <c r="CO21" s="639"/>
      <c r="CP21" s="639"/>
      <c r="CQ21" s="640"/>
      <c r="CR21" s="742"/>
      <c r="CS21" s="743"/>
      <c r="CT21" s="743"/>
      <c r="CU21" s="743"/>
      <c r="CV21" s="743"/>
      <c r="CW21" s="743"/>
      <c r="CX21" s="743"/>
      <c r="CY21" s="744"/>
      <c r="CZ21" s="745"/>
      <c r="DA21" s="745"/>
      <c r="DB21" s="745"/>
      <c r="DC21" s="745"/>
      <c r="DD21" s="746"/>
      <c r="DE21" s="743"/>
      <c r="DF21" s="743"/>
      <c r="DG21" s="743"/>
      <c r="DH21" s="743"/>
      <c r="DI21" s="743"/>
      <c r="DJ21" s="743"/>
      <c r="DK21" s="743"/>
      <c r="DL21" s="743"/>
      <c r="DM21" s="743"/>
      <c r="DN21" s="743"/>
      <c r="DO21" s="743"/>
      <c r="DP21" s="744"/>
      <c r="DQ21" s="746"/>
      <c r="DR21" s="743"/>
      <c r="DS21" s="743"/>
      <c r="DT21" s="743"/>
      <c r="DU21" s="743"/>
      <c r="DV21" s="743"/>
      <c r="DW21" s="743"/>
      <c r="DX21" s="743"/>
      <c r="DY21" s="743"/>
      <c r="DZ21" s="743"/>
      <c r="EA21" s="743"/>
      <c r="EB21" s="743"/>
      <c r="EC21" s="750"/>
    </row>
    <row r="22" spans="2:133" ht="11.25" customHeight="1" x14ac:dyDescent="0.2">
      <c r="B22" s="654" t="s">
        <v>287</v>
      </c>
      <c r="C22" s="655"/>
      <c r="D22" s="655"/>
      <c r="E22" s="655"/>
      <c r="F22" s="655"/>
      <c r="G22" s="655"/>
      <c r="H22" s="655"/>
      <c r="I22" s="655"/>
      <c r="J22" s="655"/>
      <c r="K22" s="655"/>
      <c r="L22" s="655"/>
      <c r="M22" s="655"/>
      <c r="N22" s="655"/>
      <c r="O22" s="655"/>
      <c r="P22" s="655"/>
      <c r="Q22" s="656"/>
      <c r="R22" s="657">
        <v>1367887</v>
      </c>
      <c r="S22" s="658"/>
      <c r="T22" s="658"/>
      <c r="U22" s="658"/>
      <c r="V22" s="658"/>
      <c r="W22" s="658"/>
      <c r="X22" s="658"/>
      <c r="Y22" s="659"/>
      <c r="Z22" s="695">
        <v>31.8</v>
      </c>
      <c r="AA22" s="695"/>
      <c r="AB22" s="695"/>
      <c r="AC22" s="695"/>
      <c r="AD22" s="696">
        <v>1367887</v>
      </c>
      <c r="AE22" s="696"/>
      <c r="AF22" s="696"/>
      <c r="AG22" s="696"/>
      <c r="AH22" s="696"/>
      <c r="AI22" s="696"/>
      <c r="AJ22" s="696"/>
      <c r="AK22" s="696"/>
      <c r="AL22" s="660">
        <v>55.9</v>
      </c>
      <c r="AM22" s="661"/>
      <c r="AN22" s="661"/>
      <c r="AO22" s="697"/>
      <c r="AP22" s="654" t="s">
        <v>288</v>
      </c>
      <c r="AQ22" s="734"/>
      <c r="AR22" s="734"/>
      <c r="AS22" s="734"/>
      <c r="AT22" s="734"/>
      <c r="AU22" s="734"/>
      <c r="AV22" s="734"/>
      <c r="AW22" s="734"/>
      <c r="AX22" s="734"/>
      <c r="AY22" s="734"/>
      <c r="AZ22" s="734"/>
      <c r="BA22" s="734"/>
      <c r="BB22" s="734"/>
      <c r="BC22" s="734"/>
      <c r="BD22" s="734"/>
      <c r="BE22" s="734"/>
      <c r="BF22" s="735"/>
      <c r="BG22" s="657" t="s">
        <v>140</v>
      </c>
      <c r="BH22" s="658"/>
      <c r="BI22" s="658"/>
      <c r="BJ22" s="658"/>
      <c r="BK22" s="658"/>
      <c r="BL22" s="658"/>
      <c r="BM22" s="658"/>
      <c r="BN22" s="659"/>
      <c r="BO22" s="695" t="s">
        <v>140</v>
      </c>
      <c r="BP22" s="695"/>
      <c r="BQ22" s="695"/>
      <c r="BR22" s="695"/>
      <c r="BS22" s="696" t="s">
        <v>140</v>
      </c>
      <c r="BT22" s="696"/>
      <c r="BU22" s="696"/>
      <c r="BV22" s="696"/>
      <c r="BW22" s="696"/>
      <c r="BX22" s="696"/>
      <c r="BY22" s="696"/>
      <c r="BZ22" s="696"/>
      <c r="CA22" s="696"/>
      <c r="CB22" s="736"/>
      <c r="CD22" s="709" t="s">
        <v>289</v>
      </c>
      <c r="CE22" s="710"/>
      <c r="CF22" s="710"/>
      <c r="CG22" s="710"/>
      <c r="CH22" s="710"/>
      <c r="CI22" s="710"/>
      <c r="CJ22" s="710"/>
      <c r="CK22" s="710"/>
      <c r="CL22" s="710"/>
      <c r="CM22" s="710"/>
      <c r="CN22" s="710"/>
      <c r="CO22" s="710"/>
      <c r="CP22" s="710"/>
      <c r="CQ22" s="710"/>
      <c r="CR22" s="710"/>
      <c r="CS22" s="710"/>
      <c r="CT22" s="710"/>
      <c r="CU22" s="710"/>
      <c r="CV22" s="710"/>
      <c r="CW22" s="710"/>
      <c r="CX22" s="710"/>
      <c r="CY22" s="710"/>
      <c r="CZ22" s="710"/>
      <c r="DA22" s="710"/>
      <c r="DB22" s="710"/>
      <c r="DC22" s="710"/>
      <c r="DD22" s="710"/>
      <c r="DE22" s="710"/>
      <c r="DF22" s="710"/>
      <c r="DG22" s="710"/>
      <c r="DH22" s="710"/>
      <c r="DI22" s="710"/>
      <c r="DJ22" s="710"/>
      <c r="DK22" s="710"/>
      <c r="DL22" s="710"/>
      <c r="DM22" s="710"/>
      <c r="DN22" s="710"/>
      <c r="DO22" s="710"/>
      <c r="DP22" s="710"/>
      <c r="DQ22" s="710"/>
      <c r="DR22" s="710"/>
      <c r="DS22" s="710"/>
      <c r="DT22" s="710"/>
      <c r="DU22" s="710"/>
      <c r="DV22" s="710"/>
      <c r="DW22" s="710"/>
      <c r="DX22" s="710"/>
      <c r="DY22" s="710"/>
      <c r="DZ22" s="710"/>
      <c r="EA22" s="710"/>
      <c r="EB22" s="710"/>
      <c r="EC22" s="711"/>
    </row>
    <row r="23" spans="2:133" ht="11.25" customHeight="1" x14ac:dyDescent="0.2">
      <c r="B23" s="654" t="s">
        <v>290</v>
      </c>
      <c r="C23" s="655"/>
      <c r="D23" s="655"/>
      <c r="E23" s="655"/>
      <c r="F23" s="655"/>
      <c r="G23" s="655"/>
      <c r="H23" s="655"/>
      <c r="I23" s="655"/>
      <c r="J23" s="655"/>
      <c r="K23" s="655"/>
      <c r="L23" s="655"/>
      <c r="M23" s="655"/>
      <c r="N23" s="655"/>
      <c r="O23" s="655"/>
      <c r="P23" s="655"/>
      <c r="Q23" s="656"/>
      <c r="R23" s="657">
        <v>181304</v>
      </c>
      <c r="S23" s="658"/>
      <c r="T23" s="658"/>
      <c r="U23" s="658"/>
      <c r="V23" s="658"/>
      <c r="W23" s="658"/>
      <c r="X23" s="658"/>
      <c r="Y23" s="659"/>
      <c r="Z23" s="695">
        <v>4.2</v>
      </c>
      <c r="AA23" s="695"/>
      <c r="AB23" s="695"/>
      <c r="AC23" s="695"/>
      <c r="AD23" s="696" t="s">
        <v>140</v>
      </c>
      <c r="AE23" s="696"/>
      <c r="AF23" s="696"/>
      <c r="AG23" s="696"/>
      <c r="AH23" s="696"/>
      <c r="AI23" s="696"/>
      <c r="AJ23" s="696"/>
      <c r="AK23" s="696"/>
      <c r="AL23" s="660" t="s">
        <v>140</v>
      </c>
      <c r="AM23" s="661"/>
      <c r="AN23" s="661"/>
      <c r="AO23" s="697"/>
      <c r="AP23" s="654" t="s">
        <v>291</v>
      </c>
      <c r="AQ23" s="734"/>
      <c r="AR23" s="734"/>
      <c r="AS23" s="734"/>
      <c r="AT23" s="734"/>
      <c r="AU23" s="734"/>
      <c r="AV23" s="734"/>
      <c r="AW23" s="734"/>
      <c r="AX23" s="734"/>
      <c r="AY23" s="734"/>
      <c r="AZ23" s="734"/>
      <c r="BA23" s="734"/>
      <c r="BB23" s="734"/>
      <c r="BC23" s="734"/>
      <c r="BD23" s="734"/>
      <c r="BE23" s="734"/>
      <c r="BF23" s="735"/>
      <c r="BG23" s="657" t="s">
        <v>140</v>
      </c>
      <c r="BH23" s="658"/>
      <c r="BI23" s="658"/>
      <c r="BJ23" s="658"/>
      <c r="BK23" s="658"/>
      <c r="BL23" s="658"/>
      <c r="BM23" s="658"/>
      <c r="BN23" s="659"/>
      <c r="BO23" s="695" t="s">
        <v>140</v>
      </c>
      <c r="BP23" s="695"/>
      <c r="BQ23" s="695"/>
      <c r="BR23" s="695"/>
      <c r="BS23" s="696" t="s">
        <v>140</v>
      </c>
      <c r="BT23" s="696"/>
      <c r="BU23" s="696"/>
      <c r="BV23" s="696"/>
      <c r="BW23" s="696"/>
      <c r="BX23" s="696"/>
      <c r="BY23" s="696"/>
      <c r="BZ23" s="696"/>
      <c r="CA23" s="696"/>
      <c r="CB23" s="736"/>
      <c r="CD23" s="709" t="s">
        <v>231</v>
      </c>
      <c r="CE23" s="710"/>
      <c r="CF23" s="710"/>
      <c r="CG23" s="710"/>
      <c r="CH23" s="710"/>
      <c r="CI23" s="710"/>
      <c r="CJ23" s="710"/>
      <c r="CK23" s="710"/>
      <c r="CL23" s="710"/>
      <c r="CM23" s="710"/>
      <c r="CN23" s="710"/>
      <c r="CO23" s="710"/>
      <c r="CP23" s="710"/>
      <c r="CQ23" s="711"/>
      <c r="CR23" s="709" t="s">
        <v>292</v>
      </c>
      <c r="CS23" s="710"/>
      <c r="CT23" s="710"/>
      <c r="CU23" s="710"/>
      <c r="CV23" s="710"/>
      <c r="CW23" s="710"/>
      <c r="CX23" s="710"/>
      <c r="CY23" s="711"/>
      <c r="CZ23" s="709" t="s">
        <v>293</v>
      </c>
      <c r="DA23" s="710"/>
      <c r="DB23" s="710"/>
      <c r="DC23" s="711"/>
      <c r="DD23" s="709" t="s">
        <v>294</v>
      </c>
      <c r="DE23" s="710"/>
      <c r="DF23" s="710"/>
      <c r="DG23" s="710"/>
      <c r="DH23" s="710"/>
      <c r="DI23" s="710"/>
      <c r="DJ23" s="710"/>
      <c r="DK23" s="711"/>
      <c r="DL23" s="747" t="s">
        <v>295</v>
      </c>
      <c r="DM23" s="748"/>
      <c r="DN23" s="748"/>
      <c r="DO23" s="748"/>
      <c r="DP23" s="748"/>
      <c r="DQ23" s="748"/>
      <c r="DR23" s="748"/>
      <c r="DS23" s="748"/>
      <c r="DT23" s="748"/>
      <c r="DU23" s="748"/>
      <c r="DV23" s="749"/>
      <c r="DW23" s="709" t="s">
        <v>296</v>
      </c>
      <c r="DX23" s="710"/>
      <c r="DY23" s="710"/>
      <c r="DZ23" s="710"/>
      <c r="EA23" s="710"/>
      <c r="EB23" s="710"/>
      <c r="EC23" s="711"/>
    </row>
    <row r="24" spans="2:133" ht="11.25" customHeight="1" x14ac:dyDescent="0.2">
      <c r="B24" s="654" t="s">
        <v>297</v>
      </c>
      <c r="C24" s="655"/>
      <c r="D24" s="655"/>
      <c r="E24" s="655"/>
      <c r="F24" s="655"/>
      <c r="G24" s="655"/>
      <c r="H24" s="655"/>
      <c r="I24" s="655"/>
      <c r="J24" s="655"/>
      <c r="K24" s="655"/>
      <c r="L24" s="655"/>
      <c r="M24" s="655"/>
      <c r="N24" s="655"/>
      <c r="O24" s="655"/>
      <c r="P24" s="655"/>
      <c r="Q24" s="656"/>
      <c r="R24" s="657" t="s">
        <v>140</v>
      </c>
      <c r="S24" s="658"/>
      <c r="T24" s="658"/>
      <c r="U24" s="658"/>
      <c r="V24" s="658"/>
      <c r="W24" s="658"/>
      <c r="X24" s="658"/>
      <c r="Y24" s="659"/>
      <c r="Z24" s="695" t="s">
        <v>140</v>
      </c>
      <c r="AA24" s="695"/>
      <c r="AB24" s="695"/>
      <c r="AC24" s="695"/>
      <c r="AD24" s="696" t="s">
        <v>140</v>
      </c>
      <c r="AE24" s="696"/>
      <c r="AF24" s="696"/>
      <c r="AG24" s="696"/>
      <c r="AH24" s="696"/>
      <c r="AI24" s="696"/>
      <c r="AJ24" s="696"/>
      <c r="AK24" s="696"/>
      <c r="AL24" s="660" t="s">
        <v>140</v>
      </c>
      <c r="AM24" s="661"/>
      <c r="AN24" s="661"/>
      <c r="AO24" s="697"/>
      <c r="AP24" s="654" t="s">
        <v>298</v>
      </c>
      <c r="AQ24" s="734"/>
      <c r="AR24" s="734"/>
      <c r="AS24" s="734"/>
      <c r="AT24" s="734"/>
      <c r="AU24" s="734"/>
      <c r="AV24" s="734"/>
      <c r="AW24" s="734"/>
      <c r="AX24" s="734"/>
      <c r="AY24" s="734"/>
      <c r="AZ24" s="734"/>
      <c r="BA24" s="734"/>
      <c r="BB24" s="734"/>
      <c r="BC24" s="734"/>
      <c r="BD24" s="734"/>
      <c r="BE24" s="734"/>
      <c r="BF24" s="735"/>
      <c r="BG24" s="657" t="s">
        <v>140</v>
      </c>
      <c r="BH24" s="658"/>
      <c r="BI24" s="658"/>
      <c r="BJ24" s="658"/>
      <c r="BK24" s="658"/>
      <c r="BL24" s="658"/>
      <c r="BM24" s="658"/>
      <c r="BN24" s="659"/>
      <c r="BO24" s="695" t="s">
        <v>140</v>
      </c>
      <c r="BP24" s="695"/>
      <c r="BQ24" s="695"/>
      <c r="BR24" s="695"/>
      <c r="BS24" s="696" t="s">
        <v>140</v>
      </c>
      <c r="BT24" s="696"/>
      <c r="BU24" s="696"/>
      <c r="BV24" s="696"/>
      <c r="BW24" s="696"/>
      <c r="BX24" s="696"/>
      <c r="BY24" s="696"/>
      <c r="BZ24" s="696"/>
      <c r="CA24" s="696"/>
      <c r="CB24" s="736"/>
      <c r="CD24" s="715" t="s">
        <v>299</v>
      </c>
      <c r="CE24" s="716"/>
      <c r="CF24" s="716"/>
      <c r="CG24" s="716"/>
      <c r="CH24" s="716"/>
      <c r="CI24" s="716"/>
      <c r="CJ24" s="716"/>
      <c r="CK24" s="716"/>
      <c r="CL24" s="716"/>
      <c r="CM24" s="716"/>
      <c r="CN24" s="716"/>
      <c r="CO24" s="716"/>
      <c r="CP24" s="716"/>
      <c r="CQ24" s="717"/>
      <c r="CR24" s="712">
        <v>1582963</v>
      </c>
      <c r="CS24" s="713"/>
      <c r="CT24" s="713"/>
      <c r="CU24" s="713"/>
      <c r="CV24" s="713"/>
      <c r="CW24" s="713"/>
      <c r="CX24" s="713"/>
      <c r="CY24" s="738"/>
      <c r="CZ24" s="739">
        <v>38.4</v>
      </c>
      <c r="DA24" s="721"/>
      <c r="DB24" s="721"/>
      <c r="DC24" s="741"/>
      <c r="DD24" s="737">
        <v>1169125</v>
      </c>
      <c r="DE24" s="713"/>
      <c r="DF24" s="713"/>
      <c r="DG24" s="713"/>
      <c r="DH24" s="713"/>
      <c r="DI24" s="713"/>
      <c r="DJ24" s="713"/>
      <c r="DK24" s="738"/>
      <c r="DL24" s="737">
        <v>1167378</v>
      </c>
      <c r="DM24" s="713"/>
      <c r="DN24" s="713"/>
      <c r="DO24" s="713"/>
      <c r="DP24" s="713"/>
      <c r="DQ24" s="713"/>
      <c r="DR24" s="713"/>
      <c r="DS24" s="713"/>
      <c r="DT24" s="713"/>
      <c r="DU24" s="713"/>
      <c r="DV24" s="738"/>
      <c r="DW24" s="739">
        <v>47</v>
      </c>
      <c r="DX24" s="721"/>
      <c r="DY24" s="721"/>
      <c r="DZ24" s="721"/>
      <c r="EA24" s="721"/>
      <c r="EB24" s="721"/>
      <c r="EC24" s="740"/>
    </row>
    <row r="25" spans="2:133" ht="11.25" customHeight="1" x14ac:dyDescent="0.2">
      <c r="B25" s="654" t="s">
        <v>300</v>
      </c>
      <c r="C25" s="655"/>
      <c r="D25" s="655"/>
      <c r="E25" s="655"/>
      <c r="F25" s="655"/>
      <c r="G25" s="655"/>
      <c r="H25" s="655"/>
      <c r="I25" s="655"/>
      <c r="J25" s="655"/>
      <c r="K25" s="655"/>
      <c r="L25" s="655"/>
      <c r="M25" s="655"/>
      <c r="N25" s="655"/>
      <c r="O25" s="655"/>
      <c r="P25" s="655"/>
      <c r="Q25" s="656"/>
      <c r="R25" s="657">
        <v>2616925</v>
      </c>
      <c r="S25" s="658"/>
      <c r="T25" s="658"/>
      <c r="U25" s="658"/>
      <c r="V25" s="658"/>
      <c r="W25" s="658"/>
      <c r="X25" s="658"/>
      <c r="Y25" s="659"/>
      <c r="Z25" s="695">
        <v>60.8</v>
      </c>
      <c r="AA25" s="695"/>
      <c r="AB25" s="695"/>
      <c r="AC25" s="695"/>
      <c r="AD25" s="696">
        <v>2435621</v>
      </c>
      <c r="AE25" s="696"/>
      <c r="AF25" s="696"/>
      <c r="AG25" s="696"/>
      <c r="AH25" s="696"/>
      <c r="AI25" s="696"/>
      <c r="AJ25" s="696"/>
      <c r="AK25" s="696"/>
      <c r="AL25" s="660">
        <v>99.6</v>
      </c>
      <c r="AM25" s="661"/>
      <c r="AN25" s="661"/>
      <c r="AO25" s="697"/>
      <c r="AP25" s="654" t="s">
        <v>301</v>
      </c>
      <c r="AQ25" s="734"/>
      <c r="AR25" s="734"/>
      <c r="AS25" s="734"/>
      <c r="AT25" s="734"/>
      <c r="AU25" s="734"/>
      <c r="AV25" s="734"/>
      <c r="AW25" s="734"/>
      <c r="AX25" s="734"/>
      <c r="AY25" s="734"/>
      <c r="AZ25" s="734"/>
      <c r="BA25" s="734"/>
      <c r="BB25" s="734"/>
      <c r="BC25" s="734"/>
      <c r="BD25" s="734"/>
      <c r="BE25" s="734"/>
      <c r="BF25" s="735"/>
      <c r="BG25" s="657" t="s">
        <v>140</v>
      </c>
      <c r="BH25" s="658"/>
      <c r="BI25" s="658"/>
      <c r="BJ25" s="658"/>
      <c r="BK25" s="658"/>
      <c r="BL25" s="658"/>
      <c r="BM25" s="658"/>
      <c r="BN25" s="659"/>
      <c r="BO25" s="695" t="s">
        <v>140</v>
      </c>
      <c r="BP25" s="695"/>
      <c r="BQ25" s="695"/>
      <c r="BR25" s="695"/>
      <c r="BS25" s="696" t="s">
        <v>140</v>
      </c>
      <c r="BT25" s="696"/>
      <c r="BU25" s="696"/>
      <c r="BV25" s="696"/>
      <c r="BW25" s="696"/>
      <c r="BX25" s="696"/>
      <c r="BY25" s="696"/>
      <c r="BZ25" s="696"/>
      <c r="CA25" s="696"/>
      <c r="CB25" s="736"/>
      <c r="CD25" s="654" t="s">
        <v>302</v>
      </c>
      <c r="CE25" s="655"/>
      <c r="CF25" s="655"/>
      <c r="CG25" s="655"/>
      <c r="CH25" s="655"/>
      <c r="CI25" s="655"/>
      <c r="CJ25" s="655"/>
      <c r="CK25" s="655"/>
      <c r="CL25" s="655"/>
      <c r="CM25" s="655"/>
      <c r="CN25" s="655"/>
      <c r="CO25" s="655"/>
      <c r="CP25" s="655"/>
      <c r="CQ25" s="656"/>
      <c r="CR25" s="657">
        <v>737761</v>
      </c>
      <c r="CS25" s="670"/>
      <c r="CT25" s="670"/>
      <c r="CU25" s="670"/>
      <c r="CV25" s="670"/>
      <c r="CW25" s="670"/>
      <c r="CX25" s="670"/>
      <c r="CY25" s="671"/>
      <c r="CZ25" s="660">
        <v>17.899999999999999</v>
      </c>
      <c r="DA25" s="672"/>
      <c r="DB25" s="672"/>
      <c r="DC25" s="673"/>
      <c r="DD25" s="663">
        <v>665904</v>
      </c>
      <c r="DE25" s="670"/>
      <c r="DF25" s="670"/>
      <c r="DG25" s="670"/>
      <c r="DH25" s="670"/>
      <c r="DI25" s="670"/>
      <c r="DJ25" s="670"/>
      <c r="DK25" s="671"/>
      <c r="DL25" s="663">
        <v>664168</v>
      </c>
      <c r="DM25" s="670"/>
      <c r="DN25" s="670"/>
      <c r="DO25" s="670"/>
      <c r="DP25" s="670"/>
      <c r="DQ25" s="670"/>
      <c r="DR25" s="670"/>
      <c r="DS25" s="670"/>
      <c r="DT25" s="670"/>
      <c r="DU25" s="670"/>
      <c r="DV25" s="671"/>
      <c r="DW25" s="660">
        <v>26.8</v>
      </c>
      <c r="DX25" s="672"/>
      <c r="DY25" s="672"/>
      <c r="DZ25" s="672"/>
      <c r="EA25" s="672"/>
      <c r="EB25" s="672"/>
      <c r="EC25" s="684"/>
    </row>
    <row r="26" spans="2:133" ht="11.25" customHeight="1" x14ac:dyDescent="0.2">
      <c r="B26" s="654" t="s">
        <v>303</v>
      </c>
      <c r="C26" s="655"/>
      <c r="D26" s="655"/>
      <c r="E26" s="655"/>
      <c r="F26" s="655"/>
      <c r="G26" s="655"/>
      <c r="H26" s="655"/>
      <c r="I26" s="655"/>
      <c r="J26" s="655"/>
      <c r="K26" s="655"/>
      <c r="L26" s="655"/>
      <c r="M26" s="655"/>
      <c r="N26" s="655"/>
      <c r="O26" s="655"/>
      <c r="P26" s="655"/>
      <c r="Q26" s="656"/>
      <c r="R26" s="657">
        <v>673</v>
      </c>
      <c r="S26" s="658"/>
      <c r="T26" s="658"/>
      <c r="U26" s="658"/>
      <c r="V26" s="658"/>
      <c r="W26" s="658"/>
      <c r="X26" s="658"/>
      <c r="Y26" s="659"/>
      <c r="Z26" s="695">
        <v>0</v>
      </c>
      <c r="AA26" s="695"/>
      <c r="AB26" s="695"/>
      <c r="AC26" s="695"/>
      <c r="AD26" s="696">
        <v>673</v>
      </c>
      <c r="AE26" s="696"/>
      <c r="AF26" s="696"/>
      <c r="AG26" s="696"/>
      <c r="AH26" s="696"/>
      <c r="AI26" s="696"/>
      <c r="AJ26" s="696"/>
      <c r="AK26" s="696"/>
      <c r="AL26" s="660">
        <v>0</v>
      </c>
      <c r="AM26" s="661"/>
      <c r="AN26" s="661"/>
      <c r="AO26" s="697"/>
      <c r="AP26" s="654" t="s">
        <v>304</v>
      </c>
      <c r="AQ26" s="734"/>
      <c r="AR26" s="734"/>
      <c r="AS26" s="734"/>
      <c r="AT26" s="734"/>
      <c r="AU26" s="734"/>
      <c r="AV26" s="734"/>
      <c r="AW26" s="734"/>
      <c r="AX26" s="734"/>
      <c r="AY26" s="734"/>
      <c r="AZ26" s="734"/>
      <c r="BA26" s="734"/>
      <c r="BB26" s="734"/>
      <c r="BC26" s="734"/>
      <c r="BD26" s="734"/>
      <c r="BE26" s="734"/>
      <c r="BF26" s="735"/>
      <c r="BG26" s="657" t="s">
        <v>140</v>
      </c>
      <c r="BH26" s="658"/>
      <c r="BI26" s="658"/>
      <c r="BJ26" s="658"/>
      <c r="BK26" s="658"/>
      <c r="BL26" s="658"/>
      <c r="BM26" s="658"/>
      <c r="BN26" s="659"/>
      <c r="BO26" s="695" t="s">
        <v>140</v>
      </c>
      <c r="BP26" s="695"/>
      <c r="BQ26" s="695"/>
      <c r="BR26" s="695"/>
      <c r="BS26" s="696" t="s">
        <v>140</v>
      </c>
      <c r="BT26" s="696"/>
      <c r="BU26" s="696"/>
      <c r="BV26" s="696"/>
      <c r="BW26" s="696"/>
      <c r="BX26" s="696"/>
      <c r="BY26" s="696"/>
      <c r="BZ26" s="696"/>
      <c r="CA26" s="696"/>
      <c r="CB26" s="736"/>
      <c r="CD26" s="654" t="s">
        <v>305</v>
      </c>
      <c r="CE26" s="655"/>
      <c r="CF26" s="655"/>
      <c r="CG26" s="655"/>
      <c r="CH26" s="655"/>
      <c r="CI26" s="655"/>
      <c r="CJ26" s="655"/>
      <c r="CK26" s="655"/>
      <c r="CL26" s="655"/>
      <c r="CM26" s="655"/>
      <c r="CN26" s="655"/>
      <c r="CO26" s="655"/>
      <c r="CP26" s="655"/>
      <c r="CQ26" s="656"/>
      <c r="CR26" s="657">
        <v>409726</v>
      </c>
      <c r="CS26" s="658"/>
      <c r="CT26" s="658"/>
      <c r="CU26" s="658"/>
      <c r="CV26" s="658"/>
      <c r="CW26" s="658"/>
      <c r="CX26" s="658"/>
      <c r="CY26" s="659"/>
      <c r="CZ26" s="660">
        <v>9.9</v>
      </c>
      <c r="DA26" s="672"/>
      <c r="DB26" s="672"/>
      <c r="DC26" s="673"/>
      <c r="DD26" s="663">
        <v>371770</v>
      </c>
      <c r="DE26" s="658"/>
      <c r="DF26" s="658"/>
      <c r="DG26" s="658"/>
      <c r="DH26" s="658"/>
      <c r="DI26" s="658"/>
      <c r="DJ26" s="658"/>
      <c r="DK26" s="659"/>
      <c r="DL26" s="663" t="s">
        <v>140</v>
      </c>
      <c r="DM26" s="658"/>
      <c r="DN26" s="658"/>
      <c r="DO26" s="658"/>
      <c r="DP26" s="658"/>
      <c r="DQ26" s="658"/>
      <c r="DR26" s="658"/>
      <c r="DS26" s="658"/>
      <c r="DT26" s="658"/>
      <c r="DU26" s="658"/>
      <c r="DV26" s="659"/>
      <c r="DW26" s="660" t="s">
        <v>140</v>
      </c>
      <c r="DX26" s="672"/>
      <c r="DY26" s="672"/>
      <c r="DZ26" s="672"/>
      <c r="EA26" s="672"/>
      <c r="EB26" s="672"/>
      <c r="EC26" s="684"/>
    </row>
    <row r="27" spans="2:133" ht="11.25" customHeight="1" x14ac:dyDescent="0.2">
      <c r="B27" s="654" t="s">
        <v>306</v>
      </c>
      <c r="C27" s="655"/>
      <c r="D27" s="655"/>
      <c r="E27" s="655"/>
      <c r="F27" s="655"/>
      <c r="G27" s="655"/>
      <c r="H27" s="655"/>
      <c r="I27" s="655"/>
      <c r="J27" s="655"/>
      <c r="K27" s="655"/>
      <c r="L27" s="655"/>
      <c r="M27" s="655"/>
      <c r="N27" s="655"/>
      <c r="O27" s="655"/>
      <c r="P27" s="655"/>
      <c r="Q27" s="656"/>
      <c r="R27" s="657">
        <v>37541</v>
      </c>
      <c r="S27" s="658"/>
      <c r="T27" s="658"/>
      <c r="U27" s="658"/>
      <c r="V27" s="658"/>
      <c r="W27" s="658"/>
      <c r="X27" s="658"/>
      <c r="Y27" s="659"/>
      <c r="Z27" s="695">
        <v>0.9</v>
      </c>
      <c r="AA27" s="695"/>
      <c r="AB27" s="695"/>
      <c r="AC27" s="695"/>
      <c r="AD27" s="696" t="s">
        <v>140</v>
      </c>
      <c r="AE27" s="696"/>
      <c r="AF27" s="696"/>
      <c r="AG27" s="696"/>
      <c r="AH27" s="696"/>
      <c r="AI27" s="696"/>
      <c r="AJ27" s="696"/>
      <c r="AK27" s="696"/>
      <c r="AL27" s="660" t="s">
        <v>140</v>
      </c>
      <c r="AM27" s="661"/>
      <c r="AN27" s="661"/>
      <c r="AO27" s="697"/>
      <c r="AP27" s="654" t="s">
        <v>307</v>
      </c>
      <c r="AQ27" s="655"/>
      <c r="AR27" s="655"/>
      <c r="AS27" s="655"/>
      <c r="AT27" s="655"/>
      <c r="AU27" s="655"/>
      <c r="AV27" s="655"/>
      <c r="AW27" s="655"/>
      <c r="AX27" s="655"/>
      <c r="AY27" s="655"/>
      <c r="AZ27" s="655"/>
      <c r="BA27" s="655"/>
      <c r="BB27" s="655"/>
      <c r="BC27" s="655"/>
      <c r="BD27" s="655"/>
      <c r="BE27" s="655"/>
      <c r="BF27" s="656"/>
      <c r="BG27" s="657">
        <v>879471</v>
      </c>
      <c r="BH27" s="658"/>
      <c r="BI27" s="658"/>
      <c r="BJ27" s="658"/>
      <c r="BK27" s="658"/>
      <c r="BL27" s="658"/>
      <c r="BM27" s="658"/>
      <c r="BN27" s="659"/>
      <c r="BO27" s="695">
        <v>100</v>
      </c>
      <c r="BP27" s="695"/>
      <c r="BQ27" s="695"/>
      <c r="BR27" s="695"/>
      <c r="BS27" s="696" t="s">
        <v>140</v>
      </c>
      <c r="BT27" s="696"/>
      <c r="BU27" s="696"/>
      <c r="BV27" s="696"/>
      <c r="BW27" s="696"/>
      <c r="BX27" s="696"/>
      <c r="BY27" s="696"/>
      <c r="BZ27" s="696"/>
      <c r="CA27" s="696"/>
      <c r="CB27" s="736"/>
      <c r="CD27" s="654" t="s">
        <v>308</v>
      </c>
      <c r="CE27" s="655"/>
      <c r="CF27" s="655"/>
      <c r="CG27" s="655"/>
      <c r="CH27" s="655"/>
      <c r="CI27" s="655"/>
      <c r="CJ27" s="655"/>
      <c r="CK27" s="655"/>
      <c r="CL27" s="655"/>
      <c r="CM27" s="655"/>
      <c r="CN27" s="655"/>
      <c r="CO27" s="655"/>
      <c r="CP27" s="655"/>
      <c r="CQ27" s="656"/>
      <c r="CR27" s="657">
        <v>439594</v>
      </c>
      <c r="CS27" s="670"/>
      <c r="CT27" s="670"/>
      <c r="CU27" s="670"/>
      <c r="CV27" s="670"/>
      <c r="CW27" s="670"/>
      <c r="CX27" s="670"/>
      <c r="CY27" s="671"/>
      <c r="CZ27" s="660">
        <v>10.7</v>
      </c>
      <c r="DA27" s="672"/>
      <c r="DB27" s="672"/>
      <c r="DC27" s="673"/>
      <c r="DD27" s="663">
        <v>103463</v>
      </c>
      <c r="DE27" s="670"/>
      <c r="DF27" s="670"/>
      <c r="DG27" s="670"/>
      <c r="DH27" s="670"/>
      <c r="DI27" s="670"/>
      <c r="DJ27" s="670"/>
      <c r="DK27" s="671"/>
      <c r="DL27" s="663">
        <v>103452</v>
      </c>
      <c r="DM27" s="670"/>
      <c r="DN27" s="670"/>
      <c r="DO27" s="670"/>
      <c r="DP27" s="670"/>
      <c r="DQ27" s="670"/>
      <c r="DR27" s="670"/>
      <c r="DS27" s="670"/>
      <c r="DT27" s="670"/>
      <c r="DU27" s="670"/>
      <c r="DV27" s="671"/>
      <c r="DW27" s="660">
        <v>4.2</v>
      </c>
      <c r="DX27" s="672"/>
      <c r="DY27" s="672"/>
      <c r="DZ27" s="672"/>
      <c r="EA27" s="672"/>
      <c r="EB27" s="672"/>
      <c r="EC27" s="684"/>
    </row>
    <row r="28" spans="2:133" ht="11.25" customHeight="1" x14ac:dyDescent="0.2">
      <c r="B28" s="654" t="s">
        <v>309</v>
      </c>
      <c r="C28" s="655"/>
      <c r="D28" s="655"/>
      <c r="E28" s="655"/>
      <c r="F28" s="655"/>
      <c r="G28" s="655"/>
      <c r="H28" s="655"/>
      <c r="I28" s="655"/>
      <c r="J28" s="655"/>
      <c r="K28" s="655"/>
      <c r="L28" s="655"/>
      <c r="M28" s="655"/>
      <c r="N28" s="655"/>
      <c r="O28" s="655"/>
      <c r="P28" s="655"/>
      <c r="Q28" s="656"/>
      <c r="R28" s="657">
        <v>40136</v>
      </c>
      <c r="S28" s="658"/>
      <c r="T28" s="658"/>
      <c r="U28" s="658"/>
      <c r="V28" s="658"/>
      <c r="W28" s="658"/>
      <c r="X28" s="658"/>
      <c r="Y28" s="659"/>
      <c r="Z28" s="695">
        <v>0.9</v>
      </c>
      <c r="AA28" s="695"/>
      <c r="AB28" s="695"/>
      <c r="AC28" s="695"/>
      <c r="AD28" s="696">
        <v>3407</v>
      </c>
      <c r="AE28" s="696"/>
      <c r="AF28" s="696"/>
      <c r="AG28" s="696"/>
      <c r="AH28" s="696"/>
      <c r="AI28" s="696"/>
      <c r="AJ28" s="696"/>
      <c r="AK28" s="696"/>
      <c r="AL28" s="660">
        <v>0.1</v>
      </c>
      <c r="AM28" s="661"/>
      <c r="AN28" s="661"/>
      <c r="AO28" s="697"/>
      <c r="AP28" s="654"/>
      <c r="AQ28" s="655"/>
      <c r="AR28" s="655"/>
      <c r="AS28" s="655"/>
      <c r="AT28" s="655"/>
      <c r="AU28" s="655"/>
      <c r="AV28" s="655"/>
      <c r="AW28" s="655"/>
      <c r="AX28" s="655"/>
      <c r="AY28" s="655"/>
      <c r="AZ28" s="655"/>
      <c r="BA28" s="655"/>
      <c r="BB28" s="655"/>
      <c r="BC28" s="655"/>
      <c r="BD28" s="655"/>
      <c r="BE28" s="655"/>
      <c r="BF28" s="656"/>
      <c r="BG28" s="657"/>
      <c r="BH28" s="658"/>
      <c r="BI28" s="658"/>
      <c r="BJ28" s="658"/>
      <c r="BK28" s="658"/>
      <c r="BL28" s="658"/>
      <c r="BM28" s="658"/>
      <c r="BN28" s="659"/>
      <c r="BO28" s="695"/>
      <c r="BP28" s="695"/>
      <c r="BQ28" s="695"/>
      <c r="BR28" s="695"/>
      <c r="BS28" s="663"/>
      <c r="BT28" s="658"/>
      <c r="BU28" s="658"/>
      <c r="BV28" s="658"/>
      <c r="BW28" s="658"/>
      <c r="BX28" s="658"/>
      <c r="BY28" s="658"/>
      <c r="BZ28" s="658"/>
      <c r="CA28" s="658"/>
      <c r="CB28" s="694"/>
      <c r="CD28" s="654" t="s">
        <v>310</v>
      </c>
      <c r="CE28" s="655"/>
      <c r="CF28" s="655"/>
      <c r="CG28" s="655"/>
      <c r="CH28" s="655"/>
      <c r="CI28" s="655"/>
      <c r="CJ28" s="655"/>
      <c r="CK28" s="655"/>
      <c r="CL28" s="655"/>
      <c r="CM28" s="655"/>
      <c r="CN28" s="655"/>
      <c r="CO28" s="655"/>
      <c r="CP28" s="655"/>
      <c r="CQ28" s="656"/>
      <c r="CR28" s="657">
        <v>405608</v>
      </c>
      <c r="CS28" s="658"/>
      <c r="CT28" s="658"/>
      <c r="CU28" s="658"/>
      <c r="CV28" s="658"/>
      <c r="CW28" s="658"/>
      <c r="CX28" s="658"/>
      <c r="CY28" s="659"/>
      <c r="CZ28" s="660">
        <v>9.8000000000000007</v>
      </c>
      <c r="DA28" s="672"/>
      <c r="DB28" s="672"/>
      <c r="DC28" s="673"/>
      <c r="DD28" s="663">
        <v>399758</v>
      </c>
      <c r="DE28" s="658"/>
      <c r="DF28" s="658"/>
      <c r="DG28" s="658"/>
      <c r="DH28" s="658"/>
      <c r="DI28" s="658"/>
      <c r="DJ28" s="658"/>
      <c r="DK28" s="659"/>
      <c r="DL28" s="663">
        <v>399758</v>
      </c>
      <c r="DM28" s="658"/>
      <c r="DN28" s="658"/>
      <c r="DO28" s="658"/>
      <c r="DP28" s="658"/>
      <c r="DQ28" s="658"/>
      <c r="DR28" s="658"/>
      <c r="DS28" s="658"/>
      <c r="DT28" s="658"/>
      <c r="DU28" s="658"/>
      <c r="DV28" s="659"/>
      <c r="DW28" s="660">
        <v>16.100000000000001</v>
      </c>
      <c r="DX28" s="672"/>
      <c r="DY28" s="672"/>
      <c r="DZ28" s="672"/>
      <c r="EA28" s="672"/>
      <c r="EB28" s="672"/>
      <c r="EC28" s="684"/>
    </row>
    <row r="29" spans="2:133" ht="11.25" customHeight="1" x14ac:dyDescent="0.2">
      <c r="B29" s="654" t="s">
        <v>311</v>
      </c>
      <c r="C29" s="655"/>
      <c r="D29" s="655"/>
      <c r="E29" s="655"/>
      <c r="F29" s="655"/>
      <c r="G29" s="655"/>
      <c r="H29" s="655"/>
      <c r="I29" s="655"/>
      <c r="J29" s="655"/>
      <c r="K29" s="655"/>
      <c r="L29" s="655"/>
      <c r="M29" s="655"/>
      <c r="N29" s="655"/>
      <c r="O29" s="655"/>
      <c r="P29" s="655"/>
      <c r="Q29" s="656"/>
      <c r="R29" s="657">
        <v>5291</v>
      </c>
      <c r="S29" s="658"/>
      <c r="T29" s="658"/>
      <c r="U29" s="658"/>
      <c r="V29" s="658"/>
      <c r="W29" s="658"/>
      <c r="X29" s="658"/>
      <c r="Y29" s="659"/>
      <c r="Z29" s="695">
        <v>0.1</v>
      </c>
      <c r="AA29" s="695"/>
      <c r="AB29" s="695"/>
      <c r="AC29" s="695"/>
      <c r="AD29" s="696" t="s">
        <v>140</v>
      </c>
      <c r="AE29" s="696"/>
      <c r="AF29" s="696"/>
      <c r="AG29" s="696"/>
      <c r="AH29" s="696"/>
      <c r="AI29" s="696"/>
      <c r="AJ29" s="696"/>
      <c r="AK29" s="696"/>
      <c r="AL29" s="660" t="s">
        <v>140</v>
      </c>
      <c r="AM29" s="661"/>
      <c r="AN29" s="661"/>
      <c r="AO29" s="697"/>
      <c r="AP29" s="638"/>
      <c r="AQ29" s="639"/>
      <c r="AR29" s="639"/>
      <c r="AS29" s="639"/>
      <c r="AT29" s="639"/>
      <c r="AU29" s="639"/>
      <c r="AV29" s="639"/>
      <c r="AW29" s="639"/>
      <c r="AX29" s="639"/>
      <c r="AY29" s="639"/>
      <c r="AZ29" s="639"/>
      <c r="BA29" s="639"/>
      <c r="BB29" s="639"/>
      <c r="BC29" s="639"/>
      <c r="BD29" s="639"/>
      <c r="BE29" s="639"/>
      <c r="BF29" s="640"/>
      <c r="BG29" s="657"/>
      <c r="BH29" s="658"/>
      <c r="BI29" s="658"/>
      <c r="BJ29" s="658"/>
      <c r="BK29" s="658"/>
      <c r="BL29" s="658"/>
      <c r="BM29" s="658"/>
      <c r="BN29" s="659"/>
      <c r="BO29" s="695"/>
      <c r="BP29" s="695"/>
      <c r="BQ29" s="695"/>
      <c r="BR29" s="695"/>
      <c r="BS29" s="696"/>
      <c r="BT29" s="696"/>
      <c r="BU29" s="696"/>
      <c r="BV29" s="696"/>
      <c r="BW29" s="696"/>
      <c r="BX29" s="696"/>
      <c r="BY29" s="696"/>
      <c r="BZ29" s="696"/>
      <c r="CA29" s="696"/>
      <c r="CB29" s="736"/>
      <c r="CD29" s="676" t="s">
        <v>312</v>
      </c>
      <c r="CE29" s="677"/>
      <c r="CF29" s="654" t="s">
        <v>72</v>
      </c>
      <c r="CG29" s="655"/>
      <c r="CH29" s="655"/>
      <c r="CI29" s="655"/>
      <c r="CJ29" s="655"/>
      <c r="CK29" s="655"/>
      <c r="CL29" s="655"/>
      <c r="CM29" s="655"/>
      <c r="CN29" s="655"/>
      <c r="CO29" s="655"/>
      <c r="CP29" s="655"/>
      <c r="CQ29" s="656"/>
      <c r="CR29" s="657">
        <v>405608</v>
      </c>
      <c r="CS29" s="670"/>
      <c r="CT29" s="670"/>
      <c r="CU29" s="670"/>
      <c r="CV29" s="670"/>
      <c r="CW29" s="670"/>
      <c r="CX29" s="670"/>
      <c r="CY29" s="671"/>
      <c r="CZ29" s="660">
        <v>9.8000000000000007</v>
      </c>
      <c r="DA29" s="672"/>
      <c r="DB29" s="672"/>
      <c r="DC29" s="673"/>
      <c r="DD29" s="663">
        <v>399758</v>
      </c>
      <c r="DE29" s="670"/>
      <c r="DF29" s="670"/>
      <c r="DG29" s="670"/>
      <c r="DH29" s="670"/>
      <c r="DI29" s="670"/>
      <c r="DJ29" s="670"/>
      <c r="DK29" s="671"/>
      <c r="DL29" s="663">
        <v>399758</v>
      </c>
      <c r="DM29" s="670"/>
      <c r="DN29" s="670"/>
      <c r="DO29" s="670"/>
      <c r="DP29" s="670"/>
      <c r="DQ29" s="670"/>
      <c r="DR29" s="670"/>
      <c r="DS29" s="670"/>
      <c r="DT29" s="670"/>
      <c r="DU29" s="670"/>
      <c r="DV29" s="671"/>
      <c r="DW29" s="660">
        <v>16.100000000000001</v>
      </c>
      <c r="DX29" s="672"/>
      <c r="DY29" s="672"/>
      <c r="DZ29" s="672"/>
      <c r="EA29" s="672"/>
      <c r="EB29" s="672"/>
      <c r="EC29" s="684"/>
    </row>
    <row r="30" spans="2:133" ht="11.25" customHeight="1" x14ac:dyDescent="0.2">
      <c r="B30" s="654" t="s">
        <v>313</v>
      </c>
      <c r="C30" s="655"/>
      <c r="D30" s="655"/>
      <c r="E30" s="655"/>
      <c r="F30" s="655"/>
      <c r="G30" s="655"/>
      <c r="H30" s="655"/>
      <c r="I30" s="655"/>
      <c r="J30" s="655"/>
      <c r="K30" s="655"/>
      <c r="L30" s="655"/>
      <c r="M30" s="655"/>
      <c r="N30" s="655"/>
      <c r="O30" s="655"/>
      <c r="P30" s="655"/>
      <c r="Q30" s="656"/>
      <c r="R30" s="657">
        <v>542319</v>
      </c>
      <c r="S30" s="658"/>
      <c r="T30" s="658"/>
      <c r="U30" s="658"/>
      <c r="V30" s="658"/>
      <c r="W30" s="658"/>
      <c r="X30" s="658"/>
      <c r="Y30" s="659"/>
      <c r="Z30" s="695">
        <v>12.6</v>
      </c>
      <c r="AA30" s="695"/>
      <c r="AB30" s="695"/>
      <c r="AC30" s="695"/>
      <c r="AD30" s="696" t="s">
        <v>140</v>
      </c>
      <c r="AE30" s="696"/>
      <c r="AF30" s="696"/>
      <c r="AG30" s="696"/>
      <c r="AH30" s="696"/>
      <c r="AI30" s="696"/>
      <c r="AJ30" s="696"/>
      <c r="AK30" s="696"/>
      <c r="AL30" s="660" t="s">
        <v>140</v>
      </c>
      <c r="AM30" s="661"/>
      <c r="AN30" s="661"/>
      <c r="AO30" s="697"/>
      <c r="AP30" s="709" t="s">
        <v>231</v>
      </c>
      <c r="AQ30" s="710"/>
      <c r="AR30" s="710"/>
      <c r="AS30" s="710"/>
      <c r="AT30" s="710"/>
      <c r="AU30" s="710"/>
      <c r="AV30" s="710"/>
      <c r="AW30" s="710"/>
      <c r="AX30" s="710"/>
      <c r="AY30" s="710"/>
      <c r="AZ30" s="710"/>
      <c r="BA30" s="710"/>
      <c r="BB30" s="710"/>
      <c r="BC30" s="710"/>
      <c r="BD30" s="710"/>
      <c r="BE30" s="710"/>
      <c r="BF30" s="711"/>
      <c r="BG30" s="709" t="s">
        <v>314</v>
      </c>
      <c r="BH30" s="727"/>
      <c r="BI30" s="727"/>
      <c r="BJ30" s="727"/>
      <c r="BK30" s="727"/>
      <c r="BL30" s="727"/>
      <c r="BM30" s="727"/>
      <c r="BN30" s="727"/>
      <c r="BO30" s="727"/>
      <c r="BP30" s="727"/>
      <c r="BQ30" s="728"/>
      <c r="BR30" s="709" t="s">
        <v>315</v>
      </c>
      <c r="BS30" s="727"/>
      <c r="BT30" s="727"/>
      <c r="BU30" s="727"/>
      <c r="BV30" s="727"/>
      <c r="BW30" s="727"/>
      <c r="BX30" s="727"/>
      <c r="BY30" s="727"/>
      <c r="BZ30" s="727"/>
      <c r="CA30" s="727"/>
      <c r="CB30" s="728"/>
      <c r="CD30" s="678"/>
      <c r="CE30" s="679"/>
      <c r="CF30" s="654" t="s">
        <v>316</v>
      </c>
      <c r="CG30" s="655"/>
      <c r="CH30" s="655"/>
      <c r="CI30" s="655"/>
      <c r="CJ30" s="655"/>
      <c r="CK30" s="655"/>
      <c r="CL30" s="655"/>
      <c r="CM30" s="655"/>
      <c r="CN30" s="655"/>
      <c r="CO30" s="655"/>
      <c r="CP30" s="655"/>
      <c r="CQ30" s="656"/>
      <c r="CR30" s="657">
        <v>390952</v>
      </c>
      <c r="CS30" s="658"/>
      <c r="CT30" s="658"/>
      <c r="CU30" s="658"/>
      <c r="CV30" s="658"/>
      <c r="CW30" s="658"/>
      <c r="CX30" s="658"/>
      <c r="CY30" s="659"/>
      <c r="CZ30" s="660">
        <v>9.5</v>
      </c>
      <c r="DA30" s="672"/>
      <c r="DB30" s="672"/>
      <c r="DC30" s="673"/>
      <c r="DD30" s="663">
        <v>385102</v>
      </c>
      <c r="DE30" s="658"/>
      <c r="DF30" s="658"/>
      <c r="DG30" s="658"/>
      <c r="DH30" s="658"/>
      <c r="DI30" s="658"/>
      <c r="DJ30" s="658"/>
      <c r="DK30" s="659"/>
      <c r="DL30" s="663">
        <v>385102</v>
      </c>
      <c r="DM30" s="658"/>
      <c r="DN30" s="658"/>
      <c r="DO30" s="658"/>
      <c r="DP30" s="658"/>
      <c r="DQ30" s="658"/>
      <c r="DR30" s="658"/>
      <c r="DS30" s="658"/>
      <c r="DT30" s="658"/>
      <c r="DU30" s="658"/>
      <c r="DV30" s="659"/>
      <c r="DW30" s="660">
        <v>15.5</v>
      </c>
      <c r="DX30" s="672"/>
      <c r="DY30" s="672"/>
      <c r="DZ30" s="672"/>
      <c r="EA30" s="672"/>
      <c r="EB30" s="672"/>
      <c r="EC30" s="684"/>
    </row>
    <row r="31" spans="2:133" ht="11.25" customHeight="1" x14ac:dyDescent="0.2">
      <c r="B31" s="724" t="s">
        <v>317</v>
      </c>
      <c r="C31" s="725"/>
      <c r="D31" s="725"/>
      <c r="E31" s="725"/>
      <c r="F31" s="725"/>
      <c r="G31" s="725"/>
      <c r="H31" s="725"/>
      <c r="I31" s="725"/>
      <c r="J31" s="725"/>
      <c r="K31" s="725"/>
      <c r="L31" s="725"/>
      <c r="M31" s="725"/>
      <c r="N31" s="725"/>
      <c r="O31" s="725"/>
      <c r="P31" s="725"/>
      <c r="Q31" s="726"/>
      <c r="R31" s="657" t="s">
        <v>140</v>
      </c>
      <c r="S31" s="658"/>
      <c r="T31" s="658"/>
      <c r="U31" s="658"/>
      <c r="V31" s="658"/>
      <c r="W31" s="658"/>
      <c r="X31" s="658"/>
      <c r="Y31" s="659"/>
      <c r="Z31" s="695" t="s">
        <v>140</v>
      </c>
      <c r="AA31" s="695"/>
      <c r="AB31" s="695"/>
      <c r="AC31" s="695"/>
      <c r="AD31" s="696" t="s">
        <v>140</v>
      </c>
      <c r="AE31" s="696"/>
      <c r="AF31" s="696"/>
      <c r="AG31" s="696"/>
      <c r="AH31" s="696"/>
      <c r="AI31" s="696"/>
      <c r="AJ31" s="696"/>
      <c r="AK31" s="696"/>
      <c r="AL31" s="660" t="s">
        <v>140</v>
      </c>
      <c r="AM31" s="661"/>
      <c r="AN31" s="661"/>
      <c r="AO31" s="697"/>
      <c r="AP31" s="729" t="s">
        <v>318</v>
      </c>
      <c r="AQ31" s="730"/>
      <c r="AR31" s="730"/>
      <c r="AS31" s="730"/>
      <c r="AT31" s="731" t="s">
        <v>319</v>
      </c>
      <c r="AU31" s="214"/>
      <c r="AV31" s="214"/>
      <c r="AW31" s="214"/>
      <c r="AX31" s="715" t="s">
        <v>194</v>
      </c>
      <c r="AY31" s="716"/>
      <c r="AZ31" s="716"/>
      <c r="BA31" s="716"/>
      <c r="BB31" s="716"/>
      <c r="BC31" s="716"/>
      <c r="BD31" s="716"/>
      <c r="BE31" s="716"/>
      <c r="BF31" s="717"/>
      <c r="BG31" s="719">
        <v>97.6</v>
      </c>
      <c r="BH31" s="720"/>
      <c r="BI31" s="720"/>
      <c r="BJ31" s="720"/>
      <c r="BK31" s="720"/>
      <c r="BL31" s="720"/>
      <c r="BM31" s="721">
        <v>91.7</v>
      </c>
      <c r="BN31" s="720"/>
      <c r="BO31" s="720"/>
      <c r="BP31" s="720"/>
      <c r="BQ31" s="722"/>
      <c r="BR31" s="719">
        <v>95.5</v>
      </c>
      <c r="BS31" s="720"/>
      <c r="BT31" s="720"/>
      <c r="BU31" s="720"/>
      <c r="BV31" s="720"/>
      <c r="BW31" s="720"/>
      <c r="BX31" s="721">
        <v>90.2</v>
      </c>
      <c r="BY31" s="720"/>
      <c r="BZ31" s="720"/>
      <c r="CA31" s="720"/>
      <c r="CB31" s="722"/>
      <c r="CD31" s="678"/>
      <c r="CE31" s="679"/>
      <c r="CF31" s="654" t="s">
        <v>320</v>
      </c>
      <c r="CG31" s="655"/>
      <c r="CH31" s="655"/>
      <c r="CI31" s="655"/>
      <c r="CJ31" s="655"/>
      <c r="CK31" s="655"/>
      <c r="CL31" s="655"/>
      <c r="CM31" s="655"/>
      <c r="CN31" s="655"/>
      <c r="CO31" s="655"/>
      <c r="CP31" s="655"/>
      <c r="CQ31" s="656"/>
      <c r="CR31" s="657">
        <v>14656</v>
      </c>
      <c r="CS31" s="670"/>
      <c r="CT31" s="670"/>
      <c r="CU31" s="670"/>
      <c r="CV31" s="670"/>
      <c r="CW31" s="670"/>
      <c r="CX31" s="670"/>
      <c r="CY31" s="671"/>
      <c r="CZ31" s="660">
        <v>0.4</v>
      </c>
      <c r="DA31" s="672"/>
      <c r="DB31" s="672"/>
      <c r="DC31" s="673"/>
      <c r="DD31" s="663">
        <v>14656</v>
      </c>
      <c r="DE31" s="670"/>
      <c r="DF31" s="670"/>
      <c r="DG31" s="670"/>
      <c r="DH31" s="670"/>
      <c r="DI31" s="670"/>
      <c r="DJ31" s="670"/>
      <c r="DK31" s="671"/>
      <c r="DL31" s="663">
        <v>14656</v>
      </c>
      <c r="DM31" s="670"/>
      <c r="DN31" s="670"/>
      <c r="DO31" s="670"/>
      <c r="DP31" s="670"/>
      <c r="DQ31" s="670"/>
      <c r="DR31" s="670"/>
      <c r="DS31" s="670"/>
      <c r="DT31" s="670"/>
      <c r="DU31" s="670"/>
      <c r="DV31" s="671"/>
      <c r="DW31" s="660">
        <v>0.6</v>
      </c>
      <c r="DX31" s="672"/>
      <c r="DY31" s="672"/>
      <c r="DZ31" s="672"/>
      <c r="EA31" s="672"/>
      <c r="EB31" s="672"/>
      <c r="EC31" s="684"/>
    </row>
    <row r="32" spans="2:133" ht="11.25" customHeight="1" x14ac:dyDescent="0.2">
      <c r="B32" s="654" t="s">
        <v>321</v>
      </c>
      <c r="C32" s="655"/>
      <c r="D32" s="655"/>
      <c r="E32" s="655"/>
      <c r="F32" s="655"/>
      <c r="G32" s="655"/>
      <c r="H32" s="655"/>
      <c r="I32" s="655"/>
      <c r="J32" s="655"/>
      <c r="K32" s="655"/>
      <c r="L32" s="655"/>
      <c r="M32" s="655"/>
      <c r="N32" s="655"/>
      <c r="O32" s="655"/>
      <c r="P32" s="655"/>
      <c r="Q32" s="656"/>
      <c r="R32" s="657">
        <v>235564</v>
      </c>
      <c r="S32" s="658"/>
      <c r="T32" s="658"/>
      <c r="U32" s="658"/>
      <c r="V32" s="658"/>
      <c r="W32" s="658"/>
      <c r="X32" s="658"/>
      <c r="Y32" s="659"/>
      <c r="Z32" s="695">
        <v>5.5</v>
      </c>
      <c r="AA32" s="695"/>
      <c r="AB32" s="695"/>
      <c r="AC32" s="695"/>
      <c r="AD32" s="696" t="s">
        <v>140</v>
      </c>
      <c r="AE32" s="696"/>
      <c r="AF32" s="696"/>
      <c r="AG32" s="696"/>
      <c r="AH32" s="696"/>
      <c r="AI32" s="696"/>
      <c r="AJ32" s="696"/>
      <c r="AK32" s="696"/>
      <c r="AL32" s="660" t="s">
        <v>140</v>
      </c>
      <c r="AM32" s="661"/>
      <c r="AN32" s="661"/>
      <c r="AO32" s="697"/>
      <c r="AP32" s="698"/>
      <c r="AQ32" s="699"/>
      <c r="AR32" s="699"/>
      <c r="AS32" s="699"/>
      <c r="AT32" s="732"/>
      <c r="AU32" s="210" t="s">
        <v>322</v>
      </c>
      <c r="AX32" s="654" t="s">
        <v>323</v>
      </c>
      <c r="AY32" s="655"/>
      <c r="AZ32" s="655"/>
      <c r="BA32" s="655"/>
      <c r="BB32" s="655"/>
      <c r="BC32" s="655"/>
      <c r="BD32" s="655"/>
      <c r="BE32" s="655"/>
      <c r="BF32" s="656"/>
      <c r="BG32" s="723">
        <v>97.4</v>
      </c>
      <c r="BH32" s="670"/>
      <c r="BI32" s="670"/>
      <c r="BJ32" s="670"/>
      <c r="BK32" s="670"/>
      <c r="BL32" s="670"/>
      <c r="BM32" s="661">
        <v>91.5</v>
      </c>
      <c r="BN32" s="670"/>
      <c r="BO32" s="670"/>
      <c r="BP32" s="670"/>
      <c r="BQ32" s="693"/>
      <c r="BR32" s="723">
        <v>97.7</v>
      </c>
      <c r="BS32" s="670"/>
      <c r="BT32" s="670"/>
      <c r="BU32" s="670"/>
      <c r="BV32" s="670"/>
      <c r="BW32" s="670"/>
      <c r="BX32" s="661">
        <v>92.7</v>
      </c>
      <c r="BY32" s="670"/>
      <c r="BZ32" s="670"/>
      <c r="CA32" s="670"/>
      <c r="CB32" s="693"/>
      <c r="CD32" s="680"/>
      <c r="CE32" s="681"/>
      <c r="CF32" s="654" t="s">
        <v>324</v>
      </c>
      <c r="CG32" s="655"/>
      <c r="CH32" s="655"/>
      <c r="CI32" s="655"/>
      <c r="CJ32" s="655"/>
      <c r="CK32" s="655"/>
      <c r="CL32" s="655"/>
      <c r="CM32" s="655"/>
      <c r="CN32" s="655"/>
      <c r="CO32" s="655"/>
      <c r="CP32" s="655"/>
      <c r="CQ32" s="656"/>
      <c r="CR32" s="657" t="s">
        <v>140</v>
      </c>
      <c r="CS32" s="658"/>
      <c r="CT32" s="658"/>
      <c r="CU32" s="658"/>
      <c r="CV32" s="658"/>
      <c r="CW32" s="658"/>
      <c r="CX32" s="658"/>
      <c r="CY32" s="659"/>
      <c r="CZ32" s="660" t="s">
        <v>140</v>
      </c>
      <c r="DA32" s="672"/>
      <c r="DB32" s="672"/>
      <c r="DC32" s="673"/>
      <c r="DD32" s="663" t="s">
        <v>140</v>
      </c>
      <c r="DE32" s="658"/>
      <c r="DF32" s="658"/>
      <c r="DG32" s="658"/>
      <c r="DH32" s="658"/>
      <c r="DI32" s="658"/>
      <c r="DJ32" s="658"/>
      <c r="DK32" s="659"/>
      <c r="DL32" s="663" t="s">
        <v>140</v>
      </c>
      <c r="DM32" s="658"/>
      <c r="DN32" s="658"/>
      <c r="DO32" s="658"/>
      <c r="DP32" s="658"/>
      <c r="DQ32" s="658"/>
      <c r="DR32" s="658"/>
      <c r="DS32" s="658"/>
      <c r="DT32" s="658"/>
      <c r="DU32" s="658"/>
      <c r="DV32" s="659"/>
      <c r="DW32" s="660" t="s">
        <v>140</v>
      </c>
      <c r="DX32" s="672"/>
      <c r="DY32" s="672"/>
      <c r="DZ32" s="672"/>
      <c r="EA32" s="672"/>
      <c r="EB32" s="672"/>
      <c r="EC32" s="684"/>
    </row>
    <row r="33" spans="2:133" ht="11.25" customHeight="1" x14ac:dyDescent="0.2">
      <c r="B33" s="654" t="s">
        <v>325</v>
      </c>
      <c r="C33" s="655"/>
      <c r="D33" s="655"/>
      <c r="E33" s="655"/>
      <c r="F33" s="655"/>
      <c r="G33" s="655"/>
      <c r="H33" s="655"/>
      <c r="I33" s="655"/>
      <c r="J33" s="655"/>
      <c r="K33" s="655"/>
      <c r="L33" s="655"/>
      <c r="M33" s="655"/>
      <c r="N33" s="655"/>
      <c r="O33" s="655"/>
      <c r="P33" s="655"/>
      <c r="Q33" s="656"/>
      <c r="R33" s="657">
        <v>99496</v>
      </c>
      <c r="S33" s="658"/>
      <c r="T33" s="658"/>
      <c r="U33" s="658"/>
      <c r="V33" s="658"/>
      <c r="W33" s="658"/>
      <c r="X33" s="658"/>
      <c r="Y33" s="659"/>
      <c r="Z33" s="695">
        <v>2.2999999999999998</v>
      </c>
      <c r="AA33" s="695"/>
      <c r="AB33" s="695"/>
      <c r="AC33" s="695"/>
      <c r="AD33" s="696">
        <v>5131</v>
      </c>
      <c r="AE33" s="696"/>
      <c r="AF33" s="696"/>
      <c r="AG33" s="696"/>
      <c r="AH33" s="696"/>
      <c r="AI33" s="696"/>
      <c r="AJ33" s="696"/>
      <c r="AK33" s="696"/>
      <c r="AL33" s="660">
        <v>0.2</v>
      </c>
      <c r="AM33" s="661"/>
      <c r="AN33" s="661"/>
      <c r="AO33" s="697"/>
      <c r="AP33" s="700"/>
      <c r="AQ33" s="701"/>
      <c r="AR33" s="701"/>
      <c r="AS33" s="701"/>
      <c r="AT33" s="733"/>
      <c r="AU33" s="215"/>
      <c r="AV33" s="215"/>
      <c r="AW33" s="215"/>
      <c r="AX33" s="638" t="s">
        <v>326</v>
      </c>
      <c r="AY33" s="639"/>
      <c r="AZ33" s="639"/>
      <c r="BA33" s="639"/>
      <c r="BB33" s="639"/>
      <c r="BC33" s="639"/>
      <c r="BD33" s="639"/>
      <c r="BE33" s="639"/>
      <c r="BF33" s="640"/>
      <c r="BG33" s="718">
        <v>97.6</v>
      </c>
      <c r="BH33" s="642"/>
      <c r="BI33" s="642"/>
      <c r="BJ33" s="642"/>
      <c r="BK33" s="642"/>
      <c r="BL33" s="642"/>
      <c r="BM33" s="688">
        <v>91.2</v>
      </c>
      <c r="BN33" s="642"/>
      <c r="BO33" s="642"/>
      <c r="BP33" s="642"/>
      <c r="BQ33" s="705"/>
      <c r="BR33" s="718">
        <v>93.4</v>
      </c>
      <c r="BS33" s="642"/>
      <c r="BT33" s="642"/>
      <c r="BU33" s="642"/>
      <c r="BV33" s="642"/>
      <c r="BW33" s="642"/>
      <c r="BX33" s="688">
        <v>87.3</v>
      </c>
      <c r="BY33" s="642"/>
      <c r="BZ33" s="642"/>
      <c r="CA33" s="642"/>
      <c r="CB33" s="705"/>
      <c r="CD33" s="654" t="s">
        <v>327</v>
      </c>
      <c r="CE33" s="655"/>
      <c r="CF33" s="655"/>
      <c r="CG33" s="655"/>
      <c r="CH33" s="655"/>
      <c r="CI33" s="655"/>
      <c r="CJ33" s="655"/>
      <c r="CK33" s="655"/>
      <c r="CL33" s="655"/>
      <c r="CM33" s="655"/>
      <c r="CN33" s="655"/>
      <c r="CO33" s="655"/>
      <c r="CP33" s="655"/>
      <c r="CQ33" s="656"/>
      <c r="CR33" s="657">
        <v>2348727</v>
      </c>
      <c r="CS33" s="670"/>
      <c r="CT33" s="670"/>
      <c r="CU33" s="670"/>
      <c r="CV33" s="670"/>
      <c r="CW33" s="670"/>
      <c r="CX33" s="670"/>
      <c r="CY33" s="671"/>
      <c r="CZ33" s="660">
        <v>57</v>
      </c>
      <c r="DA33" s="672"/>
      <c r="DB33" s="672"/>
      <c r="DC33" s="673"/>
      <c r="DD33" s="663">
        <v>1909168</v>
      </c>
      <c r="DE33" s="670"/>
      <c r="DF33" s="670"/>
      <c r="DG33" s="670"/>
      <c r="DH33" s="670"/>
      <c r="DI33" s="670"/>
      <c r="DJ33" s="670"/>
      <c r="DK33" s="671"/>
      <c r="DL33" s="663">
        <v>1177263</v>
      </c>
      <c r="DM33" s="670"/>
      <c r="DN33" s="670"/>
      <c r="DO33" s="670"/>
      <c r="DP33" s="670"/>
      <c r="DQ33" s="670"/>
      <c r="DR33" s="670"/>
      <c r="DS33" s="670"/>
      <c r="DT33" s="670"/>
      <c r="DU33" s="670"/>
      <c r="DV33" s="671"/>
      <c r="DW33" s="660">
        <v>47.4</v>
      </c>
      <c r="DX33" s="672"/>
      <c r="DY33" s="672"/>
      <c r="DZ33" s="672"/>
      <c r="EA33" s="672"/>
      <c r="EB33" s="672"/>
      <c r="EC33" s="684"/>
    </row>
    <row r="34" spans="2:133" ht="11.25" customHeight="1" x14ac:dyDescent="0.2">
      <c r="B34" s="654" t="s">
        <v>328</v>
      </c>
      <c r="C34" s="655"/>
      <c r="D34" s="655"/>
      <c r="E34" s="655"/>
      <c r="F34" s="655"/>
      <c r="G34" s="655"/>
      <c r="H34" s="655"/>
      <c r="I34" s="655"/>
      <c r="J34" s="655"/>
      <c r="K34" s="655"/>
      <c r="L34" s="655"/>
      <c r="M34" s="655"/>
      <c r="N34" s="655"/>
      <c r="O34" s="655"/>
      <c r="P34" s="655"/>
      <c r="Q34" s="656"/>
      <c r="R34" s="657">
        <v>7712</v>
      </c>
      <c r="S34" s="658"/>
      <c r="T34" s="658"/>
      <c r="U34" s="658"/>
      <c r="V34" s="658"/>
      <c r="W34" s="658"/>
      <c r="X34" s="658"/>
      <c r="Y34" s="659"/>
      <c r="Z34" s="695">
        <v>0.2</v>
      </c>
      <c r="AA34" s="695"/>
      <c r="AB34" s="695"/>
      <c r="AC34" s="695"/>
      <c r="AD34" s="696" t="s">
        <v>140</v>
      </c>
      <c r="AE34" s="696"/>
      <c r="AF34" s="696"/>
      <c r="AG34" s="696"/>
      <c r="AH34" s="696"/>
      <c r="AI34" s="696"/>
      <c r="AJ34" s="696"/>
      <c r="AK34" s="696"/>
      <c r="AL34" s="660" t="s">
        <v>140</v>
      </c>
      <c r="AM34" s="661"/>
      <c r="AN34" s="661"/>
      <c r="AO34" s="697"/>
      <c r="AP34" s="216"/>
      <c r="AQ34" s="217"/>
      <c r="AS34" s="214"/>
      <c r="AT34" s="214"/>
      <c r="AU34" s="214"/>
      <c r="AV34" s="214"/>
      <c r="AW34" s="214"/>
      <c r="AX34" s="214"/>
      <c r="AY34" s="214"/>
      <c r="AZ34" s="214"/>
      <c r="BA34" s="214"/>
      <c r="BB34" s="214"/>
      <c r="BC34" s="214"/>
      <c r="BD34" s="214"/>
      <c r="BE34" s="214"/>
      <c r="BF34" s="214"/>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54" t="s">
        <v>329</v>
      </c>
      <c r="CE34" s="655"/>
      <c r="CF34" s="655"/>
      <c r="CG34" s="655"/>
      <c r="CH34" s="655"/>
      <c r="CI34" s="655"/>
      <c r="CJ34" s="655"/>
      <c r="CK34" s="655"/>
      <c r="CL34" s="655"/>
      <c r="CM34" s="655"/>
      <c r="CN34" s="655"/>
      <c r="CO34" s="655"/>
      <c r="CP34" s="655"/>
      <c r="CQ34" s="656"/>
      <c r="CR34" s="657">
        <v>563657</v>
      </c>
      <c r="CS34" s="658"/>
      <c r="CT34" s="658"/>
      <c r="CU34" s="658"/>
      <c r="CV34" s="658"/>
      <c r="CW34" s="658"/>
      <c r="CX34" s="658"/>
      <c r="CY34" s="659"/>
      <c r="CZ34" s="660">
        <v>13.7</v>
      </c>
      <c r="DA34" s="672"/>
      <c r="DB34" s="672"/>
      <c r="DC34" s="673"/>
      <c r="DD34" s="663">
        <v>338419</v>
      </c>
      <c r="DE34" s="658"/>
      <c r="DF34" s="658"/>
      <c r="DG34" s="658"/>
      <c r="DH34" s="658"/>
      <c r="DI34" s="658"/>
      <c r="DJ34" s="658"/>
      <c r="DK34" s="659"/>
      <c r="DL34" s="663">
        <v>293806</v>
      </c>
      <c r="DM34" s="658"/>
      <c r="DN34" s="658"/>
      <c r="DO34" s="658"/>
      <c r="DP34" s="658"/>
      <c r="DQ34" s="658"/>
      <c r="DR34" s="658"/>
      <c r="DS34" s="658"/>
      <c r="DT34" s="658"/>
      <c r="DU34" s="658"/>
      <c r="DV34" s="659"/>
      <c r="DW34" s="660">
        <v>11.8</v>
      </c>
      <c r="DX34" s="672"/>
      <c r="DY34" s="672"/>
      <c r="DZ34" s="672"/>
      <c r="EA34" s="672"/>
      <c r="EB34" s="672"/>
      <c r="EC34" s="684"/>
    </row>
    <row r="35" spans="2:133" ht="11.25" customHeight="1" x14ac:dyDescent="0.2">
      <c r="B35" s="654" t="s">
        <v>330</v>
      </c>
      <c r="C35" s="655"/>
      <c r="D35" s="655"/>
      <c r="E35" s="655"/>
      <c r="F35" s="655"/>
      <c r="G35" s="655"/>
      <c r="H35" s="655"/>
      <c r="I35" s="655"/>
      <c r="J35" s="655"/>
      <c r="K35" s="655"/>
      <c r="L35" s="655"/>
      <c r="M35" s="655"/>
      <c r="N35" s="655"/>
      <c r="O35" s="655"/>
      <c r="P35" s="655"/>
      <c r="Q35" s="656"/>
      <c r="R35" s="657">
        <v>147935</v>
      </c>
      <c r="S35" s="658"/>
      <c r="T35" s="658"/>
      <c r="U35" s="658"/>
      <c r="V35" s="658"/>
      <c r="W35" s="658"/>
      <c r="X35" s="658"/>
      <c r="Y35" s="659"/>
      <c r="Z35" s="695">
        <v>3.4</v>
      </c>
      <c r="AA35" s="695"/>
      <c r="AB35" s="695"/>
      <c r="AC35" s="695"/>
      <c r="AD35" s="696" t="s">
        <v>140</v>
      </c>
      <c r="AE35" s="696"/>
      <c r="AF35" s="696"/>
      <c r="AG35" s="696"/>
      <c r="AH35" s="696"/>
      <c r="AI35" s="696"/>
      <c r="AJ35" s="696"/>
      <c r="AK35" s="696"/>
      <c r="AL35" s="660" t="s">
        <v>140</v>
      </c>
      <c r="AM35" s="661"/>
      <c r="AN35" s="661"/>
      <c r="AO35" s="697"/>
      <c r="AP35" s="218"/>
      <c r="AQ35" s="709" t="s">
        <v>331</v>
      </c>
      <c r="AR35" s="710"/>
      <c r="AS35" s="710"/>
      <c r="AT35" s="710"/>
      <c r="AU35" s="710"/>
      <c r="AV35" s="710"/>
      <c r="AW35" s="710"/>
      <c r="AX35" s="710"/>
      <c r="AY35" s="710"/>
      <c r="AZ35" s="710"/>
      <c r="BA35" s="710"/>
      <c r="BB35" s="710"/>
      <c r="BC35" s="710"/>
      <c r="BD35" s="710"/>
      <c r="BE35" s="710"/>
      <c r="BF35" s="711"/>
      <c r="BG35" s="709" t="s">
        <v>332</v>
      </c>
      <c r="BH35" s="710"/>
      <c r="BI35" s="710"/>
      <c r="BJ35" s="710"/>
      <c r="BK35" s="710"/>
      <c r="BL35" s="710"/>
      <c r="BM35" s="710"/>
      <c r="BN35" s="710"/>
      <c r="BO35" s="710"/>
      <c r="BP35" s="710"/>
      <c r="BQ35" s="710"/>
      <c r="BR35" s="710"/>
      <c r="BS35" s="710"/>
      <c r="BT35" s="710"/>
      <c r="BU35" s="710"/>
      <c r="BV35" s="710"/>
      <c r="BW35" s="710"/>
      <c r="BX35" s="710"/>
      <c r="BY35" s="710"/>
      <c r="BZ35" s="710"/>
      <c r="CA35" s="710"/>
      <c r="CB35" s="711"/>
      <c r="CD35" s="654" t="s">
        <v>333</v>
      </c>
      <c r="CE35" s="655"/>
      <c r="CF35" s="655"/>
      <c r="CG35" s="655"/>
      <c r="CH35" s="655"/>
      <c r="CI35" s="655"/>
      <c r="CJ35" s="655"/>
      <c r="CK35" s="655"/>
      <c r="CL35" s="655"/>
      <c r="CM35" s="655"/>
      <c r="CN35" s="655"/>
      <c r="CO35" s="655"/>
      <c r="CP35" s="655"/>
      <c r="CQ35" s="656"/>
      <c r="CR35" s="657">
        <v>40120</v>
      </c>
      <c r="CS35" s="670"/>
      <c r="CT35" s="670"/>
      <c r="CU35" s="670"/>
      <c r="CV35" s="670"/>
      <c r="CW35" s="670"/>
      <c r="CX35" s="670"/>
      <c r="CY35" s="671"/>
      <c r="CZ35" s="660">
        <v>1</v>
      </c>
      <c r="DA35" s="672"/>
      <c r="DB35" s="672"/>
      <c r="DC35" s="673"/>
      <c r="DD35" s="663">
        <v>23721</v>
      </c>
      <c r="DE35" s="670"/>
      <c r="DF35" s="670"/>
      <c r="DG35" s="670"/>
      <c r="DH35" s="670"/>
      <c r="DI35" s="670"/>
      <c r="DJ35" s="670"/>
      <c r="DK35" s="671"/>
      <c r="DL35" s="663">
        <v>20930</v>
      </c>
      <c r="DM35" s="670"/>
      <c r="DN35" s="670"/>
      <c r="DO35" s="670"/>
      <c r="DP35" s="670"/>
      <c r="DQ35" s="670"/>
      <c r="DR35" s="670"/>
      <c r="DS35" s="670"/>
      <c r="DT35" s="670"/>
      <c r="DU35" s="670"/>
      <c r="DV35" s="671"/>
      <c r="DW35" s="660">
        <v>0.8</v>
      </c>
      <c r="DX35" s="672"/>
      <c r="DY35" s="672"/>
      <c r="DZ35" s="672"/>
      <c r="EA35" s="672"/>
      <c r="EB35" s="672"/>
      <c r="EC35" s="684"/>
    </row>
    <row r="36" spans="2:133" ht="11.25" customHeight="1" x14ac:dyDescent="0.2">
      <c r="B36" s="654" t="s">
        <v>334</v>
      </c>
      <c r="C36" s="655"/>
      <c r="D36" s="655"/>
      <c r="E36" s="655"/>
      <c r="F36" s="655"/>
      <c r="G36" s="655"/>
      <c r="H36" s="655"/>
      <c r="I36" s="655"/>
      <c r="J36" s="655"/>
      <c r="K36" s="655"/>
      <c r="L36" s="655"/>
      <c r="M36" s="655"/>
      <c r="N36" s="655"/>
      <c r="O36" s="655"/>
      <c r="P36" s="655"/>
      <c r="Q36" s="656"/>
      <c r="R36" s="657">
        <v>343062</v>
      </c>
      <c r="S36" s="658"/>
      <c r="T36" s="658"/>
      <c r="U36" s="658"/>
      <c r="V36" s="658"/>
      <c r="W36" s="658"/>
      <c r="X36" s="658"/>
      <c r="Y36" s="659"/>
      <c r="Z36" s="695">
        <v>8</v>
      </c>
      <c r="AA36" s="695"/>
      <c r="AB36" s="695"/>
      <c r="AC36" s="695"/>
      <c r="AD36" s="696" t="s">
        <v>140</v>
      </c>
      <c r="AE36" s="696"/>
      <c r="AF36" s="696"/>
      <c r="AG36" s="696"/>
      <c r="AH36" s="696"/>
      <c r="AI36" s="696"/>
      <c r="AJ36" s="696"/>
      <c r="AK36" s="696"/>
      <c r="AL36" s="660" t="s">
        <v>140</v>
      </c>
      <c r="AM36" s="661"/>
      <c r="AN36" s="661"/>
      <c r="AO36" s="697"/>
      <c r="AP36" s="218"/>
      <c r="AQ36" s="706" t="s">
        <v>335</v>
      </c>
      <c r="AR36" s="707"/>
      <c r="AS36" s="707"/>
      <c r="AT36" s="707"/>
      <c r="AU36" s="707"/>
      <c r="AV36" s="707"/>
      <c r="AW36" s="707"/>
      <c r="AX36" s="707"/>
      <c r="AY36" s="708"/>
      <c r="AZ36" s="712">
        <v>612535</v>
      </c>
      <c r="BA36" s="713"/>
      <c r="BB36" s="713"/>
      <c r="BC36" s="713"/>
      <c r="BD36" s="713"/>
      <c r="BE36" s="713"/>
      <c r="BF36" s="714"/>
      <c r="BG36" s="715" t="s">
        <v>336</v>
      </c>
      <c r="BH36" s="716"/>
      <c r="BI36" s="716"/>
      <c r="BJ36" s="716"/>
      <c r="BK36" s="716"/>
      <c r="BL36" s="716"/>
      <c r="BM36" s="716"/>
      <c r="BN36" s="716"/>
      <c r="BO36" s="716"/>
      <c r="BP36" s="716"/>
      <c r="BQ36" s="716"/>
      <c r="BR36" s="716"/>
      <c r="BS36" s="716"/>
      <c r="BT36" s="716"/>
      <c r="BU36" s="717"/>
      <c r="BV36" s="712">
        <v>20318</v>
      </c>
      <c r="BW36" s="713"/>
      <c r="BX36" s="713"/>
      <c r="BY36" s="713"/>
      <c r="BZ36" s="713"/>
      <c r="CA36" s="713"/>
      <c r="CB36" s="714"/>
      <c r="CD36" s="654" t="s">
        <v>337</v>
      </c>
      <c r="CE36" s="655"/>
      <c r="CF36" s="655"/>
      <c r="CG36" s="655"/>
      <c r="CH36" s="655"/>
      <c r="CI36" s="655"/>
      <c r="CJ36" s="655"/>
      <c r="CK36" s="655"/>
      <c r="CL36" s="655"/>
      <c r="CM36" s="655"/>
      <c r="CN36" s="655"/>
      <c r="CO36" s="655"/>
      <c r="CP36" s="655"/>
      <c r="CQ36" s="656"/>
      <c r="CR36" s="657">
        <v>806207</v>
      </c>
      <c r="CS36" s="658"/>
      <c r="CT36" s="658"/>
      <c r="CU36" s="658"/>
      <c r="CV36" s="658"/>
      <c r="CW36" s="658"/>
      <c r="CX36" s="658"/>
      <c r="CY36" s="659"/>
      <c r="CZ36" s="660">
        <v>19.600000000000001</v>
      </c>
      <c r="DA36" s="672"/>
      <c r="DB36" s="672"/>
      <c r="DC36" s="673"/>
      <c r="DD36" s="663">
        <v>691749</v>
      </c>
      <c r="DE36" s="658"/>
      <c r="DF36" s="658"/>
      <c r="DG36" s="658"/>
      <c r="DH36" s="658"/>
      <c r="DI36" s="658"/>
      <c r="DJ36" s="658"/>
      <c r="DK36" s="659"/>
      <c r="DL36" s="663">
        <v>436228</v>
      </c>
      <c r="DM36" s="658"/>
      <c r="DN36" s="658"/>
      <c r="DO36" s="658"/>
      <c r="DP36" s="658"/>
      <c r="DQ36" s="658"/>
      <c r="DR36" s="658"/>
      <c r="DS36" s="658"/>
      <c r="DT36" s="658"/>
      <c r="DU36" s="658"/>
      <c r="DV36" s="659"/>
      <c r="DW36" s="660">
        <v>17.600000000000001</v>
      </c>
      <c r="DX36" s="672"/>
      <c r="DY36" s="672"/>
      <c r="DZ36" s="672"/>
      <c r="EA36" s="672"/>
      <c r="EB36" s="672"/>
      <c r="EC36" s="684"/>
    </row>
    <row r="37" spans="2:133" ht="11.25" customHeight="1" x14ac:dyDescent="0.2">
      <c r="B37" s="654" t="s">
        <v>338</v>
      </c>
      <c r="C37" s="655"/>
      <c r="D37" s="655"/>
      <c r="E37" s="655"/>
      <c r="F37" s="655"/>
      <c r="G37" s="655"/>
      <c r="H37" s="655"/>
      <c r="I37" s="655"/>
      <c r="J37" s="655"/>
      <c r="K37" s="655"/>
      <c r="L37" s="655"/>
      <c r="M37" s="655"/>
      <c r="N37" s="655"/>
      <c r="O37" s="655"/>
      <c r="P37" s="655"/>
      <c r="Q37" s="656"/>
      <c r="R37" s="657">
        <v>37052</v>
      </c>
      <c r="S37" s="658"/>
      <c r="T37" s="658"/>
      <c r="U37" s="658"/>
      <c r="V37" s="658"/>
      <c r="W37" s="658"/>
      <c r="X37" s="658"/>
      <c r="Y37" s="659"/>
      <c r="Z37" s="695">
        <v>0.9</v>
      </c>
      <c r="AA37" s="695"/>
      <c r="AB37" s="695"/>
      <c r="AC37" s="695"/>
      <c r="AD37" s="696">
        <v>240</v>
      </c>
      <c r="AE37" s="696"/>
      <c r="AF37" s="696"/>
      <c r="AG37" s="696"/>
      <c r="AH37" s="696"/>
      <c r="AI37" s="696"/>
      <c r="AJ37" s="696"/>
      <c r="AK37" s="696"/>
      <c r="AL37" s="660">
        <v>0</v>
      </c>
      <c r="AM37" s="661"/>
      <c r="AN37" s="661"/>
      <c r="AO37" s="697"/>
      <c r="AQ37" s="690" t="s">
        <v>339</v>
      </c>
      <c r="AR37" s="691"/>
      <c r="AS37" s="691"/>
      <c r="AT37" s="691"/>
      <c r="AU37" s="691"/>
      <c r="AV37" s="691"/>
      <c r="AW37" s="691"/>
      <c r="AX37" s="691"/>
      <c r="AY37" s="692"/>
      <c r="AZ37" s="657">
        <v>99980</v>
      </c>
      <c r="BA37" s="658"/>
      <c r="BB37" s="658"/>
      <c r="BC37" s="658"/>
      <c r="BD37" s="670"/>
      <c r="BE37" s="670"/>
      <c r="BF37" s="693"/>
      <c r="BG37" s="654" t="s">
        <v>340</v>
      </c>
      <c r="BH37" s="655"/>
      <c r="BI37" s="655"/>
      <c r="BJ37" s="655"/>
      <c r="BK37" s="655"/>
      <c r="BL37" s="655"/>
      <c r="BM37" s="655"/>
      <c r="BN37" s="655"/>
      <c r="BO37" s="655"/>
      <c r="BP37" s="655"/>
      <c r="BQ37" s="655"/>
      <c r="BR37" s="655"/>
      <c r="BS37" s="655"/>
      <c r="BT37" s="655"/>
      <c r="BU37" s="656"/>
      <c r="BV37" s="657">
        <v>17016</v>
      </c>
      <c r="BW37" s="658"/>
      <c r="BX37" s="658"/>
      <c r="BY37" s="658"/>
      <c r="BZ37" s="658"/>
      <c r="CA37" s="658"/>
      <c r="CB37" s="694"/>
      <c r="CD37" s="654" t="s">
        <v>341</v>
      </c>
      <c r="CE37" s="655"/>
      <c r="CF37" s="655"/>
      <c r="CG37" s="655"/>
      <c r="CH37" s="655"/>
      <c r="CI37" s="655"/>
      <c r="CJ37" s="655"/>
      <c r="CK37" s="655"/>
      <c r="CL37" s="655"/>
      <c r="CM37" s="655"/>
      <c r="CN37" s="655"/>
      <c r="CO37" s="655"/>
      <c r="CP37" s="655"/>
      <c r="CQ37" s="656"/>
      <c r="CR37" s="657">
        <v>246558</v>
      </c>
      <c r="CS37" s="670"/>
      <c r="CT37" s="670"/>
      <c r="CU37" s="670"/>
      <c r="CV37" s="670"/>
      <c r="CW37" s="670"/>
      <c r="CX37" s="670"/>
      <c r="CY37" s="671"/>
      <c r="CZ37" s="660">
        <v>6</v>
      </c>
      <c r="DA37" s="672"/>
      <c r="DB37" s="672"/>
      <c r="DC37" s="673"/>
      <c r="DD37" s="663">
        <v>222823</v>
      </c>
      <c r="DE37" s="670"/>
      <c r="DF37" s="670"/>
      <c r="DG37" s="670"/>
      <c r="DH37" s="670"/>
      <c r="DI37" s="670"/>
      <c r="DJ37" s="670"/>
      <c r="DK37" s="671"/>
      <c r="DL37" s="663">
        <v>222667</v>
      </c>
      <c r="DM37" s="670"/>
      <c r="DN37" s="670"/>
      <c r="DO37" s="670"/>
      <c r="DP37" s="670"/>
      <c r="DQ37" s="670"/>
      <c r="DR37" s="670"/>
      <c r="DS37" s="670"/>
      <c r="DT37" s="670"/>
      <c r="DU37" s="670"/>
      <c r="DV37" s="671"/>
      <c r="DW37" s="660">
        <v>9</v>
      </c>
      <c r="DX37" s="672"/>
      <c r="DY37" s="672"/>
      <c r="DZ37" s="672"/>
      <c r="EA37" s="672"/>
      <c r="EB37" s="672"/>
      <c r="EC37" s="684"/>
    </row>
    <row r="38" spans="2:133" ht="11.25" customHeight="1" x14ac:dyDescent="0.2">
      <c r="B38" s="654" t="s">
        <v>342</v>
      </c>
      <c r="C38" s="655"/>
      <c r="D38" s="655"/>
      <c r="E38" s="655"/>
      <c r="F38" s="655"/>
      <c r="G38" s="655"/>
      <c r="H38" s="655"/>
      <c r="I38" s="655"/>
      <c r="J38" s="655"/>
      <c r="K38" s="655"/>
      <c r="L38" s="655"/>
      <c r="M38" s="655"/>
      <c r="N38" s="655"/>
      <c r="O38" s="655"/>
      <c r="P38" s="655"/>
      <c r="Q38" s="656"/>
      <c r="R38" s="657">
        <v>189387</v>
      </c>
      <c r="S38" s="658"/>
      <c r="T38" s="658"/>
      <c r="U38" s="658"/>
      <c r="V38" s="658"/>
      <c r="W38" s="658"/>
      <c r="X38" s="658"/>
      <c r="Y38" s="659"/>
      <c r="Z38" s="695">
        <v>4.4000000000000004</v>
      </c>
      <c r="AA38" s="695"/>
      <c r="AB38" s="695"/>
      <c r="AC38" s="695"/>
      <c r="AD38" s="696" t="s">
        <v>140</v>
      </c>
      <c r="AE38" s="696"/>
      <c r="AF38" s="696"/>
      <c r="AG38" s="696"/>
      <c r="AH38" s="696"/>
      <c r="AI38" s="696"/>
      <c r="AJ38" s="696"/>
      <c r="AK38" s="696"/>
      <c r="AL38" s="660" t="s">
        <v>140</v>
      </c>
      <c r="AM38" s="661"/>
      <c r="AN38" s="661"/>
      <c r="AO38" s="697"/>
      <c r="AQ38" s="690" t="s">
        <v>343</v>
      </c>
      <c r="AR38" s="691"/>
      <c r="AS38" s="691"/>
      <c r="AT38" s="691"/>
      <c r="AU38" s="691"/>
      <c r="AV38" s="691"/>
      <c r="AW38" s="691"/>
      <c r="AX38" s="691"/>
      <c r="AY38" s="692"/>
      <c r="AZ38" s="657">
        <v>56120</v>
      </c>
      <c r="BA38" s="658"/>
      <c r="BB38" s="658"/>
      <c r="BC38" s="658"/>
      <c r="BD38" s="670"/>
      <c r="BE38" s="670"/>
      <c r="BF38" s="693"/>
      <c r="BG38" s="654" t="s">
        <v>344</v>
      </c>
      <c r="BH38" s="655"/>
      <c r="BI38" s="655"/>
      <c r="BJ38" s="655"/>
      <c r="BK38" s="655"/>
      <c r="BL38" s="655"/>
      <c r="BM38" s="655"/>
      <c r="BN38" s="655"/>
      <c r="BO38" s="655"/>
      <c r="BP38" s="655"/>
      <c r="BQ38" s="655"/>
      <c r="BR38" s="655"/>
      <c r="BS38" s="655"/>
      <c r="BT38" s="655"/>
      <c r="BU38" s="656"/>
      <c r="BV38" s="657">
        <v>1292</v>
      </c>
      <c r="BW38" s="658"/>
      <c r="BX38" s="658"/>
      <c r="BY38" s="658"/>
      <c r="BZ38" s="658"/>
      <c r="CA38" s="658"/>
      <c r="CB38" s="694"/>
      <c r="CD38" s="654" t="s">
        <v>345</v>
      </c>
      <c r="CE38" s="655"/>
      <c r="CF38" s="655"/>
      <c r="CG38" s="655"/>
      <c r="CH38" s="655"/>
      <c r="CI38" s="655"/>
      <c r="CJ38" s="655"/>
      <c r="CK38" s="655"/>
      <c r="CL38" s="655"/>
      <c r="CM38" s="655"/>
      <c r="CN38" s="655"/>
      <c r="CO38" s="655"/>
      <c r="CP38" s="655"/>
      <c r="CQ38" s="656"/>
      <c r="CR38" s="657">
        <v>556415</v>
      </c>
      <c r="CS38" s="658"/>
      <c r="CT38" s="658"/>
      <c r="CU38" s="658"/>
      <c r="CV38" s="658"/>
      <c r="CW38" s="658"/>
      <c r="CX38" s="658"/>
      <c r="CY38" s="659"/>
      <c r="CZ38" s="660">
        <v>13.5</v>
      </c>
      <c r="DA38" s="672"/>
      <c r="DB38" s="672"/>
      <c r="DC38" s="673"/>
      <c r="DD38" s="663">
        <v>482385</v>
      </c>
      <c r="DE38" s="658"/>
      <c r="DF38" s="658"/>
      <c r="DG38" s="658"/>
      <c r="DH38" s="658"/>
      <c r="DI38" s="658"/>
      <c r="DJ38" s="658"/>
      <c r="DK38" s="659"/>
      <c r="DL38" s="663">
        <v>376299</v>
      </c>
      <c r="DM38" s="658"/>
      <c r="DN38" s="658"/>
      <c r="DO38" s="658"/>
      <c r="DP38" s="658"/>
      <c r="DQ38" s="658"/>
      <c r="DR38" s="658"/>
      <c r="DS38" s="658"/>
      <c r="DT38" s="658"/>
      <c r="DU38" s="658"/>
      <c r="DV38" s="659"/>
      <c r="DW38" s="660">
        <v>15.2</v>
      </c>
      <c r="DX38" s="672"/>
      <c r="DY38" s="672"/>
      <c r="DZ38" s="672"/>
      <c r="EA38" s="672"/>
      <c r="EB38" s="672"/>
      <c r="EC38" s="684"/>
    </row>
    <row r="39" spans="2:133" ht="11.25" customHeight="1" x14ac:dyDescent="0.2">
      <c r="B39" s="654" t="s">
        <v>346</v>
      </c>
      <c r="C39" s="655"/>
      <c r="D39" s="655"/>
      <c r="E39" s="655"/>
      <c r="F39" s="655"/>
      <c r="G39" s="655"/>
      <c r="H39" s="655"/>
      <c r="I39" s="655"/>
      <c r="J39" s="655"/>
      <c r="K39" s="655"/>
      <c r="L39" s="655"/>
      <c r="M39" s="655"/>
      <c r="N39" s="655"/>
      <c r="O39" s="655"/>
      <c r="P39" s="655"/>
      <c r="Q39" s="656"/>
      <c r="R39" s="657" t="s">
        <v>140</v>
      </c>
      <c r="S39" s="658"/>
      <c r="T39" s="658"/>
      <c r="U39" s="658"/>
      <c r="V39" s="658"/>
      <c r="W39" s="658"/>
      <c r="X39" s="658"/>
      <c r="Y39" s="659"/>
      <c r="Z39" s="695" t="s">
        <v>140</v>
      </c>
      <c r="AA39" s="695"/>
      <c r="AB39" s="695"/>
      <c r="AC39" s="695"/>
      <c r="AD39" s="696" t="s">
        <v>140</v>
      </c>
      <c r="AE39" s="696"/>
      <c r="AF39" s="696"/>
      <c r="AG39" s="696"/>
      <c r="AH39" s="696"/>
      <c r="AI39" s="696"/>
      <c r="AJ39" s="696"/>
      <c r="AK39" s="696"/>
      <c r="AL39" s="660" t="s">
        <v>140</v>
      </c>
      <c r="AM39" s="661"/>
      <c r="AN39" s="661"/>
      <c r="AO39" s="697"/>
      <c r="AQ39" s="690" t="s">
        <v>347</v>
      </c>
      <c r="AR39" s="691"/>
      <c r="AS39" s="691"/>
      <c r="AT39" s="691"/>
      <c r="AU39" s="691"/>
      <c r="AV39" s="691"/>
      <c r="AW39" s="691"/>
      <c r="AX39" s="691"/>
      <c r="AY39" s="692"/>
      <c r="AZ39" s="657">
        <v>14746</v>
      </c>
      <c r="BA39" s="658"/>
      <c r="BB39" s="658"/>
      <c r="BC39" s="658"/>
      <c r="BD39" s="670"/>
      <c r="BE39" s="670"/>
      <c r="BF39" s="693"/>
      <c r="BG39" s="654" t="s">
        <v>348</v>
      </c>
      <c r="BH39" s="655"/>
      <c r="BI39" s="655"/>
      <c r="BJ39" s="655"/>
      <c r="BK39" s="655"/>
      <c r="BL39" s="655"/>
      <c r="BM39" s="655"/>
      <c r="BN39" s="655"/>
      <c r="BO39" s="655"/>
      <c r="BP39" s="655"/>
      <c r="BQ39" s="655"/>
      <c r="BR39" s="655"/>
      <c r="BS39" s="655"/>
      <c r="BT39" s="655"/>
      <c r="BU39" s="656"/>
      <c r="BV39" s="657">
        <v>1951</v>
      </c>
      <c r="BW39" s="658"/>
      <c r="BX39" s="658"/>
      <c r="BY39" s="658"/>
      <c r="BZ39" s="658"/>
      <c r="CA39" s="658"/>
      <c r="CB39" s="694"/>
      <c r="CD39" s="654" t="s">
        <v>349</v>
      </c>
      <c r="CE39" s="655"/>
      <c r="CF39" s="655"/>
      <c r="CG39" s="655"/>
      <c r="CH39" s="655"/>
      <c r="CI39" s="655"/>
      <c r="CJ39" s="655"/>
      <c r="CK39" s="655"/>
      <c r="CL39" s="655"/>
      <c r="CM39" s="655"/>
      <c r="CN39" s="655"/>
      <c r="CO39" s="655"/>
      <c r="CP39" s="655"/>
      <c r="CQ39" s="656"/>
      <c r="CR39" s="657">
        <v>331388</v>
      </c>
      <c r="CS39" s="670"/>
      <c r="CT39" s="670"/>
      <c r="CU39" s="670"/>
      <c r="CV39" s="670"/>
      <c r="CW39" s="670"/>
      <c r="CX39" s="670"/>
      <c r="CY39" s="671"/>
      <c r="CZ39" s="660">
        <v>8</v>
      </c>
      <c r="DA39" s="672"/>
      <c r="DB39" s="672"/>
      <c r="DC39" s="673"/>
      <c r="DD39" s="663">
        <v>322894</v>
      </c>
      <c r="DE39" s="670"/>
      <c r="DF39" s="670"/>
      <c r="DG39" s="670"/>
      <c r="DH39" s="670"/>
      <c r="DI39" s="670"/>
      <c r="DJ39" s="670"/>
      <c r="DK39" s="671"/>
      <c r="DL39" s="663" t="s">
        <v>140</v>
      </c>
      <c r="DM39" s="670"/>
      <c r="DN39" s="670"/>
      <c r="DO39" s="670"/>
      <c r="DP39" s="670"/>
      <c r="DQ39" s="670"/>
      <c r="DR39" s="670"/>
      <c r="DS39" s="670"/>
      <c r="DT39" s="670"/>
      <c r="DU39" s="670"/>
      <c r="DV39" s="671"/>
      <c r="DW39" s="660" t="s">
        <v>140</v>
      </c>
      <c r="DX39" s="672"/>
      <c r="DY39" s="672"/>
      <c r="DZ39" s="672"/>
      <c r="EA39" s="672"/>
      <c r="EB39" s="672"/>
      <c r="EC39" s="684"/>
    </row>
    <row r="40" spans="2:133" ht="11.25" customHeight="1" x14ac:dyDescent="0.2">
      <c r="B40" s="654" t="s">
        <v>350</v>
      </c>
      <c r="C40" s="655"/>
      <c r="D40" s="655"/>
      <c r="E40" s="655"/>
      <c r="F40" s="655"/>
      <c r="G40" s="655"/>
      <c r="H40" s="655"/>
      <c r="I40" s="655"/>
      <c r="J40" s="655"/>
      <c r="K40" s="655"/>
      <c r="L40" s="655"/>
      <c r="M40" s="655"/>
      <c r="N40" s="655"/>
      <c r="O40" s="655"/>
      <c r="P40" s="655"/>
      <c r="Q40" s="656"/>
      <c r="R40" s="657">
        <v>37287</v>
      </c>
      <c r="S40" s="658"/>
      <c r="T40" s="658"/>
      <c r="U40" s="658"/>
      <c r="V40" s="658"/>
      <c r="W40" s="658"/>
      <c r="X40" s="658"/>
      <c r="Y40" s="659"/>
      <c r="Z40" s="695">
        <v>0.9</v>
      </c>
      <c r="AA40" s="695"/>
      <c r="AB40" s="695"/>
      <c r="AC40" s="695"/>
      <c r="AD40" s="696" t="s">
        <v>140</v>
      </c>
      <c r="AE40" s="696"/>
      <c r="AF40" s="696"/>
      <c r="AG40" s="696"/>
      <c r="AH40" s="696"/>
      <c r="AI40" s="696"/>
      <c r="AJ40" s="696"/>
      <c r="AK40" s="696"/>
      <c r="AL40" s="660" t="s">
        <v>140</v>
      </c>
      <c r="AM40" s="661"/>
      <c r="AN40" s="661"/>
      <c r="AO40" s="697"/>
      <c r="AQ40" s="690" t="s">
        <v>351</v>
      </c>
      <c r="AR40" s="691"/>
      <c r="AS40" s="691"/>
      <c r="AT40" s="691"/>
      <c r="AU40" s="691"/>
      <c r="AV40" s="691"/>
      <c r="AW40" s="691"/>
      <c r="AX40" s="691"/>
      <c r="AY40" s="692"/>
      <c r="AZ40" s="657" t="s">
        <v>140</v>
      </c>
      <c r="BA40" s="658"/>
      <c r="BB40" s="658"/>
      <c r="BC40" s="658"/>
      <c r="BD40" s="670"/>
      <c r="BE40" s="670"/>
      <c r="BF40" s="693"/>
      <c r="BG40" s="698" t="s">
        <v>352</v>
      </c>
      <c r="BH40" s="699"/>
      <c r="BI40" s="699"/>
      <c r="BJ40" s="699"/>
      <c r="BK40" s="699"/>
      <c r="BL40" s="219"/>
      <c r="BM40" s="655" t="s">
        <v>353</v>
      </c>
      <c r="BN40" s="655"/>
      <c r="BO40" s="655"/>
      <c r="BP40" s="655"/>
      <c r="BQ40" s="655"/>
      <c r="BR40" s="655"/>
      <c r="BS40" s="655"/>
      <c r="BT40" s="655"/>
      <c r="BU40" s="656"/>
      <c r="BV40" s="657">
        <v>99</v>
      </c>
      <c r="BW40" s="658"/>
      <c r="BX40" s="658"/>
      <c r="BY40" s="658"/>
      <c r="BZ40" s="658"/>
      <c r="CA40" s="658"/>
      <c r="CB40" s="694"/>
      <c r="CD40" s="654" t="s">
        <v>354</v>
      </c>
      <c r="CE40" s="655"/>
      <c r="CF40" s="655"/>
      <c r="CG40" s="655"/>
      <c r="CH40" s="655"/>
      <c r="CI40" s="655"/>
      <c r="CJ40" s="655"/>
      <c r="CK40" s="655"/>
      <c r="CL40" s="655"/>
      <c r="CM40" s="655"/>
      <c r="CN40" s="655"/>
      <c r="CO40" s="655"/>
      <c r="CP40" s="655"/>
      <c r="CQ40" s="656"/>
      <c r="CR40" s="657">
        <v>50940</v>
      </c>
      <c r="CS40" s="658"/>
      <c r="CT40" s="658"/>
      <c r="CU40" s="658"/>
      <c r="CV40" s="658"/>
      <c r="CW40" s="658"/>
      <c r="CX40" s="658"/>
      <c r="CY40" s="659"/>
      <c r="CZ40" s="660">
        <v>1.2</v>
      </c>
      <c r="DA40" s="672"/>
      <c r="DB40" s="672"/>
      <c r="DC40" s="673"/>
      <c r="DD40" s="663">
        <v>50000</v>
      </c>
      <c r="DE40" s="658"/>
      <c r="DF40" s="658"/>
      <c r="DG40" s="658"/>
      <c r="DH40" s="658"/>
      <c r="DI40" s="658"/>
      <c r="DJ40" s="658"/>
      <c r="DK40" s="659"/>
      <c r="DL40" s="663">
        <v>50000</v>
      </c>
      <c r="DM40" s="658"/>
      <c r="DN40" s="658"/>
      <c r="DO40" s="658"/>
      <c r="DP40" s="658"/>
      <c r="DQ40" s="658"/>
      <c r="DR40" s="658"/>
      <c r="DS40" s="658"/>
      <c r="DT40" s="658"/>
      <c r="DU40" s="658"/>
      <c r="DV40" s="659"/>
      <c r="DW40" s="660">
        <v>2</v>
      </c>
      <c r="DX40" s="672"/>
      <c r="DY40" s="672"/>
      <c r="DZ40" s="672"/>
      <c r="EA40" s="672"/>
      <c r="EB40" s="672"/>
      <c r="EC40" s="684"/>
    </row>
    <row r="41" spans="2:133" ht="11.25" customHeight="1" x14ac:dyDescent="0.2">
      <c r="B41" s="638" t="s">
        <v>355</v>
      </c>
      <c r="C41" s="639"/>
      <c r="D41" s="639"/>
      <c r="E41" s="639"/>
      <c r="F41" s="639"/>
      <c r="G41" s="639"/>
      <c r="H41" s="639"/>
      <c r="I41" s="639"/>
      <c r="J41" s="639"/>
      <c r="K41" s="639"/>
      <c r="L41" s="639"/>
      <c r="M41" s="639"/>
      <c r="N41" s="639"/>
      <c r="O41" s="639"/>
      <c r="P41" s="639"/>
      <c r="Q41" s="640"/>
      <c r="R41" s="641">
        <v>4303093</v>
      </c>
      <c r="S41" s="682"/>
      <c r="T41" s="682"/>
      <c r="U41" s="682"/>
      <c r="V41" s="682"/>
      <c r="W41" s="682"/>
      <c r="X41" s="682"/>
      <c r="Y41" s="685"/>
      <c r="Z41" s="686">
        <v>100</v>
      </c>
      <c r="AA41" s="686"/>
      <c r="AB41" s="686"/>
      <c r="AC41" s="686"/>
      <c r="AD41" s="687">
        <v>2445072</v>
      </c>
      <c r="AE41" s="687"/>
      <c r="AF41" s="687"/>
      <c r="AG41" s="687"/>
      <c r="AH41" s="687"/>
      <c r="AI41" s="687"/>
      <c r="AJ41" s="687"/>
      <c r="AK41" s="687"/>
      <c r="AL41" s="644">
        <v>100</v>
      </c>
      <c r="AM41" s="688"/>
      <c r="AN41" s="688"/>
      <c r="AO41" s="689"/>
      <c r="AQ41" s="690" t="s">
        <v>356</v>
      </c>
      <c r="AR41" s="691"/>
      <c r="AS41" s="691"/>
      <c r="AT41" s="691"/>
      <c r="AU41" s="691"/>
      <c r="AV41" s="691"/>
      <c r="AW41" s="691"/>
      <c r="AX41" s="691"/>
      <c r="AY41" s="692"/>
      <c r="AZ41" s="657">
        <v>159185</v>
      </c>
      <c r="BA41" s="658"/>
      <c r="BB41" s="658"/>
      <c r="BC41" s="658"/>
      <c r="BD41" s="670"/>
      <c r="BE41" s="670"/>
      <c r="BF41" s="693"/>
      <c r="BG41" s="698"/>
      <c r="BH41" s="699"/>
      <c r="BI41" s="699"/>
      <c r="BJ41" s="699"/>
      <c r="BK41" s="699"/>
      <c r="BL41" s="219"/>
      <c r="BM41" s="655" t="s">
        <v>357</v>
      </c>
      <c r="BN41" s="655"/>
      <c r="BO41" s="655"/>
      <c r="BP41" s="655"/>
      <c r="BQ41" s="655"/>
      <c r="BR41" s="655"/>
      <c r="BS41" s="655"/>
      <c r="BT41" s="655"/>
      <c r="BU41" s="656"/>
      <c r="BV41" s="657" t="s">
        <v>358</v>
      </c>
      <c r="BW41" s="658"/>
      <c r="BX41" s="658"/>
      <c r="BY41" s="658"/>
      <c r="BZ41" s="658"/>
      <c r="CA41" s="658"/>
      <c r="CB41" s="694"/>
      <c r="CD41" s="654" t="s">
        <v>359</v>
      </c>
      <c r="CE41" s="655"/>
      <c r="CF41" s="655"/>
      <c r="CG41" s="655"/>
      <c r="CH41" s="655"/>
      <c r="CI41" s="655"/>
      <c r="CJ41" s="655"/>
      <c r="CK41" s="655"/>
      <c r="CL41" s="655"/>
      <c r="CM41" s="655"/>
      <c r="CN41" s="655"/>
      <c r="CO41" s="655"/>
      <c r="CP41" s="655"/>
      <c r="CQ41" s="656"/>
      <c r="CR41" s="657" t="s">
        <v>140</v>
      </c>
      <c r="CS41" s="670"/>
      <c r="CT41" s="670"/>
      <c r="CU41" s="670"/>
      <c r="CV41" s="670"/>
      <c r="CW41" s="670"/>
      <c r="CX41" s="670"/>
      <c r="CY41" s="671"/>
      <c r="CZ41" s="660" t="s">
        <v>358</v>
      </c>
      <c r="DA41" s="672"/>
      <c r="DB41" s="672"/>
      <c r="DC41" s="673"/>
      <c r="DD41" s="663" t="s">
        <v>358</v>
      </c>
      <c r="DE41" s="670"/>
      <c r="DF41" s="670"/>
      <c r="DG41" s="670"/>
      <c r="DH41" s="670"/>
      <c r="DI41" s="670"/>
      <c r="DJ41" s="670"/>
      <c r="DK41" s="671"/>
      <c r="DL41" s="664"/>
      <c r="DM41" s="665"/>
      <c r="DN41" s="665"/>
      <c r="DO41" s="665"/>
      <c r="DP41" s="665"/>
      <c r="DQ41" s="665"/>
      <c r="DR41" s="665"/>
      <c r="DS41" s="665"/>
      <c r="DT41" s="665"/>
      <c r="DU41" s="665"/>
      <c r="DV41" s="666"/>
      <c r="DW41" s="667"/>
      <c r="DX41" s="668"/>
      <c r="DY41" s="668"/>
      <c r="DZ41" s="668"/>
      <c r="EA41" s="668"/>
      <c r="EB41" s="668"/>
      <c r="EC41" s="669"/>
    </row>
    <row r="42" spans="2:133" ht="11.25" customHeight="1" x14ac:dyDescent="0.2">
      <c r="AQ42" s="702" t="s">
        <v>360</v>
      </c>
      <c r="AR42" s="703"/>
      <c r="AS42" s="703"/>
      <c r="AT42" s="703"/>
      <c r="AU42" s="703"/>
      <c r="AV42" s="703"/>
      <c r="AW42" s="703"/>
      <c r="AX42" s="703"/>
      <c r="AY42" s="704"/>
      <c r="AZ42" s="641">
        <v>282504</v>
      </c>
      <c r="BA42" s="682"/>
      <c r="BB42" s="682"/>
      <c r="BC42" s="682"/>
      <c r="BD42" s="642"/>
      <c r="BE42" s="642"/>
      <c r="BF42" s="705"/>
      <c r="BG42" s="700"/>
      <c r="BH42" s="701"/>
      <c r="BI42" s="701"/>
      <c r="BJ42" s="701"/>
      <c r="BK42" s="701"/>
      <c r="BL42" s="220"/>
      <c r="BM42" s="639" t="s">
        <v>361</v>
      </c>
      <c r="BN42" s="639"/>
      <c r="BO42" s="639"/>
      <c r="BP42" s="639"/>
      <c r="BQ42" s="639"/>
      <c r="BR42" s="639"/>
      <c r="BS42" s="639"/>
      <c r="BT42" s="639"/>
      <c r="BU42" s="640"/>
      <c r="BV42" s="641">
        <v>360</v>
      </c>
      <c r="BW42" s="682"/>
      <c r="BX42" s="682"/>
      <c r="BY42" s="682"/>
      <c r="BZ42" s="682"/>
      <c r="CA42" s="682"/>
      <c r="CB42" s="683"/>
      <c r="CD42" s="654" t="s">
        <v>362</v>
      </c>
      <c r="CE42" s="655"/>
      <c r="CF42" s="655"/>
      <c r="CG42" s="655"/>
      <c r="CH42" s="655"/>
      <c r="CI42" s="655"/>
      <c r="CJ42" s="655"/>
      <c r="CK42" s="655"/>
      <c r="CL42" s="655"/>
      <c r="CM42" s="655"/>
      <c r="CN42" s="655"/>
      <c r="CO42" s="655"/>
      <c r="CP42" s="655"/>
      <c r="CQ42" s="656"/>
      <c r="CR42" s="657">
        <v>189257</v>
      </c>
      <c r="CS42" s="670"/>
      <c r="CT42" s="670"/>
      <c r="CU42" s="670"/>
      <c r="CV42" s="670"/>
      <c r="CW42" s="670"/>
      <c r="CX42" s="670"/>
      <c r="CY42" s="671"/>
      <c r="CZ42" s="660">
        <v>4.5999999999999996</v>
      </c>
      <c r="DA42" s="672"/>
      <c r="DB42" s="672"/>
      <c r="DC42" s="673"/>
      <c r="DD42" s="663">
        <v>29657</v>
      </c>
      <c r="DE42" s="670"/>
      <c r="DF42" s="670"/>
      <c r="DG42" s="670"/>
      <c r="DH42" s="670"/>
      <c r="DI42" s="670"/>
      <c r="DJ42" s="670"/>
      <c r="DK42" s="671"/>
      <c r="DL42" s="664"/>
      <c r="DM42" s="665"/>
      <c r="DN42" s="665"/>
      <c r="DO42" s="665"/>
      <c r="DP42" s="665"/>
      <c r="DQ42" s="665"/>
      <c r="DR42" s="665"/>
      <c r="DS42" s="665"/>
      <c r="DT42" s="665"/>
      <c r="DU42" s="665"/>
      <c r="DV42" s="666"/>
      <c r="DW42" s="667"/>
      <c r="DX42" s="668"/>
      <c r="DY42" s="668"/>
      <c r="DZ42" s="668"/>
      <c r="EA42" s="668"/>
      <c r="EB42" s="668"/>
      <c r="EC42" s="669"/>
    </row>
    <row r="43" spans="2:133" ht="11.25" customHeight="1" x14ac:dyDescent="0.2">
      <c r="B43" s="210" t="s">
        <v>363</v>
      </c>
      <c r="CD43" s="654" t="s">
        <v>364</v>
      </c>
      <c r="CE43" s="655"/>
      <c r="CF43" s="655"/>
      <c r="CG43" s="655"/>
      <c r="CH43" s="655"/>
      <c r="CI43" s="655"/>
      <c r="CJ43" s="655"/>
      <c r="CK43" s="655"/>
      <c r="CL43" s="655"/>
      <c r="CM43" s="655"/>
      <c r="CN43" s="655"/>
      <c r="CO43" s="655"/>
      <c r="CP43" s="655"/>
      <c r="CQ43" s="656"/>
      <c r="CR43" s="657">
        <v>2665</v>
      </c>
      <c r="CS43" s="670"/>
      <c r="CT43" s="670"/>
      <c r="CU43" s="670"/>
      <c r="CV43" s="670"/>
      <c r="CW43" s="670"/>
      <c r="CX43" s="670"/>
      <c r="CY43" s="671"/>
      <c r="CZ43" s="660">
        <v>0.1</v>
      </c>
      <c r="DA43" s="672"/>
      <c r="DB43" s="672"/>
      <c r="DC43" s="673"/>
      <c r="DD43" s="663">
        <v>2665</v>
      </c>
      <c r="DE43" s="670"/>
      <c r="DF43" s="670"/>
      <c r="DG43" s="670"/>
      <c r="DH43" s="670"/>
      <c r="DI43" s="670"/>
      <c r="DJ43" s="670"/>
      <c r="DK43" s="671"/>
      <c r="DL43" s="664"/>
      <c r="DM43" s="665"/>
      <c r="DN43" s="665"/>
      <c r="DO43" s="665"/>
      <c r="DP43" s="665"/>
      <c r="DQ43" s="665"/>
      <c r="DR43" s="665"/>
      <c r="DS43" s="665"/>
      <c r="DT43" s="665"/>
      <c r="DU43" s="665"/>
      <c r="DV43" s="666"/>
      <c r="DW43" s="667"/>
      <c r="DX43" s="668"/>
      <c r="DY43" s="668"/>
      <c r="DZ43" s="668"/>
      <c r="EA43" s="668"/>
      <c r="EB43" s="668"/>
      <c r="EC43" s="669"/>
    </row>
    <row r="44" spans="2:133" ht="11.25" customHeight="1" x14ac:dyDescent="0.2">
      <c r="B44" s="674" t="s">
        <v>365</v>
      </c>
      <c r="C44" s="674"/>
      <c r="D44" s="674"/>
      <c r="E44" s="674"/>
      <c r="F44" s="674"/>
      <c r="G44" s="674"/>
      <c r="H44" s="674"/>
      <c r="I44" s="674"/>
      <c r="J44" s="674"/>
      <c r="K44" s="674"/>
      <c r="L44" s="674"/>
      <c r="M44" s="674"/>
      <c r="N44" s="674"/>
      <c r="O44" s="674"/>
      <c r="P44" s="674"/>
      <c r="Q44" s="674"/>
      <c r="R44" s="674"/>
      <c r="S44" s="674"/>
      <c r="T44" s="674"/>
      <c r="U44" s="674"/>
      <c r="V44" s="674"/>
      <c r="W44" s="674"/>
      <c r="X44" s="674"/>
      <c r="Y44" s="674"/>
      <c r="Z44" s="674"/>
      <c r="AA44" s="674"/>
      <c r="AB44" s="674"/>
      <c r="AC44" s="674"/>
      <c r="AD44" s="674"/>
      <c r="AE44" s="674"/>
      <c r="AF44" s="674"/>
      <c r="AG44" s="674"/>
      <c r="AH44" s="674"/>
      <c r="AI44" s="674"/>
      <c r="AJ44" s="674"/>
      <c r="AK44" s="674"/>
      <c r="AL44" s="674"/>
      <c r="AM44" s="674"/>
      <c r="AN44" s="674"/>
      <c r="AO44" s="674"/>
      <c r="AP44" s="674"/>
      <c r="AQ44" s="674"/>
      <c r="AR44" s="674"/>
      <c r="AS44" s="674"/>
      <c r="AT44" s="674"/>
      <c r="AU44" s="674"/>
      <c r="AV44" s="674"/>
      <c r="AW44" s="674"/>
      <c r="AX44" s="674"/>
      <c r="AY44" s="674"/>
      <c r="AZ44" s="674"/>
      <c r="BA44" s="674"/>
      <c r="BB44" s="674"/>
      <c r="BC44" s="674"/>
      <c r="BD44" s="674"/>
      <c r="BE44" s="674"/>
      <c r="BF44" s="674"/>
      <c r="BG44" s="674"/>
      <c r="BH44" s="674"/>
      <c r="BI44" s="674"/>
      <c r="BJ44" s="674"/>
      <c r="BK44" s="674"/>
      <c r="BL44" s="674"/>
      <c r="BM44" s="674"/>
      <c r="BN44" s="674"/>
      <c r="BO44" s="674"/>
      <c r="BP44" s="674"/>
      <c r="BQ44" s="674"/>
      <c r="BR44" s="674"/>
      <c r="BS44" s="674"/>
      <c r="BT44" s="674"/>
      <c r="BU44" s="674"/>
      <c r="BV44" s="674"/>
      <c r="BW44" s="674"/>
      <c r="BX44" s="674"/>
      <c r="BY44" s="674"/>
      <c r="BZ44" s="674"/>
      <c r="CA44" s="674"/>
      <c r="CB44" s="674"/>
      <c r="CC44" s="675"/>
      <c r="CD44" s="676" t="s">
        <v>312</v>
      </c>
      <c r="CE44" s="677"/>
      <c r="CF44" s="654" t="s">
        <v>366</v>
      </c>
      <c r="CG44" s="655"/>
      <c r="CH44" s="655"/>
      <c r="CI44" s="655"/>
      <c r="CJ44" s="655"/>
      <c r="CK44" s="655"/>
      <c r="CL44" s="655"/>
      <c r="CM44" s="655"/>
      <c r="CN44" s="655"/>
      <c r="CO44" s="655"/>
      <c r="CP44" s="655"/>
      <c r="CQ44" s="656"/>
      <c r="CR44" s="657">
        <v>189257</v>
      </c>
      <c r="CS44" s="658"/>
      <c r="CT44" s="658"/>
      <c r="CU44" s="658"/>
      <c r="CV44" s="658"/>
      <c r="CW44" s="658"/>
      <c r="CX44" s="658"/>
      <c r="CY44" s="659"/>
      <c r="CZ44" s="660">
        <v>4.5999999999999996</v>
      </c>
      <c r="DA44" s="661"/>
      <c r="DB44" s="661"/>
      <c r="DC44" s="662"/>
      <c r="DD44" s="663">
        <v>29657</v>
      </c>
      <c r="DE44" s="658"/>
      <c r="DF44" s="658"/>
      <c r="DG44" s="658"/>
      <c r="DH44" s="658"/>
      <c r="DI44" s="658"/>
      <c r="DJ44" s="658"/>
      <c r="DK44" s="659"/>
      <c r="DL44" s="664"/>
      <c r="DM44" s="665"/>
      <c r="DN44" s="665"/>
      <c r="DO44" s="665"/>
      <c r="DP44" s="665"/>
      <c r="DQ44" s="665"/>
      <c r="DR44" s="665"/>
      <c r="DS44" s="665"/>
      <c r="DT44" s="665"/>
      <c r="DU44" s="665"/>
      <c r="DV44" s="666"/>
      <c r="DW44" s="667"/>
      <c r="DX44" s="668"/>
      <c r="DY44" s="668"/>
      <c r="DZ44" s="668"/>
      <c r="EA44" s="668"/>
      <c r="EB44" s="668"/>
      <c r="EC44" s="669"/>
    </row>
    <row r="45" spans="2:133" ht="11.25" customHeight="1" x14ac:dyDescent="0.2">
      <c r="B45" s="674" t="s">
        <v>367</v>
      </c>
      <c r="C45" s="674"/>
      <c r="D45" s="674"/>
      <c r="E45" s="674"/>
      <c r="F45" s="674"/>
      <c r="G45" s="674"/>
      <c r="H45" s="674"/>
      <c r="I45" s="674"/>
      <c r="J45" s="674"/>
      <c r="K45" s="674"/>
      <c r="L45" s="674"/>
      <c r="M45" s="674"/>
      <c r="N45" s="674"/>
      <c r="O45" s="674"/>
      <c r="P45" s="674"/>
      <c r="Q45" s="674"/>
      <c r="R45" s="674"/>
      <c r="S45" s="674"/>
      <c r="T45" s="674"/>
      <c r="U45" s="674"/>
      <c r="V45" s="674"/>
      <c r="W45" s="674"/>
      <c r="X45" s="674"/>
      <c r="Y45" s="674"/>
      <c r="Z45" s="674"/>
      <c r="AA45" s="674"/>
      <c r="AB45" s="674"/>
      <c r="AC45" s="674"/>
      <c r="AD45" s="674"/>
      <c r="AE45" s="674"/>
      <c r="AF45" s="674"/>
      <c r="AG45" s="674"/>
      <c r="AH45" s="674"/>
      <c r="AI45" s="674"/>
      <c r="AJ45" s="674"/>
      <c r="AK45" s="674"/>
      <c r="AL45" s="674"/>
      <c r="AM45" s="674"/>
      <c r="AN45" s="674"/>
      <c r="AO45" s="674"/>
      <c r="AP45" s="674"/>
      <c r="AQ45" s="674"/>
      <c r="AR45" s="674"/>
      <c r="AS45" s="674"/>
      <c r="AT45" s="674"/>
      <c r="AU45" s="674"/>
      <c r="AV45" s="674"/>
      <c r="AW45" s="674"/>
      <c r="AX45" s="674"/>
      <c r="AY45" s="674"/>
      <c r="AZ45" s="674"/>
      <c r="BA45" s="674"/>
      <c r="BB45" s="674"/>
      <c r="BC45" s="674"/>
      <c r="BD45" s="674"/>
      <c r="BE45" s="674"/>
      <c r="BF45" s="674"/>
      <c r="BG45" s="674"/>
      <c r="BH45" s="674"/>
      <c r="BI45" s="674"/>
      <c r="BJ45" s="674"/>
      <c r="BK45" s="674"/>
      <c r="BL45" s="674"/>
      <c r="BM45" s="674"/>
      <c r="BN45" s="674"/>
      <c r="BO45" s="674"/>
      <c r="BP45" s="674"/>
      <c r="BQ45" s="674"/>
      <c r="BR45" s="674"/>
      <c r="BS45" s="674"/>
      <c r="BT45" s="674"/>
      <c r="BU45" s="674"/>
      <c r="BV45" s="674"/>
      <c r="BW45" s="674"/>
      <c r="BX45" s="674"/>
      <c r="BY45" s="674"/>
      <c r="BZ45" s="674"/>
      <c r="CA45" s="674"/>
      <c r="CB45" s="674"/>
      <c r="CC45" s="675"/>
      <c r="CD45" s="678"/>
      <c r="CE45" s="679"/>
      <c r="CF45" s="654" t="s">
        <v>368</v>
      </c>
      <c r="CG45" s="655"/>
      <c r="CH45" s="655"/>
      <c r="CI45" s="655"/>
      <c r="CJ45" s="655"/>
      <c r="CK45" s="655"/>
      <c r="CL45" s="655"/>
      <c r="CM45" s="655"/>
      <c r="CN45" s="655"/>
      <c r="CO45" s="655"/>
      <c r="CP45" s="655"/>
      <c r="CQ45" s="656"/>
      <c r="CR45" s="657">
        <v>84748</v>
      </c>
      <c r="CS45" s="670"/>
      <c r="CT45" s="670"/>
      <c r="CU45" s="670"/>
      <c r="CV45" s="670"/>
      <c r="CW45" s="670"/>
      <c r="CX45" s="670"/>
      <c r="CY45" s="671"/>
      <c r="CZ45" s="660">
        <v>2.1</v>
      </c>
      <c r="DA45" s="672"/>
      <c r="DB45" s="672"/>
      <c r="DC45" s="673"/>
      <c r="DD45" s="663">
        <v>9407</v>
      </c>
      <c r="DE45" s="670"/>
      <c r="DF45" s="670"/>
      <c r="DG45" s="670"/>
      <c r="DH45" s="670"/>
      <c r="DI45" s="670"/>
      <c r="DJ45" s="670"/>
      <c r="DK45" s="671"/>
      <c r="DL45" s="664"/>
      <c r="DM45" s="665"/>
      <c r="DN45" s="665"/>
      <c r="DO45" s="665"/>
      <c r="DP45" s="665"/>
      <c r="DQ45" s="665"/>
      <c r="DR45" s="665"/>
      <c r="DS45" s="665"/>
      <c r="DT45" s="665"/>
      <c r="DU45" s="665"/>
      <c r="DV45" s="666"/>
      <c r="DW45" s="667"/>
      <c r="DX45" s="668"/>
      <c r="DY45" s="668"/>
      <c r="DZ45" s="668"/>
      <c r="EA45" s="668"/>
      <c r="EB45" s="668"/>
      <c r="EC45" s="669"/>
    </row>
    <row r="46" spans="2:133" ht="11.25" customHeight="1" x14ac:dyDescent="0.2">
      <c r="B46" s="221"/>
      <c r="CD46" s="678"/>
      <c r="CE46" s="679"/>
      <c r="CF46" s="654" t="s">
        <v>369</v>
      </c>
      <c r="CG46" s="655"/>
      <c r="CH46" s="655"/>
      <c r="CI46" s="655"/>
      <c r="CJ46" s="655"/>
      <c r="CK46" s="655"/>
      <c r="CL46" s="655"/>
      <c r="CM46" s="655"/>
      <c r="CN46" s="655"/>
      <c r="CO46" s="655"/>
      <c r="CP46" s="655"/>
      <c r="CQ46" s="656"/>
      <c r="CR46" s="657">
        <v>92709</v>
      </c>
      <c r="CS46" s="658"/>
      <c r="CT46" s="658"/>
      <c r="CU46" s="658"/>
      <c r="CV46" s="658"/>
      <c r="CW46" s="658"/>
      <c r="CX46" s="658"/>
      <c r="CY46" s="659"/>
      <c r="CZ46" s="660">
        <v>2.2000000000000002</v>
      </c>
      <c r="DA46" s="661"/>
      <c r="DB46" s="661"/>
      <c r="DC46" s="662"/>
      <c r="DD46" s="663">
        <v>19950</v>
      </c>
      <c r="DE46" s="658"/>
      <c r="DF46" s="658"/>
      <c r="DG46" s="658"/>
      <c r="DH46" s="658"/>
      <c r="DI46" s="658"/>
      <c r="DJ46" s="658"/>
      <c r="DK46" s="659"/>
      <c r="DL46" s="664"/>
      <c r="DM46" s="665"/>
      <c r="DN46" s="665"/>
      <c r="DO46" s="665"/>
      <c r="DP46" s="665"/>
      <c r="DQ46" s="665"/>
      <c r="DR46" s="665"/>
      <c r="DS46" s="665"/>
      <c r="DT46" s="665"/>
      <c r="DU46" s="665"/>
      <c r="DV46" s="666"/>
      <c r="DW46" s="667"/>
      <c r="DX46" s="668"/>
      <c r="DY46" s="668"/>
      <c r="DZ46" s="668"/>
      <c r="EA46" s="668"/>
      <c r="EB46" s="668"/>
      <c r="EC46" s="669"/>
    </row>
    <row r="47" spans="2:133" ht="11.25" customHeight="1" x14ac:dyDescent="0.2">
      <c r="B47" s="221"/>
      <c r="CD47" s="678"/>
      <c r="CE47" s="679"/>
      <c r="CF47" s="654" t="s">
        <v>370</v>
      </c>
      <c r="CG47" s="655"/>
      <c r="CH47" s="655"/>
      <c r="CI47" s="655"/>
      <c r="CJ47" s="655"/>
      <c r="CK47" s="655"/>
      <c r="CL47" s="655"/>
      <c r="CM47" s="655"/>
      <c r="CN47" s="655"/>
      <c r="CO47" s="655"/>
      <c r="CP47" s="655"/>
      <c r="CQ47" s="656"/>
      <c r="CR47" s="657" t="s">
        <v>358</v>
      </c>
      <c r="CS47" s="670"/>
      <c r="CT47" s="670"/>
      <c r="CU47" s="670"/>
      <c r="CV47" s="670"/>
      <c r="CW47" s="670"/>
      <c r="CX47" s="670"/>
      <c r="CY47" s="671"/>
      <c r="CZ47" s="660" t="s">
        <v>140</v>
      </c>
      <c r="DA47" s="672"/>
      <c r="DB47" s="672"/>
      <c r="DC47" s="673"/>
      <c r="DD47" s="663" t="s">
        <v>358</v>
      </c>
      <c r="DE47" s="670"/>
      <c r="DF47" s="670"/>
      <c r="DG47" s="670"/>
      <c r="DH47" s="670"/>
      <c r="DI47" s="670"/>
      <c r="DJ47" s="670"/>
      <c r="DK47" s="671"/>
      <c r="DL47" s="664"/>
      <c r="DM47" s="665"/>
      <c r="DN47" s="665"/>
      <c r="DO47" s="665"/>
      <c r="DP47" s="665"/>
      <c r="DQ47" s="665"/>
      <c r="DR47" s="665"/>
      <c r="DS47" s="665"/>
      <c r="DT47" s="665"/>
      <c r="DU47" s="665"/>
      <c r="DV47" s="666"/>
      <c r="DW47" s="667"/>
      <c r="DX47" s="668"/>
      <c r="DY47" s="668"/>
      <c r="DZ47" s="668"/>
      <c r="EA47" s="668"/>
      <c r="EB47" s="668"/>
      <c r="EC47" s="669"/>
    </row>
    <row r="48" spans="2:133" ht="11" x14ac:dyDescent="0.2">
      <c r="B48" s="221"/>
      <c r="CD48" s="680"/>
      <c r="CE48" s="681"/>
      <c r="CF48" s="654" t="s">
        <v>371</v>
      </c>
      <c r="CG48" s="655"/>
      <c r="CH48" s="655"/>
      <c r="CI48" s="655"/>
      <c r="CJ48" s="655"/>
      <c r="CK48" s="655"/>
      <c r="CL48" s="655"/>
      <c r="CM48" s="655"/>
      <c r="CN48" s="655"/>
      <c r="CO48" s="655"/>
      <c r="CP48" s="655"/>
      <c r="CQ48" s="656"/>
      <c r="CR48" s="657" t="s">
        <v>358</v>
      </c>
      <c r="CS48" s="658"/>
      <c r="CT48" s="658"/>
      <c r="CU48" s="658"/>
      <c r="CV48" s="658"/>
      <c r="CW48" s="658"/>
      <c r="CX48" s="658"/>
      <c r="CY48" s="659"/>
      <c r="CZ48" s="660" t="s">
        <v>358</v>
      </c>
      <c r="DA48" s="661"/>
      <c r="DB48" s="661"/>
      <c r="DC48" s="662"/>
      <c r="DD48" s="663" t="s">
        <v>358</v>
      </c>
      <c r="DE48" s="658"/>
      <c r="DF48" s="658"/>
      <c r="DG48" s="658"/>
      <c r="DH48" s="658"/>
      <c r="DI48" s="658"/>
      <c r="DJ48" s="658"/>
      <c r="DK48" s="659"/>
      <c r="DL48" s="664"/>
      <c r="DM48" s="665"/>
      <c r="DN48" s="665"/>
      <c r="DO48" s="665"/>
      <c r="DP48" s="665"/>
      <c r="DQ48" s="665"/>
      <c r="DR48" s="665"/>
      <c r="DS48" s="665"/>
      <c r="DT48" s="665"/>
      <c r="DU48" s="665"/>
      <c r="DV48" s="666"/>
      <c r="DW48" s="667"/>
      <c r="DX48" s="668"/>
      <c r="DY48" s="668"/>
      <c r="DZ48" s="668"/>
      <c r="EA48" s="668"/>
      <c r="EB48" s="668"/>
      <c r="EC48" s="669"/>
    </row>
    <row r="49" spans="2:133" ht="11.25" customHeight="1" x14ac:dyDescent="0.2">
      <c r="B49" s="221"/>
      <c r="CD49" s="638" t="s">
        <v>372</v>
      </c>
      <c r="CE49" s="639"/>
      <c r="CF49" s="639"/>
      <c r="CG49" s="639"/>
      <c r="CH49" s="639"/>
      <c r="CI49" s="639"/>
      <c r="CJ49" s="639"/>
      <c r="CK49" s="639"/>
      <c r="CL49" s="639"/>
      <c r="CM49" s="639"/>
      <c r="CN49" s="639"/>
      <c r="CO49" s="639"/>
      <c r="CP49" s="639"/>
      <c r="CQ49" s="640"/>
      <c r="CR49" s="641">
        <v>4120947</v>
      </c>
      <c r="CS49" s="642"/>
      <c r="CT49" s="642"/>
      <c r="CU49" s="642"/>
      <c r="CV49" s="642"/>
      <c r="CW49" s="642"/>
      <c r="CX49" s="642"/>
      <c r="CY49" s="643"/>
      <c r="CZ49" s="644">
        <v>100</v>
      </c>
      <c r="DA49" s="645"/>
      <c r="DB49" s="645"/>
      <c r="DC49" s="646"/>
      <c r="DD49" s="647">
        <v>3107950</v>
      </c>
      <c r="DE49" s="642"/>
      <c r="DF49" s="642"/>
      <c r="DG49" s="642"/>
      <c r="DH49" s="642"/>
      <c r="DI49" s="642"/>
      <c r="DJ49" s="642"/>
      <c r="DK49" s="643"/>
      <c r="DL49" s="648"/>
      <c r="DM49" s="649"/>
      <c r="DN49" s="649"/>
      <c r="DO49" s="649"/>
      <c r="DP49" s="649"/>
      <c r="DQ49" s="649"/>
      <c r="DR49" s="649"/>
      <c r="DS49" s="649"/>
      <c r="DT49" s="649"/>
      <c r="DU49" s="649"/>
      <c r="DV49" s="650"/>
      <c r="DW49" s="651"/>
      <c r="DX49" s="652"/>
      <c r="DY49" s="652"/>
      <c r="DZ49" s="652"/>
      <c r="EA49" s="652"/>
      <c r="EB49" s="652"/>
      <c r="EC49" s="653"/>
    </row>
  </sheetData>
  <sheetProtection algorithmName="SHA-512" hashValue="Hv8mnZUI5AjIPfuRdlCKAsNIfr71fYrWF8ugsBNVoNE8JtTjDCl0cYMmXZvzXOl6A2LAUSWpwDiAeA+5kV+XcA==" saltValue="7GSuoJ+u2kkX9/sSR0GmKg=="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227" customWidth="1"/>
    <col min="131" max="131" width="1.63281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1126" t="s">
        <v>373</v>
      </c>
      <c r="B2" s="1126"/>
      <c r="C2" s="1126"/>
      <c r="D2" s="1126"/>
      <c r="E2" s="1126"/>
      <c r="F2" s="1126"/>
      <c r="G2" s="1126"/>
      <c r="H2" s="1126"/>
      <c r="I2" s="1126"/>
      <c r="J2" s="1126"/>
      <c r="K2" s="1126"/>
      <c r="L2" s="1126"/>
      <c r="M2" s="1126"/>
      <c r="N2" s="1126"/>
      <c r="O2" s="1126"/>
      <c r="P2" s="1126"/>
      <c r="Q2" s="1126"/>
      <c r="R2" s="1126"/>
      <c r="S2" s="1126"/>
      <c r="T2" s="1126"/>
      <c r="U2" s="1126"/>
      <c r="V2" s="1126"/>
      <c r="W2" s="1126"/>
      <c r="X2" s="1126"/>
      <c r="Y2" s="1126"/>
      <c r="Z2" s="1126"/>
      <c r="AA2" s="1126"/>
      <c r="AB2" s="1126"/>
      <c r="AC2" s="1126"/>
      <c r="AD2" s="1126"/>
      <c r="AE2" s="1126"/>
      <c r="AF2" s="1126"/>
      <c r="AG2" s="1126"/>
      <c r="AH2" s="1126"/>
      <c r="AI2" s="1126"/>
      <c r="AJ2" s="1126"/>
      <c r="AK2" s="1126"/>
      <c r="AL2" s="1126"/>
      <c r="AM2" s="1126"/>
      <c r="AN2" s="1126"/>
      <c r="AO2" s="1126"/>
      <c r="AP2" s="1126"/>
      <c r="AQ2" s="1126"/>
      <c r="AR2" s="1126"/>
      <c r="AS2" s="1126"/>
      <c r="AT2" s="1126"/>
      <c r="AU2" s="1126"/>
      <c r="AV2" s="1126"/>
      <c r="AW2" s="1126"/>
      <c r="AX2" s="1126"/>
      <c r="AY2" s="1126"/>
      <c r="AZ2" s="1126"/>
      <c r="BA2" s="1126"/>
      <c r="BB2" s="1126"/>
      <c r="BC2" s="1126"/>
      <c r="BD2" s="1126"/>
      <c r="BE2" s="1126"/>
      <c r="BF2" s="1126"/>
      <c r="BG2" s="1126"/>
      <c r="BH2" s="1126"/>
      <c r="BI2" s="1126"/>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1127" t="s">
        <v>374</v>
      </c>
      <c r="DK2" s="1128"/>
      <c r="DL2" s="1128"/>
      <c r="DM2" s="1128"/>
      <c r="DN2" s="1128"/>
      <c r="DO2" s="1129"/>
      <c r="DP2" s="224"/>
      <c r="DQ2" s="1127" t="s">
        <v>375</v>
      </c>
      <c r="DR2" s="1128"/>
      <c r="DS2" s="1128"/>
      <c r="DT2" s="1128"/>
      <c r="DU2" s="1128"/>
      <c r="DV2" s="1128"/>
      <c r="DW2" s="1128"/>
      <c r="DX2" s="1128"/>
      <c r="DY2" s="1128"/>
      <c r="DZ2" s="1129"/>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1095" t="s">
        <v>376</v>
      </c>
      <c r="B4" s="1095"/>
      <c r="C4" s="1095"/>
      <c r="D4" s="1095"/>
      <c r="E4" s="1095"/>
      <c r="F4" s="1095"/>
      <c r="G4" s="1095"/>
      <c r="H4" s="1095"/>
      <c r="I4" s="1095"/>
      <c r="J4" s="1095"/>
      <c r="K4" s="1095"/>
      <c r="L4" s="1095"/>
      <c r="M4" s="1095"/>
      <c r="N4" s="1095"/>
      <c r="O4" s="1095"/>
      <c r="P4" s="1095"/>
      <c r="Q4" s="1095"/>
      <c r="R4" s="1095"/>
      <c r="S4" s="1095"/>
      <c r="T4" s="1095"/>
      <c r="U4" s="1095"/>
      <c r="V4" s="1095"/>
      <c r="W4" s="1095"/>
      <c r="X4" s="1095"/>
      <c r="Y4" s="1095"/>
      <c r="Z4" s="1095"/>
      <c r="AA4" s="1095"/>
      <c r="AB4" s="1095"/>
      <c r="AC4" s="1095"/>
      <c r="AD4" s="1095"/>
      <c r="AE4" s="1095"/>
      <c r="AF4" s="1095"/>
      <c r="AG4" s="1095"/>
      <c r="AH4" s="1095"/>
      <c r="AI4" s="1095"/>
      <c r="AJ4" s="1095"/>
      <c r="AK4" s="1095"/>
      <c r="AL4" s="1095"/>
      <c r="AM4" s="1095"/>
      <c r="AN4" s="1095"/>
      <c r="AO4" s="1095"/>
      <c r="AP4" s="1095"/>
      <c r="AQ4" s="1095"/>
      <c r="AR4" s="1095"/>
      <c r="AS4" s="1095"/>
      <c r="AT4" s="1095"/>
      <c r="AU4" s="1095"/>
      <c r="AV4" s="1095"/>
      <c r="AW4" s="1095"/>
      <c r="AX4" s="1095"/>
      <c r="AY4" s="1095"/>
      <c r="AZ4" s="228"/>
      <c r="BA4" s="228"/>
      <c r="BB4" s="228"/>
      <c r="BC4" s="228"/>
      <c r="BD4" s="228"/>
      <c r="BE4" s="229"/>
      <c r="BF4" s="229"/>
      <c r="BG4" s="229"/>
      <c r="BH4" s="229"/>
      <c r="BI4" s="229"/>
      <c r="BJ4" s="229"/>
      <c r="BK4" s="229"/>
      <c r="BL4" s="229"/>
      <c r="BM4" s="229"/>
      <c r="BN4" s="229"/>
      <c r="BO4" s="229"/>
      <c r="BP4" s="229"/>
      <c r="BQ4" s="766" t="s">
        <v>377</v>
      </c>
      <c r="BR4" s="766"/>
      <c r="BS4" s="766"/>
      <c r="BT4" s="766"/>
      <c r="BU4" s="766"/>
      <c r="BV4" s="766"/>
      <c r="BW4" s="766"/>
      <c r="BX4" s="766"/>
      <c r="BY4" s="766"/>
      <c r="BZ4" s="766"/>
      <c r="CA4" s="766"/>
      <c r="CB4" s="766"/>
      <c r="CC4" s="766"/>
      <c r="CD4" s="766"/>
      <c r="CE4" s="766"/>
      <c r="CF4" s="766"/>
      <c r="CG4" s="766"/>
      <c r="CH4" s="766"/>
      <c r="CI4" s="766"/>
      <c r="CJ4" s="766"/>
      <c r="CK4" s="766"/>
      <c r="CL4" s="766"/>
      <c r="CM4" s="766"/>
      <c r="CN4" s="766"/>
      <c r="CO4" s="766"/>
      <c r="CP4" s="766"/>
      <c r="CQ4" s="766"/>
      <c r="CR4" s="766"/>
      <c r="CS4" s="766"/>
      <c r="CT4" s="766"/>
      <c r="CU4" s="766"/>
      <c r="CV4" s="766"/>
      <c r="CW4" s="766"/>
      <c r="CX4" s="766"/>
      <c r="CY4" s="766"/>
      <c r="CZ4" s="766"/>
      <c r="DA4" s="766"/>
      <c r="DB4" s="766"/>
      <c r="DC4" s="766"/>
      <c r="DD4" s="766"/>
      <c r="DE4" s="766"/>
      <c r="DF4" s="766"/>
      <c r="DG4" s="766"/>
      <c r="DH4" s="766"/>
      <c r="DI4" s="766"/>
      <c r="DJ4" s="766"/>
      <c r="DK4" s="766"/>
      <c r="DL4" s="766"/>
      <c r="DM4" s="766"/>
      <c r="DN4" s="766"/>
      <c r="DO4" s="766"/>
      <c r="DP4" s="766"/>
      <c r="DQ4" s="766"/>
      <c r="DR4" s="766"/>
      <c r="DS4" s="766"/>
      <c r="DT4" s="766"/>
      <c r="DU4" s="766"/>
      <c r="DV4" s="766"/>
      <c r="DW4" s="766"/>
      <c r="DX4" s="766"/>
      <c r="DY4" s="766"/>
      <c r="DZ4" s="766"/>
      <c r="EA4" s="230"/>
    </row>
    <row r="5" spans="1:131" s="231" customFormat="1" ht="26.25" customHeight="1" x14ac:dyDescent="0.2">
      <c r="A5" s="1031" t="s">
        <v>378</v>
      </c>
      <c r="B5" s="1032"/>
      <c r="C5" s="1032"/>
      <c r="D5" s="1032"/>
      <c r="E5" s="1032"/>
      <c r="F5" s="1032"/>
      <c r="G5" s="1032"/>
      <c r="H5" s="1032"/>
      <c r="I5" s="1032"/>
      <c r="J5" s="1032"/>
      <c r="K5" s="1032"/>
      <c r="L5" s="1032"/>
      <c r="M5" s="1032"/>
      <c r="N5" s="1032"/>
      <c r="O5" s="1032"/>
      <c r="P5" s="1033"/>
      <c r="Q5" s="1037" t="s">
        <v>379</v>
      </c>
      <c r="R5" s="1038"/>
      <c r="S5" s="1038"/>
      <c r="T5" s="1038"/>
      <c r="U5" s="1039"/>
      <c r="V5" s="1037" t="s">
        <v>380</v>
      </c>
      <c r="W5" s="1038"/>
      <c r="X5" s="1038"/>
      <c r="Y5" s="1038"/>
      <c r="Z5" s="1039"/>
      <c r="AA5" s="1037" t="s">
        <v>381</v>
      </c>
      <c r="AB5" s="1038"/>
      <c r="AC5" s="1038"/>
      <c r="AD5" s="1038"/>
      <c r="AE5" s="1038"/>
      <c r="AF5" s="1130" t="s">
        <v>382</v>
      </c>
      <c r="AG5" s="1038"/>
      <c r="AH5" s="1038"/>
      <c r="AI5" s="1038"/>
      <c r="AJ5" s="1051"/>
      <c r="AK5" s="1038" t="s">
        <v>383</v>
      </c>
      <c r="AL5" s="1038"/>
      <c r="AM5" s="1038"/>
      <c r="AN5" s="1038"/>
      <c r="AO5" s="1039"/>
      <c r="AP5" s="1037" t="s">
        <v>384</v>
      </c>
      <c r="AQ5" s="1038"/>
      <c r="AR5" s="1038"/>
      <c r="AS5" s="1038"/>
      <c r="AT5" s="1039"/>
      <c r="AU5" s="1037" t="s">
        <v>385</v>
      </c>
      <c r="AV5" s="1038"/>
      <c r="AW5" s="1038"/>
      <c r="AX5" s="1038"/>
      <c r="AY5" s="1051"/>
      <c r="AZ5" s="228"/>
      <c r="BA5" s="228"/>
      <c r="BB5" s="228"/>
      <c r="BC5" s="228"/>
      <c r="BD5" s="228"/>
      <c r="BE5" s="229"/>
      <c r="BF5" s="229"/>
      <c r="BG5" s="229"/>
      <c r="BH5" s="229"/>
      <c r="BI5" s="229"/>
      <c r="BJ5" s="229"/>
      <c r="BK5" s="229"/>
      <c r="BL5" s="229"/>
      <c r="BM5" s="229"/>
      <c r="BN5" s="229"/>
      <c r="BO5" s="229"/>
      <c r="BP5" s="229"/>
      <c r="BQ5" s="1031" t="s">
        <v>386</v>
      </c>
      <c r="BR5" s="1032"/>
      <c r="BS5" s="1032"/>
      <c r="BT5" s="1032"/>
      <c r="BU5" s="1032"/>
      <c r="BV5" s="1032"/>
      <c r="BW5" s="1032"/>
      <c r="BX5" s="1032"/>
      <c r="BY5" s="1032"/>
      <c r="BZ5" s="1032"/>
      <c r="CA5" s="1032"/>
      <c r="CB5" s="1032"/>
      <c r="CC5" s="1032"/>
      <c r="CD5" s="1032"/>
      <c r="CE5" s="1032"/>
      <c r="CF5" s="1032"/>
      <c r="CG5" s="1033"/>
      <c r="CH5" s="1037" t="s">
        <v>387</v>
      </c>
      <c r="CI5" s="1038"/>
      <c r="CJ5" s="1038"/>
      <c r="CK5" s="1038"/>
      <c r="CL5" s="1039"/>
      <c r="CM5" s="1037" t="s">
        <v>388</v>
      </c>
      <c r="CN5" s="1038"/>
      <c r="CO5" s="1038"/>
      <c r="CP5" s="1038"/>
      <c r="CQ5" s="1039"/>
      <c r="CR5" s="1037" t="s">
        <v>389</v>
      </c>
      <c r="CS5" s="1038"/>
      <c r="CT5" s="1038"/>
      <c r="CU5" s="1038"/>
      <c r="CV5" s="1039"/>
      <c r="CW5" s="1037" t="s">
        <v>390</v>
      </c>
      <c r="CX5" s="1038"/>
      <c r="CY5" s="1038"/>
      <c r="CZ5" s="1038"/>
      <c r="DA5" s="1039"/>
      <c r="DB5" s="1037" t="s">
        <v>391</v>
      </c>
      <c r="DC5" s="1038"/>
      <c r="DD5" s="1038"/>
      <c r="DE5" s="1038"/>
      <c r="DF5" s="1039"/>
      <c r="DG5" s="1120" t="s">
        <v>392</v>
      </c>
      <c r="DH5" s="1121"/>
      <c r="DI5" s="1121"/>
      <c r="DJ5" s="1121"/>
      <c r="DK5" s="1122"/>
      <c r="DL5" s="1120" t="s">
        <v>393</v>
      </c>
      <c r="DM5" s="1121"/>
      <c r="DN5" s="1121"/>
      <c r="DO5" s="1121"/>
      <c r="DP5" s="1122"/>
      <c r="DQ5" s="1037" t="s">
        <v>394</v>
      </c>
      <c r="DR5" s="1038"/>
      <c r="DS5" s="1038"/>
      <c r="DT5" s="1038"/>
      <c r="DU5" s="1039"/>
      <c r="DV5" s="1037" t="s">
        <v>385</v>
      </c>
      <c r="DW5" s="1038"/>
      <c r="DX5" s="1038"/>
      <c r="DY5" s="1038"/>
      <c r="DZ5" s="1051"/>
      <c r="EA5" s="230"/>
    </row>
    <row r="6" spans="1:131" s="231" customFormat="1" ht="26.25" customHeight="1" thickBot="1" x14ac:dyDescent="0.25">
      <c r="A6" s="1034"/>
      <c r="B6" s="1035"/>
      <c r="C6" s="1035"/>
      <c r="D6" s="1035"/>
      <c r="E6" s="1035"/>
      <c r="F6" s="1035"/>
      <c r="G6" s="1035"/>
      <c r="H6" s="1035"/>
      <c r="I6" s="1035"/>
      <c r="J6" s="1035"/>
      <c r="K6" s="1035"/>
      <c r="L6" s="1035"/>
      <c r="M6" s="1035"/>
      <c r="N6" s="1035"/>
      <c r="O6" s="1035"/>
      <c r="P6" s="1036"/>
      <c r="Q6" s="1040"/>
      <c r="R6" s="1041"/>
      <c r="S6" s="1041"/>
      <c r="T6" s="1041"/>
      <c r="U6" s="1042"/>
      <c r="V6" s="1040"/>
      <c r="W6" s="1041"/>
      <c r="X6" s="1041"/>
      <c r="Y6" s="1041"/>
      <c r="Z6" s="1042"/>
      <c r="AA6" s="1040"/>
      <c r="AB6" s="1041"/>
      <c r="AC6" s="1041"/>
      <c r="AD6" s="1041"/>
      <c r="AE6" s="1041"/>
      <c r="AF6" s="1131"/>
      <c r="AG6" s="1041"/>
      <c r="AH6" s="1041"/>
      <c r="AI6" s="1041"/>
      <c r="AJ6" s="1052"/>
      <c r="AK6" s="1041"/>
      <c r="AL6" s="1041"/>
      <c r="AM6" s="1041"/>
      <c r="AN6" s="1041"/>
      <c r="AO6" s="1042"/>
      <c r="AP6" s="1040"/>
      <c r="AQ6" s="1041"/>
      <c r="AR6" s="1041"/>
      <c r="AS6" s="1041"/>
      <c r="AT6" s="1042"/>
      <c r="AU6" s="1040"/>
      <c r="AV6" s="1041"/>
      <c r="AW6" s="1041"/>
      <c r="AX6" s="1041"/>
      <c r="AY6" s="1052"/>
      <c r="AZ6" s="228"/>
      <c r="BA6" s="228"/>
      <c r="BB6" s="228"/>
      <c r="BC6" s="228"/>
      <c r="BD6" s="228"/>
      <c r="BE6" s="229"/>
      <c r="BF6" s="229"/>
      <c r="BG6" s="229"/>
      <c r="BH6" s="229"/>
      <c r="BI6" s="229"/>
      <c r="BJ6" s="229"/>
      <c r="BK6" s="229"/>
      <c r="BL6" s="229"/>
      <c r="BM6" s="229"/>
      <c r="BN6" s="229"/>
      <c r="BO6" s="229"/>
      <c r="BP6" s="229"/>
      <c r="BQ6" s="1034"/>
      <c r="BR6" s="1035"/>
      <c r="BS6" s="1035"/>
      <c r="BT6" s="1035"/>
      <c r="BU6" s="1035"/>
      <c r="BV6" s="1035"/>
      <c r="BW6" s="1035"/>
      <c r="BX6" s="1035"/>
      <c r="BY6" s="1035"/>
      <c r="BZ6" s="1035"/>
      <c r="CA6" s="1035"/>
      <c r="CB6" s="1035"/>
      <c r="CC6" s="1035"/>
      <c r="CD6" s="1035"/>
      <c r="CE6" s="1035"/>
      <c r="CF6" s="1035"/>
      <c r="CG6" s="1036"/>
      <c r="CH6" s="1040"/>
      <c r="CI6" s="1041"/>
      <c r="CJ6" s="1041"/>
      <c r="CK6" s="1041"/>
      <c r="CL6" s="1042"/>
      <c r="CM6" s="1040"/>
      <c r="CN6" s="1041"/>
      <c r="CO6" s="1041"/>
      <c r="CP6" s="1041"/>
      <c r="CQ6" s="1042"/>
      <c r="CR6" s="1040"/>
      <c r="CS6" s="1041"/>
      <c r="CT6" s="1041"/>
      <c r="CU6" s="1041"/>
      <c r="CV6" s="1042"/>
      <c r="CW6" s="1040"/>
      <c r="CX6" s="1041"/>
      <c r="CY6" s="1041"/>
      <c r="CZ6" s="1041"/>
      <c r="DA6" s="1042"/>
      <c r="DB6" s="1040"/>
      <c r="DC6" s="1041"/>
      <c r="DD6" s="1041"/>
      <c r="DE6" s="1041"/>
      <c r="DF6" s="1042"/>
      <c r="DG6" s="1123"/>
      <c r="DH6" s="1124"/>
      <c r="DI6" s="1124"/>
      <c r="DJ6" s="1124"/>
      <c r="DK6" s="1125"/>
      <c r="DL6" s="1123"/>
      <c r="DM6" s="1124"/>
      <c r="DN6" s="1124"/>
      <c r="DO6" s="1124"/>
      <c r="DP6" s="1125"/>
      <c r="DQ6" s="1040"/>
      <c r="DR6" s="1041"/>
      <c r="DS6" s="1041"/>
      <c r="DT6" s="1041"/>
      <c r="DU6" s="1042"/>
      <c r="DV6" s="1040"/>
      <c r="DW6" s="1041"/>
      <c r="DX6" s="1041"/>
      <c r="DY6" s="1041"/>
      <c r="DZ6" s="1052"/>
      <c r="EA6" s="230"/>
    </row>
    <row r="7" spans="1:131" s="231" customFormat="1" ht="26.25" customHeight="1" thickTop="1" x14ac:dyDescent="0.2">
      <c r="A7" s="232">
        <v>1</v>
      </c>
      <c r="B7" s="1083" t="s">
        <v>395</v>
      </c>
      <c r="C7" s="1084"/>
      <c r="D7" s="1084"/>
      <c r="E7" s="1084"/>
      <c r="F7" s="1084"/>
      <c r="G7" s="1084"/>
      <c r="H7" s="1084"/>
      <c r="I7" s="1084"/>
      <c r="J7" s="1084"/>
      <c r="K7" s="1084"/>
      <c r="L7" s="1084"/>
      <c r="M7" s="1084"/>
      <c r="N7" s="1084"/>
      <c r="O7" s="1084"/>
      <c r="P7" s="1085"/>
      <c r="Q7" s="1138">
        <v>4279</v>
      </c>
      <c r="R7" s="1139"/>
      <c r="S7" s="1139"/>
      <c r="T7" s="1139"/>
      <c r="U7" s="1139"/>
      <c r="V7" s="1139">
        <v>4103</v>
      </c>
      <c r="W7" s="1139"/>
      <c r="X7" s="1139"/>
      <c r="Y7" s="1139"/>
      <c r="Z7" s="1139"/>
      <c r="AA7" s="1139">
        <v>176</v>
      </c>
      <c r="AB7" s="1139"/>
      <c r="AC7" s="1139"/>
      <c r="AD7" s="1139"/>
      <c r="AE7" s="1140"/>
      <c r="AF7" s="1141">
        <v>176</v>
      </c>
      <c r="AG7" s="1142"/>
      <c r="AH7" s="1142"/>
      <c r="AI7" s="1142"/>
      <c r="AJ7" s="1143"/>
      <c r="AK7" s="1144">
        <v>26</v>
      </c>
      <c r="AL7" s="1145"/>
      <c r="AM7" s="1145"/>
      <c r="AN7" s="1145"/>
      <c r="AO7" s="1145"/>
      <c r="AP7" s="1145">
        <v>3263</v>
      </c>
      <c r="AQ7" s="1145"/>
      <c r="AR7" s="1145"/>
      <c r="AS7" s="1145"/>
      <c r="AT7" s="1145"/>
      <c r="AU7" s="1146"/>
      <c r="AV7" s="1146"/>
      <c r="AW7" s="1146"/>
      <c r="AX7" s="1146"/>
      <c r="AY7" s="1147"/>
      <c r="AZ7" s="228"/>
      <c r="BA7" s="228"/>
      <c r="BB7" s="228"/>
      <c r="BC7" s="228"/>
      <c r="BD7" s="228"/>
      <c r="BE7" s="229"/>
      <c r="BF7" s="229"/>
      <c r="BG7" s="229"/>
      <c r="BH7" s="229"/>
      <c r="BI7" s="229"/>
      <c r="BJ7" s="229"/>
      <c r="BK7" s="229"/>
      <c r="BL7" s="229"/>
      <c r="BM7" s="229"/>
      <c r="BN7" s="229"/>
      <c r="BO7" s="229"/>
      <c r="BP7" s="229"/>
      <c r="BQ7" s="232">
        <v>1</v>
      </c>
      <c r="BR7" s="233"/>
      <c r="BS7" s="1135" t="s">
        <v>602</v>
      </c>
      <c r="BT7" s="1136"/>
      <c r="BU7" s="1136"/>
      <c r="BV7" s="1136"/>
      <c r="BW7" s="1136"/>
      <c r="BX7" s="1136"/>
      <c r="BY7" s="1136"/>
      <c r="BZ7" s="1136"/>
      <c r="CA7" s="1136"/>
      <c r="CB7" s="1136"/>
      <c r="CC7" s="1136"/>
      <c r="CD7" s="1136"/>
      <c r="CE7" s="1136"/>
      <c r="CF7" s="1136"/>
      <c r="CG7" s="1148"/>
      <c r="CH7" s="1132">
        <v>0</v>
      </c>
      <c r="CI7" s="1133"/>
      <c r="CJ7" s="1133"/>
      <c r="CK7" s="1133"/>
      <c r="CL7" s="1134"/>
      <c r="CM7" s="1132">
        <v>1866</v>
      </c>
      <c r="CN7" s="1133"/>
      <c r="CO7" s="1133"/>
      <c r="CP7" s="1133"/>
      <c r="CQ7" s="1134"/>
      <c r="CR7" s="1132">
        <v>9</v>
      </c>
      <c r="CS7" s="1133"/>
      <c r="CT7" s="1133"/>
      <c r="CU7" s="1133"/>
      <c r="CV7" s="1134"/>
      <c r="CW7" s="1132">
        <v>2</v>
      </c>
      <c r="CX7" s="1133"/>
      <c r="CY7" s="1133"/>
      <c r="CZ7" s="1133"/>
      <c r="DA7" s="1134"/>
      <c r="DB7" s="1132" t="s">
        <v>604</v>
      </c>
      <c r="DC7" s="1133"/>
      <c r="DD7" s="1133"/>
      <c r="DE7" s="1133"/>
      <c r="DF7" s="1134"/>
      <c r="DG7" s="1132" t="s">
        <v>604</v>
      </c>
      <c r="DH7" s="1133"/>
      <c r="DI7" s="1133"/>
      <c r="DJ7" s="1133"/>
      <c r="DK7" s="1134"/>
      <c r="DL7" s="1132" t="s">
        <v>604</v>
      </c>
      <c r="DM7" s="1133"/>
      <c r="DN7" s="1133"/>
      <c r="DO7" s="1133"/>
      <c r="DP7" s="1134"/>
      <c r="DQ7" s="1132" t="s">
        <v>604</v>
      </c>
      <c r="DR7" s="1133"/>
      <c r="DS7" s="1133"/>
      <c r="DT7" s="1133"/>
      <c r="DU7" s="1134"/>
      <c r="DV7" s="1135"/>
      <c r="DW7" s="1136"/>
      <c r="DX7" s="1136"/>
      <c r="DY7" s="1136"/>
      <c r="DZ7" s="1137"/>
      <c r="EA7" s="230"/>
    </row>
    <row r="8" spans="1:131" s="231" customFormat="1" ht="26.25" customHeight="1" x14ac:dyDescent="0.2">
      <c r="A8" s="234">
        <v>2</v>
      </c>
      <c r="B8" s="1066" t="s">
        <v>396</v>
      </c>
      <c r="C8" s="1067"/>
      <c r="D8" s="1067"/>
      <c r="E8" s="1067"/>
      <c r="F8" s="1067"/>
      <c r="G8" s="1067"/>
      <c r="H8" s="1067"/>
      <c r="I8" s="1067"/>
      <c r="J8" s="1067"/>
      <c r="K8" s="1067"/>
      <c r="L8" s="1067"/>
      <c r="M8" s="1067"/>
      <c r="N8" s="1067"/>
      <c r="O8" s="1067"/>
      <c r="P8" s="1068"/>
      <c r="Q8" s="1074">
        <v>24</v>
      </c>
      <c r="R8" s="1075"/>
      <c r="S8" s="1075"/>
      <c r="T8" s="1075"/>
      <c r="U8" s="1075"/>
      <c r="V8" s="1075">
        <v>18</v>
      </c>
      <c r="W8" s="1075"/>
      <c r="X8" s="1075"/>
      <c r="Y8" s="1075"/>
      <c r="Z8" s="1075"/>
      <c r="AA8" s="1075">
        <v>6</v>
      </c>
      <c r="AB8" s="1075"/>
      <c r="AC8" s="1075"/>
      <c r="AD8" s="1075"/>
      <c r="AE8" s="1076"/>
      <c r="AF8" s="1071">
        <v>6</v>
      </c>
      <c r="AG8" s="1072"/>
      <c r="AH8" s="1072"/>
      <c r="AI8" s="1072"/>
      <c r="AJ8" s="1073"/>
      <c r="AK8" s="1116" t="s">
        <v>596</v>
      </c>
      <c r="AL8" s="1117"/>
      <c r="AM8" s="1117"/>
      <c r="AN8" s="1117"/>
      <c r="AO8" s="1117"/>
      <c r="AP8" s="1117" t="s">
        <v>596</v>
      </c>
      <c r="AQ8" s="1117"/>
      <c r="AR8" s="1117"/>
      <c r="AS8" s="1117"/>
      <c r="AT8" s="1117"/>
      <c r="AU8" s="1118"/>
      <c r="AV8" s="1118"/>
      <c r="AW8" s="1118"/>
      <c r="AX8" s="1118"/>
      <c r="AY8" s="1119"/>
      <c r="AZ8" s="228"/>
      <c r="BA8" s="228"/>
      <c r="BB8" s="228"/>
      <c r="BC8" s="228"/>
      <c r="BD8" s="228"/>
      <c r="BE8" s="229"/>
      <c r="BF8" s="229"/>
      <c r="BG8" s="229"/>
      <c r="BH8" s="229"/>
      <c r="BI8" s="229"/>
      <c r="BJ8" s="229"/>
      <c r="BK8" s="229"/>
      <c r="BL8" s="229"/>
      <c r="BM8" s="229"/>
      <c r="BN8" s="229"/>
      <c r="BO8" s="229"/>
      <c r="BP8" s="229"/>
      <c r="BQ8" s="234">
        <v>2</v>
      </c>
      <c r="BR8" s="235"/>
      <c r="BS8" s="1028" t="s">
        <v>603</v>
      </c>
      <c r="BT8" s="1029"/>
      <c r="BU8" s="1029"/>
      <c r="BV8" s="1029"/>
      <c r="BW8" s="1029"/>
      <c r="BX8" s="1029"/>
      <c r="BY8" s="1029"/>
      <c r="BZ8" s="1029"/>
      <c r="CA8" s="1029"/>
      <c r="CB8" s="1029"/>
      <c r="CC8" s="1029"/>
      <c r="CD8" s="1029"/>
      <c r="CE8" s="1029"/>
      <c r="CF8" s="1029"/>
      <c r="CG8" s="1050"/>
      <c r="CH8" s="1025">
        <v>-18</v>
      </c>
      <c r="CI8" s="1026"/>
      <c r="CJ8" s="1026"/>
      <c r="CK8" s="1026"/>
      <c r="CL8" s="1027"/>
      <c r="CM8" s="1025">
        <v>815</v>
      </c>
      <c r="CN8" s="1026"/>
      <c r="CO8" s="1026"/>
      <c r="CP8" s="1026"/>
      <c r="CQ8" s="1027"/>
      <c r="CR8" s="1025" t="s">
        <v>596</v>
      </c>
      <c r="CS8" s="1026"/>
      <c r="CT8" s="1026"/>
      <c r="CU8" s="1026"/>
      <c r="CV8" s="1027"/>
      <c r="CW8" s="1025" t="s">
        <v>596</v>
      </c>
      <c r="CX8" s="1026"/>
      <c r="CY8" s="1026"/>
      <c r="CZ8" s="1026"/>
      <c r="DA8" s="1027"/>
      <c r="DB8" s="1025" t="s">
        <v>604</v>
      </c>
      <c r="DC8" s="1026"/>
      <c r="DD8" s="1026"/>
      <c r="DE8" s="1026"/>
      <c r="DF8" s="1027"/>
      <c r="DG8" s="1025" t="s">
        <v>604</v>
      </c>
      <c r="DH8" s="1026"/>
      <c r="DI8" s="1026"/>
      <c r="DJ8" s="1026"/>
      <c r="DK8" s="1027"/>
      <c r="DL8" s="1025" t="s">
        <v>604</v>
      </c>
      <c r="DM8" s="1026"/>
      <c r="DN8" s="1026"/>
      <c r="DO8" s="1026"/>
      <c r="DP8" s="1027"/>
      <c r="DQ8" s="1025" t="s">
        <v>604</v>
      </c>
      <c r="DR8" s="1026"/>
      <c r="DS8" s="1026"/>
      <c r="DT8" s="1026"/>
      <c r="DU8" s="1027"/>
      <c r="DV8" s="1028"/>
      <c r="DW8" s="1029"/>
      <c r="DX8" s="1029"/>
      <c r="DY8" s="1029"/>
      <c r="DZ8" s="1030"/>
      <c r="EA8" s="230"/>
    </row>
    <row r="9" spans="1:131" s="231" customFormat="1" ht="26.25" customHeight="1" x14ac:dyDescent="0.2">
      <c r="A9" s="234">
        <v>3</v>
      </c>
      <c r="B9" s="1066"/>
      <c r="C9" s="1067"/>
      <c r="D9" s="1067"/>
      <c r="E9" s="1067"/>
      <c r="F9" s="1067"/>
      <c r="G9" s="1067"/>
      <c r="H9" s="1067"/>
      <c r="I9" s="1067"/>
      <c r="J9" s="1067"/>
      <c r="K9" s="1067"/>
      <c r="L9" s="1067"/>
      <c r="M9" s="1067"/>
      <c r="N9" s="1067"/>
      <c r="O9" s="1067"/>
      <c r="P9" s="1068"/>
      <c r="Q9" s="1074"/>
      <c r="R9" s="1075"/>
      <c r="S9" s="1075"/>
      <c r="T9" s="1075"/>
      <c r="U9" s="1075"/>
      <c r="V9" s="1075"/>
      <c r="W9" s="1075"/>
      <c r="X9" s="1075"/>
      <c r="Y9" s="1075"/>
      <c r="Z9" s="1075"/>
      <c r="AA9" s="1075"/>
      <c r="AB9" s="1075"/>
      <c r="AC9" s="1075"/>
      <c r="AD9" s="1075"/>
      <c r="AE9" s="1076"/>
      <c r="AF9" s="1071"/>
      <c r="AG9" s="1072"/>
      <c r="AH9" s="1072"/>
      <c r="AI9" s="1072"/>
      <c r="AJ9" s="1073"/>
      <c r="AK9" s="1116"/>
      <c r="AL9" s="1117"/>
      <c r="AM9" s="1117"/>
      <c r="AN9" s="1117"/>
      <c r="AO9" s="1117"/>
      <c r="AP9" s="1117"/>
      <c r="AQ9" s="1117"/>
      <c r="AR9" s="1117"/>
      <c r="AS9" s="1117"/>
      <c r="AT9" s="1117"/>
      <c r="AU9" s="1118"/>
      <c r="AV9" s="1118"/>
      <c r="AW9" s="1118"/>
      <c r="AX9" s="1118"/>
      <c r="AY9" s="1119"/>
      <c r="AZ9" s="228"/>
      <c r="BA9" s="228"/>
      <c r="BB9" s="228"/>
      <c r="BC9" s="228"/>
      <c r="BD9" s="228"/>
      <c r="BE9" s="229"/>
      <c r="BF9" s="229"/>
      <c r="BG9" s="229"/>
      <c r="BH9" s="229"/>
      <c r="BI9" s="229"/>
      <c r="BJ9" s="229"/>
      <c r="BK9" s="229"/>
      <c r="BL9" s="229"/>
      <c r="BM9" s="229"/>
      <c r="BN9" s="229"/>
      <c r="BO9" s="229"/>
      <c r="BP9" s="229"/>
      <c r="BQ9" s="234">
        <v>3</v>
      </c>
      <c r="BR9" s="235"/>
      <c r="BS9" s="1028"/>
      <c r="BT9" s="1029"/>
      <c r="BU9" s="1029"/>
      <c r="BV9" s="1029"/>
      <c r="BW9" s="1029"/>
      <c r="BX9" s="1029"/>
      <c r="BY9" s="1029"/>
      <c r="BZ9" s="1029"/>
      <c r="CA9" s="1029"/>
      <c r="CB9" s="1029"/>
      <c r="CC9" s="1029"/>
      <c r="CD9" s="1029"/>
      <c r="CE9" s="1029"/>
      <c r="CF9" s="1029"/>
      <c r="CG9" s="1050"/>
      <c r="CH9" s="1025"/>
      <c r="CI9" s="1026"/>
      <c r="CJ9" s="1026"/>
      <c r="CK9" s="1026"/>
      <c r="CL9" s="1027"/>
      <c r="CM9" s="1025"/>
      <c r="CN9" s="1026"/>
      <c r="CO9" s="1026"/>
      <c r="CP9" s="1026"/>
      <c r="CQ9" s="1027"/>
      <c r="CR9" s="1025"/>
      <c r="CS9" s="1026"/>
      <c r="CT9" s="1026"/>
      <c r="CU9" s="1026"/>
      <c r="CV9" s="1027"/>
      <c r="CW9" s="1025"/>
      <c r="CX9" s="1026"/>
      <c r="CY9" s="1026"/>
      <c r="CZ9" s="1026"/>
      <c r="DA9" s="1027"/>
      <c r="DB9" s="1025"/>
      <c r="DC9" s="1026"/>
      <c r="DD9" s="1026"/>
      <c r="DE9" s="1026"/>
      <c r="DF9" s="1027"/>
      <c r="DG9" s="1025"/>
      <c r="DH9" s="1026"/>
      <c r="DI9" s="1026"/>
      <c r="DJ9" s="1026"/>
      <c r="DK9" s="1027"/>
      <c r="DL9" s="1025"/>
      <c r="DM9" s="1026"/>
      <c r="DN9" s="1026"/>
      <c r="DO9" s="1026"/>
      <c r="DP9" s="1027"/>
      <c r="DQ9" s="1025"/>
      <c r="DR9" s="1026"/>
      <c r="DS9" s="1026"/>
      <c r="DT9" s="1026"/>
      <c r="DU9" s="1027"/>
      <c r="DV9" s="1028"/>
      <c r="DW9" s="1029"/>
      <c r="DX9" s="1029"/>
      <c r="DY9" s="1029"/>
      <c r="DZ9" s="1030"/>
      <c r="EA9" s="230"/>
    </row>
    <row r="10" spans="1:131" s="231" customFormat="1" ht="26.25" customHeight="1" x14ac:dyDescent="0.2">
      <c r="A10" s="234">
        <v>4</v>
      </c>
      <c r="B10" s="1066"/>
      <c r="C10" s="1067"/>
      <c r="D10" s="1067"/>
      <c r="E10" s="1067"/>
      <c r="F10" s="1067"/>
      <c r="G10" s="1067"/>
      <c r="H10" s="1067"/>
      <c r="I10" s="1067"/>
      <c r="J10" s="1067"/>
      <c r="K10" s="1067"/>
      <c r="L10" s="1067"/>
      <c r="M10" s="1067"/>
      <c r="N10" s="1067"/>
      <c r="O10" s="1067"/>
      <c r="P10" s="1068"/>
      <c r="Q10" s="1074"/>
      <c r="R10" s="1075"/>
      <c r="S10" s="1075"/>
      <c r="T10" s="1075"/>
      <c r="U10" s="1075"/>
      <c r="V10" s="1075"/>
      <c r="W10" s="1075"/>
      <c r="X10" s="1075"/>
      <c r="Y10" s="1075"/>
      <c r="Z10" s="1075"/>
      <c r="AA10" s="1075"/>
      <c r="AB10" s="1075"/>
      <c r="AC10" s="1075"/>
      <c r="AD10" s="1075"/>
      <c r="AE10" s="1076"/>
      <c r="AF10" s="1071"/>
      <c r="AG10" s="1072"/>
      <c r="AH10" s="1072"/>
      <c r="AI10" s="1072"/>
      <c r="AJ10" s="1073"/>
      <c r="AK10" s="1116"/>
      <c r="AL10" s="1117"/>
      <c r="AM10" s="1117"/>
      <c r="AN10" s="1117"/>
      <c r="AO10" s="1117"/>
      <c r="AP10" s="1117"/>
      <c r="AQ10" s="1117"/>
      <c r="AR10" s="1117"/>
      <c r="AS10" s="1117"/>
      <c r="AT10" s="1117"/>
      <c r="AU10" s="1118"/>
      <c r="AV10" s="1118"/>
      <c r="AW10" s="1118"/>
      <c r="AX10" s="1118"/>
      <c r="AY10" s="1119"/>
      <c r="AZ10" s="228"/>
      <c r="BA10" s="228"/>
      <c r="BB10" s="228"/>
      <c r="BC10" s="228"/>
      <c r="BD10" s="228"/>
      <c r="BE10" s="229"/>
      <c r="BF10" s="229"/>
      <c r="BG10" s="229"/>
      <c r="BH10" s="229"/>
      <c r="BI10" s="229"/>
      <c r="BJ10" s="229"/>
      <c r="BK10" s="229"/>
      <c r="BL10" s="229"/>
      <c r="BM10" s="229"/>
      <c r="BN10" s="229"/>
      <c r="BO10" s="229"/>
      <c r="BP10" s="229"/>
      <c r="BQ10" s="234">
        <v>4</v>
      </c>
      <c r="BR10" s="235"/>
      <c r="BS10" s="1028"/>
      <c r="BT10" s="1029"/>
      <c r="BU10" s="1029"/>
      <c r="BV10" s="1029"/>
      <c r="BW10" s="1029"/>
      <c r="BX10" s="1029"/>
      <c r="BY10" s="1029"/>
      <c r="BZ10" s="1029"/>
      <c r="CA10" s="1029"/>
      <c r="CB10" s="1029"/>
      <c r="CC10" s="1029"/>
      <c r="CD10" s="1029"/>
      <c r="CE10" s="1029"/>
      <c r="CF10" s="1029"/>
      <c r="CG10" s="1050"/>
      <c r="CH10" s="1025"/>
      <c r="CI10" s="1026"/>
      <c r="CJ10" s="1026"/>
      <c r="CK10" s="1026"/>
      <c r="CL10" s="1027"/>
      <c r="CM10" s="1025"/>
      <c r="CN10" s="1026"/>
      <c r="CO10" s="1026"/>
      <c r="CP10" s="1026"/>
      <c r="CQ10" s="1027"/>
      <c r="CR10" s="1025"/>
      <c r="CS10" s="1026"/>
      <c r="CT10" s="1026"/>
      <c r="CU10" s="1026"/>
      <c r="CV10" s="1027"/>
      <c r="CW10" s="1025"/>
      <c r="CX10" s="1026"/>
      <c r="CY10" s="1026"/>
      <c r="CZ10" s="1026"/>
      <c r="DA10" s="1027"/>
      <c r="DB10" s="1025"/>
      <c r="DC10" s="1026"/>
      <c r="DD10" s="1026"/>
      <c r="DE10" s="1026"/>
      <c r="DF10" s="1027"/>
      <c r="DG10" s="1025"/>
      <c r="DH10" s="1026"/>
      <c r="DI10" s="1026"/>
      <c r="DJ10" s="1026"/>
      <c r="DK10" s="1027"/>
      <c r="DL10" s="1025"/>
      <c r="DM10" s="1026"/>
      <c r="DN10" s="1026"/>
      <c r="DO10" s="1026"/>
      <c r="DP10" s="1027"/>
      <c r="DQ10" s="1025"/>
      <c r="DR10" s="1026"/>
      <c r="DS10" s="1026"/>
      <c r="DT10" s="1026"/>
      <c r="DU10" s="1027"/>
      <c r="DV10" s="1028"/>
      <c r="DW10" s="1029"/>
      <c r="DX10" s="1029"/>
      <c r="DY10" s="1029"/>
      <c r="DZ10" s="1030"/>
      <c r="EA10" s="230"/>
    </row>
    <row r="11" spans="1:131" s="231" customFormat="1" ht="26.25" customHeight="1" x14ac:dyDescent="0.2">
      <c r="A11" s="234">
        <v>5</v>
      </c>
      <c r="B11" s="1066"/>
      <c r="C11" s="1067"/>
      <c r="D11" s="1067"/>
      <c r="E11" s="1067"/>
      <c r="F11" s="1067"/>
      <c r="G11" s="1067"/>
      <c r="H11" s="1067"/>
      <c r="I11" s="1067"/>
      <c r="J11" s="1067"/>
      <c r="K11" s="1067"/>
      <c r="L11" s="1067"/>
      <c r="M11" s="1067"/>
      <c r="N11" s="1067"/>
      <c r="O11" s="1067"/>
      <c r="P11" s="1068"/>
      <c r="Q11" s="1074"/>
      <c r="R11" s="1075"/>
      <c r="S11" s="1075"/>
      <c r="T11" s="1075"/>
      <c r="U11" s="1075"/>
      <c r="V11" s="1075"/>
      <c r="W11" s="1075"/>
      <c r="X11" s="1075"/>
      <c r="Y11" s="1075"/>
      <c r="Z11" s="1075"/>
      <c r="AA11" s="1075"/>
      <c r="AB11" s="1075"/>
      <c r="AC11" s="1075"/>
      <c r="AD11" s="1075"/>
      <c r="AE11" s="1076"/>
      <c r="AF11" s="1071"/>
      <c r="AG11" s="1072"/>
      <c r="AH11" s="1072"/>
      <c r="AI11" s="1072"/>
      <c r="AJ11" s="1073"/>
      <c r="AK11" s="1116"/>
      <c r="AL11" s="1117"/>
      <c r="AM11" s="1117"/>
      <c r="AN11" s="1117"/>
      <c r="AO11" s="1117"/>
      <c r="AP11" s="1117"/>
      <c r="AQ11" s="1117"/>
      <c r="AR11" s="1117"/>
      <c r="AS11" s="1117"/>
      <c r="AT11" s="1117"/>
      <c r="AU11" s="1118"/>
      <c r="AV11" s="1118"/>
      <c r="AW11" s="1118"/>
      <c r="AX11" s="1118"/>
      <c r="AY11" s="1119"/>
      <c r="AZ11" s="228"/>
      <c r="BA11" s="228"/>
      <c r="BB11" s="228"/>
      <c r="BC11" s="228"/>
      <c r="BD11" s="228"/>
      <c r="BE11" s="229"/>
      <c r="BF11" s="229"/>
      <c r="BG11" s="229"/>
      <c r="BH11" s="229"/>
      <c r="BI11" s="229"/>
      <c r="BJ11" s="229"/>
      <c r="BK11" s="229"/>
      <c r="BL11" s="229"/>
      <c r="BM11" s="229"/>
      <c r="BN11" s="229"/>
      <c r="BO11" s="229"/>
      <c r="BP11" s="229"/>
      <c r="BQ11" s="234">
        <v>5</v>
      </c>
      <c r="BR11" s="235"/>
      <c r="BS11" s="1028"/>
      <c r="BT11" s="1029"/>
      <c r="BU11" s="1029"/>
      <c r="BV11" s="1029"/>
      <c r="BW11" s="1029"/>
      <c r="BX11" s="1029"/>
      <c r="BY11" s="1029"/>
      <c r="BZ11" s="1029"/>
      <c r="CA11" s="1029"/>
      <c r="CB11" s="1029"/>
      <c r="CC11" s="1029"/>
      <c r="CD11" s="1029"/>
      <c r="CE11" s="1029"/>
      <c r="CF11" s="1029"/>
      <c r="CG11" s="1050"/>
      <c r="CH11" s="1025"/>
      <c r="CI11" s="1026"/>
      <c r="CJ11" s="1026"/>
      <c r="CK11" s="1026"/>
      <c r="CL11" s="1027"/>
      <c r="CM11" s="1025"/>
      <c r="CN11" s="1026"/>
      <c r="CO11" s="1026"/>
      <c r="CP11" s="1026"/>
      <c r="CQ11" s="1027"/>
      <c r="CR11" s="1025"/>
      <c r="CS11" s="1026"/>
      <c r="CT11" s="1026"/>
      <c r="CU11" s="1026"/>
      <c r="CV11" s="1027"/>
      <c r="CW11" s="1025"/>
      <c r="CX11" s="1026"/>
      <c r="CY11" s="1026"/>
      <c r="CZ11" s="1026"/>
      <c r="DA11" s="1027"/>
      <c r="DB11" s="1025"/>
      <c r="DC11" s="1026"/>
      <c r="DD11" s="1026"/>
      <c r="DE11" s="1026"/>
      <c r="DF11" s="1027"/>
      <c r="DG11" s="1025"/>
      <c r="DH11" s="1026"/>
      <c r="DI11" s="1026"/>
      <c r="DJ11" s="1026"/>
      <c r="DK11" s="1027"/>
      <c r="DL11" s="1025"/>
      <c r="DM11" s="1026"/>
      <c r="DN11" s="1026"/>
      <c r="DO11" s="1026"/>
      <c r="DP11" s="1027"/>
      <c r="DQ11" s="1025"/>
      <c r="DR11" s="1026"/>
      <c r="DS11" s="1026"/>
      <c r="DT11" s="1026"/>
      <c r="DU11" s="1027"/>
      <c r="DV11" s="1028"/>
      <c r="DW11" s="1029"/>
      <c r="DX11" s="1029"/>
      <c r="DY11" s="1029"/>
      <c r="DZ11" s="1030"/>
      <c r="EA11" s="230"/>
    </row>
    <row r="12" spans="1:131" s="231" customFormat="1" ht="26.25" customHeight="1" x14ac:dyDescent="0.2">
      <c r="A12" s="234">
        <v>6</v>
      </c>
      <c r="B12" s="1066"/>
      <c r="C12" s="1067"/>
      <c r="D12" s="1067"/>
      <c r="E12" s="1067"/>
      <c r="F12" s="1067"/>
      <c r="G12" s="1067"/>
      <c r="H12" s="1067"/>
      <c r="I12" s="1067"/>
      <c r="J12" s="1067"/>
      <c r="K12" s="1067"/>
      <c r="L12" s="1067"/>
      <c r="M12" s="1067"/>
      <c r="N12" s="1067"/>
      <c r="O12" s="1067"/>
      <c r="P12" s="1068"/>
      <c r="Q12" s="1074"/>
      <c r="R12" s="1075"/>
      <c r="S12" s="1075"/>
      <c r="T12" s="1075"/>
      <c r="U12" s="1075"/>
      <c r="V12" s="1075"/>
      <c r="W12" s="1075"/>
      <c r="X12" s="1075"/>
      <c r="Y12" s="1075"/>
      <c r="Z12" s="1075"/>
      <c r="AA12" s="1075"/>
      <c r="AB12" s="1075"/>
      <c r="AC12" s="1075"/>
      <c r="AD12" s="1075"/>
      <c r="AE12" s="1076"/>
      <c r="AF12" s="1071"/>
      <c r="AG12" s="1072"/>
      <c r="AH12" s="1072"/>
      <c r="AI12" s="1072"/>
      <c r="AJ12" s="1073"/>
      <c r="AK12" s="1116"/>
      <c r="AL12" s="1117"/>
      <c r="AM12" s="1117"/>
      <c r="AN12" s="1117"/>
      <c r="AO12" s="1117"/>
      <c r="AP12" s="1117"/>
      <c r="AQ12" s="1117"/>
      <c r="AR12" s="1117"/>
      <c r="AS12" s="1117"/>
      <c r="AT12" s="1117"/>
      <c r="AU12" s="1118"/>
      <c r="AV12" s="1118"/>
      <c r="AW12" s="1118"/>
      <c r="AX12" s="1118"/>
      <c r="AY12" s="1119"/>
      <c r="AZ12" s="228"/>
      <c r="BA12" s="228"/>
      <c r="BB12" s="228"/>
      <c r="BC12" s="228"/>
      <c r="BD12" s="228"/>
      <c r="BE12" s="229"/>
      <c r="BF12" s="229"/>
      <c r="BG12" s="229"/>
      <c r="BH12" s="229"/>
      <c r="BI12" s="229"/>
      <c r="BJ12" s="229"/>
      <c r="BK12" s="229"/>
      <c r="BL12" s="229"/>
      <c r="BM12" s="229"/>
      <c r="BN12" s="229"/>
      <c r="BO12" s="229"/>
      <c r="BP12" s="229"/>
      <c r="BQ12" s="234">
        <v>6</v>
      </c>
      <c r="BR12" s="235"/>
      <c r="BS12" s="1028"/>
      <c r="BT12" s="1029"/>
      <c r="BU12" s="1029"/>
      <c r="BV12" s="1029"/>
      <c r="BW12" s="1029"/>
      <c r="BX12" s="1029"/>
      <c r="BY12" s="1029"/>
      <c r="BZ12" s="1029"/>
      <c r="CA12" s="1029"/>
      <c r="CB12" s="1029"/>
      <c r="CC12" s="1029"/>
      <c r="CD12" s="1029"/>
      <c r="CE12" s="1029"/>
      <c r="CF12" s="1029"/>
      <c r="CG12" s="1050"/>
      <c r="CH12" s="1025"/>
      <c r="CI12" s="1026"/>
      <c r="CJ12" s="1026"/>
      <c r="CK12" s="1026"/>
      <c r="CL12" s="1027"/>
      <c r="CM12" s="1025"/>
      <c r="CN12" s="1026"/>
      <c r="CO12" s="1026"/>
      <c r="CP12" s="1026"/>
      <c r="CQ12" s="1027"/>
      <c r="CR12" s="1025"/>
      <c r="CS12" s="1026"/>
      <c r="CT12" s="1026"/>
      <c r="CU12" s="1026"/>
      <c r="CV12" s="1027"/>
      <c r="CW12" s="1025"/>
      <c r="CX12" s="1026"/>
      <c r="CY12" s="1026"/>
      <c r="CZ12" s="1026"/>
      <c r="DA12" s="1027"/>
      <c r="DB12" s="1025"/>
      <c r="DC12" s="1026"/>
      <c r="DD12" s="1026"/>
      <c r="DE12" s="1026"/>
      <c r="DF12" s="1027"/>
      <c r="DG12" s="1025"/>
      <c r="DH12" s="1026"/>
      <c r="DI12" s="1026"/>
      <c r="DJ12" s="1026"/>
      <c r="DK12" s="1027"/>
      <c r="DL12" s="1025"/>
      <c r="DM12" s="1026"/>
      <c r="DN12" s="1026"/>
      <c r="DO12" s="1026"/>
      <c r="DP12" s="1027"/>
      <c r="DQ12" s="1025"/>
      <c r="DR12" s="1026"/>
      <c r="DS12" s="1026"/>
      <c r="DT12" s="1026"/>
      <c r="DU12" s="1027"/>
      <c r="DV12" s="1028"/>
      <c r="DW12" s="1029"/>
      <c r="DX12" s="1029"/>
      <c r="DY12" s="1029"/>
      <c r="DZ12" s="1030"/>
      <c r="EA12" s="230"/>
    </row>
    <row r="13" spans="1:131" s="231" customFormat="1" ht="26.25" customHeight="1" x14ac:dyDescent="0.2">
      <c r="A13" s="234">
        <v>7</v>
      </c>
      <c r="B13" s="1066"/>
      <c r="C13" s="1067"/>
      <c r="D13" s="1067"/>
      <c r="E13" s="1067"/>
      <c r="F13" s="1067"/>
      <c r="G13" s="1067"/>
      <c r="H13" s="1067"/>
      <c r="I13" s="1067"/>
      <c r="J13" s="1067"/>
      <c r="K13" s="1067"/>
      <c r="L13" s="1067"/>
      <c r="M13" s="1067"/>
      <c r="N13" s="1067"/>
      <c r="O13" s="1067"/>
      <c r="P13" s="1068"/>
      <c r="Q13" s="1074"/>
      <c r="R13" s="1075"/>
      <c r="S13" s="1075"/>
      <c r="T13" s="1075"/>
      <c r="U13" s="1075"/>
      <c r="V13" s="1075"/>
      <c r="W13" s="1075"/>
      <c r="X13" s="1075"/>
      <c r="Y13" s="1075"/>
      <c r="Z13" s="1075"/>
      <c r="AA13" s="1075"/>
      <c r="AB13" s="1075"/>
      <c r="AC13" s="1075"/>
      <c r="AD13" s="1075"/>
      <c r="AE13" s="1076"/>
      <c r="AF13" s="1071"/>
      <c r="AG13" s="1072"/>
      <c r="AH13" s="1072"/>
      <c r="AI13" s="1072"/>
      <c r="AJ13" s="1073"/>
      <c r="AK13" s="1116"/>
      <c r="AL13" s="1117"/>
      <c r="AM13" s="1117"/>
      <c r="AN13" s="1117"/>
      <c r="AO13" s="1117"/>
      <c r="AP13" s="1117"/>
      <c r="AQ13" s="1117"/>
      <c r="AR13" s="1117"/>
      <c r="AS13" s="1117"/>
      <c r="AT13" s="1117"/>
      <c r="AU13" s="1118"/>
      <c r="AV13" s="1118"/>
      <c r="AW13" s="1118"/>
      <c r="AX13" s="1118"/>
      <c r="AY13" s="1119"/>
      <c r="AZ13" s="228"/>
      <c r="BA13" s="228"/>
      <c r="BB13" s="228"/>
      <c r="BC13" s="228"/>
      <c r="BD13" s="228"/>
      <c r="BE13" s="229"/>
      <c r="BF13" s="229"/>
      <c r="BG13" s="229"/>
      <c r="BH13" s="229"/>
      <c r="BI13" s="229"/>
      <c r="BJ13" s="229"/>
      <c r="BK13" s="229"/>
      <c r="BL13" s="229"/>
      <c r="BM13" s="229"/>
      <c r="BN13" s="229"/>
      <c r="BO13" s="229"/>
      <c r="BP13" s="229"/>
      <c r="BQ13" s="234">
        <v>7</v>
      </c>
      <c r="BR13" s="235"/>
      <c r="BS13" s="1028"/>
      <c r="BT13" s="1029"/>
      <c r="BU13" s="1029"/>
      <c r="BV13" s="1029"/>
      <c r="BW13" s="1029"/>
      <c r="BX13" s="1029"/>
      <c r="BY13" s="1029"/>
      <c r="BZ13" s="1029"/>
      <c r="CA13" s="1029"/>
      <c r="CB13" s="1029"/>
      <c r="CC13" s="1029"/>
      <c r="CD13" s="1029"/>
      <c r="CE13" s="1029"/>
      <c r="CF13" s="1029"/>
      <c r="CG13" s="1050"/>
      <c r="CH13" s="1025"/>
      <c r="CI13" s="1026"/>
      <c r="CJ13" s="1026"/>
      <c r="CK13" s="1026"/>
      <c r="CL13" s="1027"/>
      <c r="CM13" s="1025"/>
      <c r="CN13" s="1026"/>
      <c r="CO13" s="1026"/>
      <c r="CP13" s="1026"/>
      <c r="CQ13" s="1027"/>
      <c r="CR13" s="1025"/>
      <c r="CS13" s="1026"/>
      <c r="CT13" s="1026"/>
      <c r="CU13" s="1026"/>
      <c r="CV13" s="1027"/>
      <c r="CW13" s="1025"/>
      <c r="CX13" s="1026"/>
      <c r="CY13" s="1026"/>
      <c r="CZ13" s="1026"/>
      <c r="DA13" s="1027"/>
      <c r="DB13" s="1025"/>
      <c r="DC13" s="1026"/>
      <c r="DD13" s="1026"/>
      <c r="DE13" s="1026"/>
      <c r="DF13" s="1027"/>
      <c r="DG13" s="1025"/>
      <c r="DH13" s="1026"/>
      <c r="DI13" s="1026"/>
      <c r="DJ13" s="1026"/>
      <c r="DK13" s="1027"/>
      <c r="DL13" s="1025"/>
      <c r="DM13" s="1026"/>
      <c r="DN13" s="1026"/>
      <c r="DO13" s="1026"/>
      <c r="DP13" s="1027"/>
      <c r="DQ13" s="1025"/>
      <c r="DR13" s="1026"/>
      <c r="DS13" s="1026"/>
      <c r="DT13" s="1026"/>
      <c r="DU13" s="1027"/>
      <c r="DV13" s="1028"/>
      <c r="DW13" s="1029"/>
      <c r="DX13" s="1029"/>
      <c r="DY13" s="1029"/>
      <c r="DZ13" s="1030"/>
      <c r="EA13" s="230"/>
    </row>
    <row r="14" spans="1:131" s="231" customFormat="1" ht="26.25" customHeight="1" x14ac:dyDescent="0.2">
      <c r="A14" s="234">
        <v>8</v>
      </c>
      <c r="B14" s="1066"/>
      <c r="C14" s="1067"/>
      <c r="D14" s="1067"/>
      <c r="E14" s="1067"/>
      <c r="F14" s="1067"/>
      <c r="G14" s="1067"/>
      <c r="H14" s="1067"/>
      <c r="I14" s="1067"/>
      <c r="J14" s="1067"/>
      <c r="K14" s="1067"/>
      <c r="L14" s="1067"/>
      <c r="M14" s="1067"/>
      <c r="N14" s="1067"/>
      <c r="O14" s="1067"/>
      <c r="P14" s="1068"/>
      <c r="Q14" s="1074"/>
      <c r="R14" s="1075"/>
      <c r="S14" s="1075"/>
      <c r="T14" s="1075"/>
      <c r="U14" s="1075"/>
      <c r="V14" s="1075"/>
      <c r="W14" s="1075"/>
      <c r="X14" s="1075"/>
      <c r="Y14" s="1075"/>
      <c r="Z14" s="1075"/>
      <c r="AA14" s="1075"/>
      <c r="AB14" s="1075"/>
      <c r="AC14" s="1075"/>
      <c r="AD14" s="1075"/>
      <c r="AE14" s="1076"/>
      <c r="AF14" s="1071"/>
      <c r="AG14" s="1072"/>
      <c r="AH14" s="1072"/>
      <c r="AI14" s="1072"/>
      <c r="AJ14" s="1073"/>
      <c r="AK14" s="1116"/>
      <c r="AL14" s="1117"/>
      <c r="AM14" s="1117"/>
      <c r="AN14" s="1117"/>
      <c r="AO14" s="1117"/>
      <c r="AP14" s="1117"/>
      <c r="AQ14" s="1117"/>
      <c r="AR14" s="1117"/>
      <c r="AS14" s="1117"/>
      <c r="AT14" s="1117"/>
      <c r="AU14" s="1118"/>
      <c r="AV14" s="1118"/>
      <c r="AW14" s="1118"/>
      <c r="AX14" s="1118"/>
      <c r="AY14" s="1119"/>
      <c r="AZ14" s="228"/>
      <c r="BA14" s="228"/>
      <c r="BB14" s="228"/>
      <c r="BC14" s="228"/>
      <c r="BD14" s="228"/>
      <c r="BE14" s="229"/>
      <c r="BF14" s="229"/>
      <c r="BG14" s="229"/>
      <c r="BH14" s="229"/>
      <c r="BI14" s="229"/>
      <c r="BJ14" s="229"/>
      <c r="BK14" s="229"/>
      <c r="BL14" s="229"/>
      <c r="BM14" s="229"/>
      <c r="BN14" s="229"/>
      <c r="BO14" s="229"/>
      <c r="BP14" s="229"/>
      <c r="BQ14" s="234">
        <v>8</v>
      </c>
      <c r="BR14" s="235"/>
      <c r="BS14" s="1028"/>
      <c r="BT14" s="1029"/>
      <c r="BU14" s="1029"/>
      <c r="BV14" s="1029"/>
      <c r="BW14" s="1029"/>
      <c r="BX14" s="1029"/>
      <c r="BY14" s="1029"/>
      <c r="BZ14" s="1029"/>
      <c r="CA14" s="1029"/>
      <c r="CB14" s="1029"/>
      <c r="CC14" s="1029"/>
      <c r="CD14" s="1029"/>
      <c r="CE14" s="1029"/>
      <c r="CF14" s="1029"/>
      <c r="CG14" s="1050"/>
      <c r="CH14" s="1025"/>
      <c r="CI14" s="1026"/>
      <c r="CJ14" s="1026"/>
      <c r="CK14" s="1026"/>
      <c r="CL14" s="1027"/>
      <c r="CM14" s="1025"/>
      <c r="CN14" s="1026"/>
      <c r="CO14" s="1026"/>
      <c r="CP14" s="1026"/>
      <c r="CQ14" s="1027"/>
      <c r="CR14" s="1025"/>
      <c r="CS14" s="1026"/>
      <c r="CT14" s="1026"/>
      <c r="CU14" s="1026"/>
      <c r="CV14" s="1027"/>
      <c r="CW14" s="1025"/>
      <c r="CX14" s="1026"/>
      <c r="CY14" s="1026"/>
      <c r="CZ14" s="1026"/>
      <c r="DA14" s="1027"/>
      <c r="DB14" s="1025"/>
      <c r="DC14" s="1026"/>
      <c r="DD14" s="1026"/>
      <c r="DE14" s="1026"/>
      <c r="DF14" s="1027"/>
      <c r="DG14" s="1025"/>
      <c r="DH14" s="1026"/>
      <c r="DI14" s="1026"/>
      <c r="DJ14" s="1026"/>
      <c r="DK14" s="1027"/>
      <c r="DL14" s="1025"/>
      <c r="DM14" s="1026"/>
      <c r="DN14" s="1026"/>
      <c r="DO14" s="1026"/>
      <c r="DP14" s="1027"/>
      <c r="DQ14" s="1025"/>
      <c r="DR14" s="1026"/>
      <c r="DS14" s="1026"/>
      <c r="DT14" s="1026"/>
      <c r="DU14" s="1027"/>
      <c r="DV14" s="1028"/>
      <c r="DW14" s="1029"/>
      <c r="DX14" s="1029"/>
      <c r="DY14" s="1029"/>
      <c r="DZ14" s="1030"/>
      <c r="EA14" s="230"/>
    </row>
    <row r="15" spans="1:131" s="231" customFormat="1" ht="26.25" customHeight="1" x14ac:dyDescent="0.2">
      <c r="A15" s="234">
        <v>9</v>
      </c>
      <c r="B15" s="1066"/>
      <c r="C15" s="1067"/>
      <c r="D15" s="1067"/>
      <c r="E15" s="1067"/>
      <c r="F15" s="1067"/>
      <c r="G15" s="1067"/>
      <c r="H15" s="1067"/>
      <c r="I15" s="1067"/>
      <c r="J15" s="1067"/>
      <c r="K15" s="1067"/>
      <c r="L15" s="1067"/>
      <c r="M15" s="1067"/>
      <c r="N15" s="1067"/>
      <c r="O15" s="1067"/>
      <c r="P15" s="1068"/>
      <c r="Q15" s="1074"/>
      <c r="R15" s="1075"/>
      <c r="S15" s="1075"/>
      <c r="T15" s="1075"/>
      <c r="U15" s="1075"/>
      <c r="V15" s="1075"/>
      <c r="W15" s="1075"/>
      <c r="X15" s="1075"/>
      <c r="Y15" s="1075"/>
      <c r="Z15" s="1075"/>
      <c r="AA15" s="1075"/>
      <c r="AB15" s="1075"/>
      <c r="AC15" s="1075"/>
      <c r="AD15" s="1075"/>
      <c r="AE15" s="1076"/>
      <c r="AF15" s="1071"/>
      <c r="AG15" s="1072"/>
      <c r="AH15" s="1072"/>
      <c r="AI15" s="1072"/>
      <c r="AJ15" s="1073"/>
      <c r="AK15" s="1116"/>
      <c r="AL15" s="1117"/>
      <c r="AM15" s="1117"/>
      <c r="AN15" s="1117"/>
      <c r="AO15" s="1117"/>
      <c r="AP15" s="1117"/>
      <c r="AQ15" s="1117"/>
      <c r="AR15" s="1117"/>
      <c r="AS15" s="1117"/>
      <c r="AT15" s="1117"/>
      <c r="AU15" s="1118"/>
      <c r="AV15" s="1118"/>
      <c r="AW15" s="1118"/>
      <c r="AX15" s="1118"/>
      <c r="AY15" s="1119"/>
      <c r="AZ15" s="228"/>
      <c r="BA15" s="228"/>
      <c r="BB15" s="228"/>
      <c r="BC15" s="228"/>
      <c r="BD15" s="228"/>
      <c r="BE15" s="229"/>
      <c r="BF15" s="229"/>
      <c r="BG15" s="229"/>
      <c r="BH15" s="229"/>
      <c r="BI15" s="229"/>
      <c r="BJ15" s="229"/>
      <c r="BK15" s="229"/>
      <c r="BL15" s="229"/>
      <c r="BM15" s="229"/>
      <c r="BN15" s="229"/>
      <c r="BO15" s="229"/>
      <c r="BP15" s="229"/>
      <c r="BQ15" s="234">
        <v>9</v>
      </c>
      <c r="BR15" s="235"/>
      <c r="BS15" s="1028"/>
      <c r="BT15" s="1029"/>
      <c r="BU15" s="1029"/>
      <c r="BV15" s="1029"/>
      <c r="BW15" s="1029"/>
      <c r="BX15" s="1029"/>
      <c r="BY15" s="1029"/>
      <c r="BZ15" s="1029"/>
      <c r="CA15" s="1029"/>
      <c r="CB15" s="1029"/>
      <c r="CC15" s="1029"/>
      <c r="CD15" s="1029"/>
      <c r="CE15" s="1029"/>
      <c r="CF15" s="1029"/>
      <c r="CG15" s="1050"/>
      <c r="CH15" s="1025"/>
      <c r="CI15" s="1026"/>
      <c r="CJ15" s="1026"/>
      <c r="CK15" s="1026"/>
      <c r="CL15" s="1027"/>
      <c r="CM15" s="1025"/>
      <c r="CN15" s="1026"/>
      <c r="CO15" s="1026"/>
      <c r="CP15" s="1026"/>
      <c r="CQ15" s="1027"/>
      <c r="CR15" s="1025"/>
      <c r="CS15" s="1026"/>
      <c r="CT15" s="1026"/>
      <c r="CU15" s="1026"/>
      <c r="CV15" s="1027"/>
      <c r="CW15" s="1025"/>
      <c r="CX15" s="1026"/>
      <c r="CY15" s="1026"/>
      <c r="CZ15" s="1026"/>
      <c r="DA15" s="1027"/>
      <c r="DB15" s="1025"/>
      <c r="DC15" s="1026"/>
      <c r="DD15" s="1026"/>
      <c r="DE15" s="1026"/>
      <c r="DF15" s="1027"/>
      <c r="DG15" s="1025"/>
      <c r="DH15" s="1026"/>
      <c r="DI15" s="1026"/>
      <c r="DJ15" s="1026"/>
      <c r="DK15" s="1027"/>
      <c r="DL15" s="1025"/>
      <c r="DM15" s="1026"/>
      <c r="DN15" s="1026"/>
      <c r="DO15" s="1026"/>
      <c r="DP15" s="1027"/>
      <c r="DQ15" s="1025"/>
      <c r="DR15" s="1026"/>
      <c r="DS15" s="1026"/>
      <c r="DT15" s="1026"/>
      <c r="DU15" s="1027"/>
      <c r="DV15" s="1028"/>
      <c r="DW15" s="1029"/>
      <c r="DX15" s="1029"/>
      <c r="DY15" s="1029"/>
      <c r="DZ15" s="1030"/>
      <c r="EA15" s="230"/>
    </row>
    <row r="16" spans="1:131" s="231" customFormat="1" ht="26.25" customHeight="1" x14ac:dyDescent="0.2">
      <c r="A16" s="234">
        <v>10</v>
      </c>
      <c r="B16" s="1066"/>
      <c r="C16" s="1067"/>
      <c r="D16" s="1067"/>
      <c r="E16" s="1067"/>
      <c r="F16" s="1067"/>
      <c r="G16" s="1067"/>
      <c r="H16" s="1067"/>
      <c r="I16" s="1067"/>
      <c r="J16" s="1067"/>
      <c r="K16" s="1067"/>
      <c r="L16" s="1067"/>
      <c r="M16" s="1067"/>
      <c r="N16" s="1067"/>
      <c r="O16" s="1067"/>
      <c r="P16" s="1068"/>
      <c r="Q16" s="1074"/>
      <c r="R16" s="1075"/>
      <c r="S16" s="1075"/>
      <c r="T16" s="1075"/>
      <c r="U16" s="1075"/>
      <c r="V16" s="1075"/>
      <c r="W16" s="1075"/>
      <c r="X16" s="1075"/>
      <c r="Y16" s="1075"/>
      <c r="Z16" s="1075"/>
      <c r="AA16" s="1075"/>
      <c r="AB16" s="1075"/>
      <c r="AC16" s="1075"/>
      <c r="AD16" s="1075"/>
      <c r="AE16" s="1076"/>
      <c r="AF16" s="1071"/>
      <c r="AG16" s="1072"/>
      <c r="AH16" s="1072"/>
      <c r="AI16" s="1072"/>
      <c r="AJ16" s="1073"/>
      <c r="AK16" s="1116"/>
      <c r="AL16" s="1117"/>
      <c r="AM16" s="1117"/>
      <c r="AN16" s="1117"/>
      <c r="AO16" s="1117"/>
      <c r="AP16" s="1117"/>
      <c r="AQ16" s="1117"/>
      <c r="AR16" s="1117"/>
      <c r="AS16" s="1117"/>
      <c r="AT16" s="1117"/>
      <c r="AU16" s="1118"/>
      <c r="AV16" s="1118"/>
      <c r="AW16" s="1118"/>
      <c r="AX16" s="1118"/>
      <c r="AY16" s="1119"/>
      <c r="AZ16" s="228"/>
      <c r="BA16" s="228"/>
      <c r="BB16" s="228"/>
      <c r="BC16" s="228"/>
      <c r="BD16" s="228"/>
      <c r="BE16" s="229"/>
      <c r="BF16" s="229"/>
      <c r="BG16" s="229"/>
      <c r="BH16" s="229"/>
      <c r="BI16" s="229"/>
      <c r="BJ16" s="229"/>
      <c r="BK16" s="229"/>
      <c r="BL16" s="229"/>
      <c r="BM16" s="229"/>
      <c r="BN16" s="229"/>
      <c r="BO16" s="229"/>
      <c r="BP16" s="229"/>
      <c r="BQ16" s="234">
        <v>10</v>
      </c>
      <c r="BR16" s="235"/>
      <c r="BS16" s="1028"/>
      <c r="BT16" s="1029"/>
      <c r="BU16" s="1029"/>
      <c r="BV16" s="1029"/>
      <c r="BW16" s="1029"/>
      <c r="BX16" s="1029"/>
      <c r="BY16" s="1029"/>
      <c r="BZ16" s="1029"/>
      <c r="CA16" s="1029"/>
      <c r="CB16" s="1029"/>
      <c r="CC16" s="1029"/>
      <c r="CD16" s="1029"/>
      <c r="CE16" s="1029"/>
      <c r="CF16" s="1029"/>
      <c r="CG16" s="1050"/>
      <c r="CH16" s="1025"/>
      <c r="CI16" s="1026"/>
      <c r="CJ16" s="1026"/>
      <c r="CK16" s="1026"/>
      <c r="CL16" s="1027"/>
      <c r="CM16" s="1025"/>
      <c r="CN16" s="1026"/>
      <c r="CO16" s="1026"/>
      <c r="CP16" s="1026"/>
      <c r="CQ16" s="1027"/>
      <c r="CR16" s="1025"/>
      <c r="CS16" s="1026"/>
      <c r="CT16" s="1026"/>
      <c r="CU16" s="1026"/>
      <c r="CV16" s="1027"/>
      <c r="CW16" s="1025"/>
      <c r="CX16" s="1026"/>
      <c r="CY16" s="1026"/>
      <c r="CZ16" s="1026"/>
      <c r="DA16" s="1027"/>
      <c r="DB16" s="1025"/>
      <c r="DC16" s="1026"/>
      <c r="DD16" s="1026"/>
      <c r="DE16" s="1026"/>
      <c r="DF16" s="1027"/>
      <c r="DG16" s="1025"/>
      <c r="DH16" s="1026"/>
      <c r="DI16" s="1026"/>
      <c r="DJ16" s="1026"/>
      <c r="DK16" s="1027"/>
      <c r="DL16" s="1025"/>
      <c r="DM16" s="1026"/>
      <c r="DN16" s="1026"/>
      <c r="DO16" s="1026"/>
      <c r="DP16" s="1027"/>
      <c r="DQ16" s="1025"/>
      <c r="DR16" s="1026"/>
      <c r="DS16" s="1026"/>
      <c r="DT16" s="1026"/>
      <c r="DU16" s="1027"/>
      <c r="DV16" s="1028"/>
      <c r="DW16" s="1029"/>
      <c r="DX16" s="1029"/>
      <c r="DY16" s="1029"/>
      <c r="DZ16" s="1030"/>
      <c r="EA16" s="230"/>
    </row>
    <row r="17" spans="1:131" s="231" customFormat="1" ht="26.25" customHeight="1" x14ac:dyDescent="0.2">
      <c r="A17" s="234">
        <v>11</v>
      </c>
      <c r="B17" s="1066"/>
      <c r="C17" s="1067"/>
      <c r="D17" s="1067"/>
      <c r="E17" s="1067"/>
      <c r="F17" s="1067"/>
      <c r="G17" s="1067"/>
      <c r="H17" s="1067"/>
      <c r="I17" s="1067"/>
      <c r="J17" s="1067"/>
      <c r="K17" s="1067"/>
      <c r="L17" s="1067"/>
      <c r="M17" s="1067"/>
      <c r="N17" s="1067"/>
      <c r="O17" s="1067"/>
      <c r="P17" s="1068"/>
      <c r="Q17" s="1074"/>
      <c r="R17" s="1075"/>
      <c r="S17" s="1075"/>
      <c r="T17" s="1075"/>
      <c r="U17" s="1075"/>
      <c r="V17" s="1075"/>
      <c r="W17" s="1075"/>
      <c r="X17" s="1075"/>
      <c r="Y17" s="1075"/>
      <c r="Z17" s="1075"/>
      <c r="AA17" s="1075"/>
      <c r="AB17" s="1075"/>
      <c r="AC17" s="1075"/>
      <c r="AD17" s="1075"/>
      <c r="AE17" s="1076"/>
      <c r="AF17" s="1071"/>
      <c r="AG17" s="1072"/>
      <c r="AH17" s="1072"/>
      <c r="AI17" s="1072"/>
      <c r="AJ17" s="1073"/>
      <c r="AK17" s="1116"/>
      <c r="AL17" s="1117"/>
      <c r="AM17" s="1117"/>
      <c r="AN17" s="1117"/>
      <c r="AO17" s="1117"/>
      <c r="AP17" s="1117"/>
      <c r="AQ17" s="1117"/>
      <c r="AR17" s="1117"/>
      <c r="AS17" s="1117"/>
      <c r="AT17" s="1117"/>
      <c r="AU17" s="1118"/>
      <c r="AV17" s="1118"/>
      <c r="AW17" s="1118"/>
      <c r="AX17" s="1118"/>
      <c r="AY17" s="1119"/>
      <c r="AZ17" s="228"/>
      <c r="BA17" s="228"/>
      <c r="BB17" s="228"/>
      <c r="BC17" s="228"/>
      <c r="BD17" s="228"/>
      <c r="BE17" s="229"/>
      <c r="BF17" s="229"/>
      <c r="BG17" s="229"/>
      <c r="BH17" s="229"/>
      <c r="BI17" s="229"/>
      <c r="BJ17" s="229"/>
      <c r="BK17" s="229"/>
      <c r="BL17" s="229"/>
      <c r="BM17" s="229"/>
      <c r="BN17" s="229"/>
      <c r="BO17" s="229"/>
      <c r="BP17" s="229"/>
      <c r="BQ17" s="234">
        <v>11</v>
      </c>
      <c r="BR17" s="235"/>
      <c r="BS17" s="1028"/>
      <c r="BT17" s="1029"/>
      <c r="BU17" s="1029"/>
      <c r="BV17" s="1029"/>
      <c r="BW17" s="1029"/>
      <c r="BX17" s="1029"/>
      <c r="BY17" s="1029"/>
      <c r="BZ17" s="1029"/>
      <c r="CA17" s="1029"/>
      <c r="CB17" s="1029"/>
      <c r="CC17" s="1029"/>
      <c r="CD17" s="1029"/>
      <c r="CE17" s="1029"/>
      <c r="CF17" s="1029"/>
      <c r="CG17" s="1050"/>
      <c r="CH17" s="1025"/>
      <c r="CI17" s="1026"/>
      <c r="CJ17" s="1026"/>
      <c r="CK17" s="1026"/>
      <c r="CL17" s="1027"/>
      <c r="CM17" s="1025"/>
      <c r="CN17" s="1026"/>
      <c r="CO17" s="1026"/>
      <c r="CP17" s="1026"/>
      <c r="CQ17" s="1027"/>
      <c r="CR17" s="1025"/>
      <c r="CS17" s="1026"/>
      <c r="CT17" s="1026"/>
      <c r="CU17" s="1026"/>
      <c r="CV17" s="1027"/>
      <c r="CW17" s="1025"/>
      <c r="CX17" s="1026"/>
      <c r="CY17" s="1026"/>
      <c r="CZ17" s="1026"/>
      <c r="DA17" s="1027"/>
      <c r="DB17" s="1025"/>
      <c r="DC17" s="1026"/>
      <c r="DD17" s="1026"/>
      <c r="DE17" s="1026"/>
      <c r="DF17" s="1027"/>
      <c r="DG17" s="1025"/>
      <c r="DH17" s="1026"/>
      <c r="DI17" s="1026"/>
      <c r="DJ17" s="1026"/>
      <c r="DK17" s="1027"/>
      <c r="DL17" s="1025"/>
      <c r="DM17" s="1026"/>
      <c r="DN17" s="1026"/>
      <c r="DO17" s="1026"/>
      <c r="DP17" s="1027"/>
      <c r="DQ17" s="1025"/>
      <c r="DR17" s="1026"/>
      <c r="DS17" s="1026"/>
      <c r="DT17" s="1026"/>
      <c r="DU17" s="1027"/>
      <c r="DV17" s="1028"/>
      <c r="DW17" s="1029"/>
      <c r="DX17" s="1029"/>
      <c r="DY17" s="1029"/>
      <c r="DZ17" s="1030"/>
      <c r="EA17" s="230"/>
    </row>
    <row r="18" spans="1:131" s="231" customFormat="1" ht="26.25" customHeight="1" x14ac:dyDescent="0.2">
      <c r="A18" s="234">
        <v>12</v>
      </c>
      <c r="B18" s="1066"/>
      <c r="C18" s="1067"/>
      <c r="D18" s="1067"/>
      <c r="E18" s="1067"/>
      <c r="F18" s="1067"/>
      <c r="G18" s="1067"/>
      <c r="H18" s="1067"/>
      <c r="I18" s="1067"/>
      <c r="J18" s="1067"/>
      <c r="K18" s="1067"/>
      <c r="L18" s="1067"/>
      <c r="M18" s="1067"/>
      <c r="N18" s="1067"/>
      <c r="O18" s="1067"/>
      <c r="P18" s="1068"/>
      <c r="Q18" s="1074"/>
      <c r="R18" s="1075"/>
      <c r="S18" s="1075"/>
      <c r="T18" s="1075"/>
      <c r="U18" s="1075"/>
      <c r="V18" s="1075"/>
      <c r="W18" s="1075"/>
      <c r="X18" s="1075"/>
      <c r="Y18" s="1075"/>
      <c r="Z18" s="1075"/>
      <c r="AA18" s="1075"/>
      <c r="AB18" s="1075"/>
      <c r="AC18" s="1075"/>
      <c r="AD18" s="1075"/>
      <c r="AE18" s="1076"/>
      <c r="AF18" s="1071"/>
      <c r="AG18" s="1072"/>
      <c r="AH18" s="1072"/>
      <c r="AI18" s="1072"/>
      <c r="AJ18" s="1073"/>
      <c r="AK18" s="1116"/>
      <c r="AL18" s="1117"/>
      <c r="AM18" s="1117"/>
      <c r="AN18" s="1117"/>
      <c r="AO18" s="1117"/>
      <c r="AP18" s="1117"/>
      <c r="AQ18" s="1117"/>
      <c r="AR18" s="1117"/>
      <c r="AS18" s="1117"/>
      <c r="AT18" s="1117"/>
      <c r="AU18" s="1118"/>
      <c r="AV18" s="1118"/>
      <c r="AW18" s="1118"/>
      <c r="AX18" s="1118"/>
      <c r="AY18" s="1119"/>
      <c r="AZ18" s="228"/>
      <c r="BA18" s="228"/>
      <c r="BB18" s="228"/>
      <c r="BC18" s="228"/>
      <c r="BD18" s="228"/>
      <c r="BE18" s="229"/>
      <c r="BF18" s="229"/>
      <c r="BG18" s="229"/>
      <c r="BH18" s="229"/>
      <c r="BI18" s="229"/>
      <c r="BJ18" s="229"/>
      <c r="BK18" s="229"/>
      <c r="BL18" s="229"/>
      <c r="BM18" s="229"/>
      <c r="BN18" s="229"/>
      <c r="BO18" s="229"/>
      <c r="BP18" s="229"/>
      <c r="BQ18" s="234">
        <v>12</v>
      </c>
      <c r="BR18" s="235"/>
      <c r="BS18" s="1028"/>
      <c r="BT18" s="1029"/>
      <c r="BU18" s="1029"/>
      <c r="BV18" s="1029"/>
      <c r="BW18" s="1029"/>
      <c r="BX18" s="1029"/>
      <c r="BY18" s="1029"/>
      <c r="BZ18" s="1029"/>
      <c r="CA18" s="1029"/>
      <c r="CB18" s="1029"/>
      <c r="CC18" s="1029"/>
      <c r="CD18" s="1029"/>
      <c r="CE18" s="1029"/>
      <c r="CF18" s="1029"/>
      <c r="CG18" s="1050"/>
      <c r="CH18" s="1025"/>
      <c r="CI18" s="1026"/>
      <c r="CJ18" s="1026"/>
      <c r="CK18" s="1026"/>
      <c r="CL18" s="1027"/>
      <c r="CM18" s="1025"/>
      <c r="CN18" s="1026"/>
      <c r="CO18" s="1026"/>
      <c r="CP18" s="1026"/>
      <c r="CQ18" s="1027"/>
      <c r="CR18" s="1025"/>
      <c r="CS18" s="1026"/>
      <c r="CT18" s="1026"/>
      <c r="CU18" s="1026"/>
      <c r="CV18" s="1027"/>
      <c r="CW18" s="1025"/>
      <c r="CX18" s="1026"/>
      <c r="CY18" s="1026"/>
      <c r="CZ18" s="1026"/>
      <c r="DA18" s="1027"/>
      <c r="DB18" s="1025"/>
      <c r="DC18" s="1026"/>
      <c r="DD18" s="1026"/>
      <c r="DE18" s="1026"/>
      <c r="DF18" s="1027"/>
      <c r="DG18" s="1025"/>
      <c r="DH18" s="1026"/>
      <c r="DI18" s="1026"/>
      <c r="DJ18" s="1026"/>
      <c r="DK18" s="1027"/>
      <c r="DL18" s="1025"/>
      <c r="DM18" s="1026"/>
      <c r="DN18" s="1026"/>
      <c r="DO18" s="1026"/>
      <c r="DP18" s="1027"/>
      <c r="DQ18" s="1025"/>
      <c r="DR18" s="1026"/>
      <c r="DS18" s="1026"/>
      <c r="DT18" s="1026"/>
      <c r="DU18" s="1027"/>
      <c r="DV18" s="1028"/>
      <c r="DW18" s="1029"/>
      <c r="DX18" s="1029"/>
      <c r="DY18" s="1029"/>
      <c r="DZ18" s="1030"/>
      <c r="EA18" s="230"/>
    </row>
    <row r="19" spans="1:131" s="231" customFormat="1" ht="26.25" customHeight="1" x14ac:dyDescent="0.2">
      <c r="A19" s="234">
        <v>13</v>
      </c>
      <c r="B19" s="1066"/>
      <c r="C19" s="1067"/>
      <c r="D19" s="1067"/>
      <c r="E19" s="1067"/>
      <c r="F19" s="1067"/>
      <c r="G19" s="1067"/>
      <c r="H19" s="1067"/>
      <c r="I19" s="1067"/>
      <c r="J19" s="1067"/>
      <c r="K19" s="1067"/>
      <c r="L19" s="1067"/>
      <c r="M19" s="1067"/>
      <c r="N19" s="1067"/>
      <c r="O19" s="1067"/>
      <c r="P19" s="1068"/>
      <c r="Q19" s="1074"/>
      <c r="R19" s="1075"/>
      <c r="S19" s="1075"/>
      <c r="T19" s="1075"/>
      <c r="U19" s="1075"/>
      <c r="V19" s="1075"/>
      <c r="W19" s="1075"/>
      <c r="X19" s="1075"/>
      <c r="Y19" s="1075"/>
      <c r="Z19" s="1075"/>
      <c r="AA19" s="1075"/>
      <c r="AB19" s="1075"/>
      <c r="AC19" s="1075"/>
      <c r="AD19" s="1075"/>
      <c r="AE19" s="1076"/>
      <c r="AF19" s="1071"/>
      <c r="AG19" s="1072"/>
      <c r="AH19" s="1072"/>
      <c r="AI19" s="1072"/>
      <c r="AJ19" s="1073"/>
      <c r="AK19" s="1116"/>
      <c r="AL19" s="1117"/>
      <c r="AM19" s="1117"/>
      <c r="AN19" s="1117"/>
      <c r="AO19" s="1117"/>
      <c r="AP19" s="1117"/>
      <c r="AQ19" s="1117"/>
      <c r="AR19" s="1117"/>
      <c r="AS19" s="1117"/>
      <c r="AT19" s="1117"/>
      <c r="AU19" s="1118"/>
      <c r="AV19" s="1118"/>
      <c r="AW19" s="1118"/>
      <c r="AX19" s="1118"/>
      <c r="AY19" s="1119"/>
      <c r="AZ19" s="228"/>
      <c r="BA19" s="228"/>
      <c r="BB19" s="228"/>
      <c r="BC19" s="228"/>
      <c r="BD19" s="228"/>
      <c r="BE19" s="229"/>
      <c r="BF19" s="229"/>
      <c r="BG19" s="229"/>
      <c r="BH19" s="229"/>
      <c r="BI19" s="229"/>
      <c r="BJ19" s="229"/>
      <c r="BK19" s="229"/>
      <c r="BL19" s="229"/>
      <c r="BM19" s="229"/>
      <c r="BN19" s="229"/>
      <c r="BO19" s="229"/>
      <c r="BP19" s="229"/>
      <c r="BQ19" s="234">
        <v>13</v>
      </c>
      <c r="BR19" s="235"/>
      <c r="BS19" s="1028"/>
      <c r="BT19" s="1029"/>
      <c r="BU19" s="1029"/>
      <c r="BV19" s="1029"/>
      <c r="BW19" s="1029"/>
      <c r="BX19" s="1029"/>
      <c r="BY19" s="1029"/>
      <c r="BZ19" s="1029"/>
      <c r="CA19" s="1029"/>
      <c r="CB19" s="1029"/>
      <c r="CC19" s="1029"/>
      <c r="CD19" s="1029"/>
      <c r="CE19" s="1029"/>
      <c r="CF19" s="1029"/>
      <c r="CG19" s="1050"/>
      <c r="CH19" s="1025"/>
      <c r="CI19" s="1026"/>
      <c r="CJ19" s="1026"/>
      <c r="CK19" s="1026"/>
      <c r="CL19" s="1027"/>
      <c r="CM19" s="1025"/>
      <c r="CN19" s="1026"/>
      <c r="CO19" s="1026"/>
      <c r="CP19" s="1026"/>
      <c r="CQ19" s="1027"/>
      <c r="CR19" s="1025"/>
      <c r="CS19" s="1026"/>
      <c r="CT19" s="1026"/>
      <c r="CU19" s="1026"/>
      <c r="CV19" s="1027"/>
      <c r="CW19" s="1025"/>
      <c r="CX19" s="1026"/>
      <c r="CY19" s="1026"/>
      <c r="CZ19" s="1026"/>
      <c r="DA19" s="1027"/>
      <c r="DB19" s="1025"/>
      <c r="DC19" s="1026"/>
      <c r="DD19" s="1026"/>
      <c r="DE19" s="1026"/>
      <c r="DF19" s="1027"/>
      <c r="DG19" s="1025"/>
      <c r="DH19" s="1026"/>
      <c r="DI19" s="1026"/>
      <c r="DJ19" s="1026"/>
      <c r="DK19" s="1027"/>
      <c r="DL19" s="1025"/>
      <c r="DM19" s="1026"/>
      <c r="DN19" s="1026"/>
      <c r="DO19" s="1026"/>
      <c r="DP19" s="1027"/>
      <c r="DQ19" s="1025"/>
      <c r="DR19" s="1026"/>
      <c r="DS19" s="1026"/>
      <c r="DT19" s="1026"/>
      <c r="DU19" s="1027"/>
      <c r="DV19" s="1028"/>
      <c r="DW19" s="1029"/>
      <c r="DX19" s="1029"/>
      <c r="DY19" s="1029"/>
      <c r="DZ19" s="1030"/>
      <c r="EA19" s="230"/>
    </row>
    <row r="20" spans="1:131" s="231" customFormat="1" ht="26.25" customHeight="1" x14ac:dyDescent="0.2">
      <c r="A20" s="234">
        <v>14</v>
      </c>
      <c r="B20" s="1066"/>
      <c r="C20" s="1067"/>
      <c r="D20" s="1067"/>
      <c r="E20" s="1067"/>
      <c r="F20" s="1067"/>
      <c r="G20" s="1067"/>
      <c r="H20" s="1067"/>
      <c r="I20" s="1067"/>
      <c r="J20" s="1067"/>
      <c r="K20" s="1067"/>
      <c r="L20" s="1067"/>
      <c r="M20" s="1067"/>
      <c r="N20" s="1067"/>
      <c r="O20" s="1067"/>
      <c r="P20" s="1068"/>
      <c r="Q20" s="1074"/>
      <c r="R20" s="1075"/>
      <c r="S20" s="1075"/>
      <c r="T20" s="1075"/>
      <c r="U20" s="1075"/>
      <c r="V20" s="1075"/>
      <c r="W20" s="1075"/>
      <c r="X20" s="1075"/>
      <c r="Y20" s="1075"/>
      <c r="Z20" s="1075"/>
      <c r="AA20" s="1075"/>
      <c r="AB20" s="1075"/>
      <c r="AC20" s="1075"/>
      <c r="AD20" s="1075"/>
      <c r="AE20" s="1076"/>
      <c r="AF20" s="1071"/>
      <c r="AG20" s="1072"/>
      <c r="AH20" s="1072"/>
      <c r="AI20" s="1072"/>
      <c r="AJ20" s="1073"/>
      <c r="AK20" s="1116"/>
      <c r="AL20" s="1117"/>
      <c r="AM20" s="1117"/>
      <c r="AN20" s="1117"/>
      <c r="AO20" s="1117"/>
      <c r="AP20" s="1117"/>
      <c r="AQ20" s="1117"/>
      <c r="AR20" s="1117"/>
      <c r="AS20" s="1117"/>
      <c r="AT20" s="1117"/>
      <c r="AU20" s="1118"/>
      <c r="AV20" s="1118"/>
      <c r="AW20" s="1118"/>
      <c r="AX20" s="1118"/>
      <c r="AY20" s="1119"/>
      <c r="AZ20" s="228"/>
      <c r="BA20" s="228"/>
      <c r="BB20" s="228"/>
      <c r="BC20" s="228"/>
      <c r="BD20" s="228"/>
      <c r="BE20" s="229"/>
      <c r="BF20" s="229"/>
      <c r="BG20" s="229"/>
      <c r="BH20" s="229"/>
      <c r="BI20" s="229"/>
      <c r="BJ20" s="229"/>
      <c r="BK20" s="229"/>
      <c r="BL20" s="229"/>
      <c r="BM20" s="229"/>
      <c r="BN20" s="229"/>
      <c r="BO20" s="229"/>
      <c r="BP20" s="229"/>
      <c r="BQ20" s="234">
        <v>14</v>
      </c>
      <c r="BR20" s="235"/>
      <c r="BS20" s="1028"/>
      <c r="BT20" s="1029"/>
      <c r="BU20" s="1029"/>
      <c r="BV20" s="1029"/>
      <c r="BW20" s="1029"/>
      <c r="BX20" s="1029"/>
      <c r="BY20" s="1029"/>
      <c r="BZ20" s="1029"/>
      <c r="CA20" s="1029"/>
      <c r="CB20" s="1029"/>
      <c r="CC20" s="1029"/>
      <c r="CD20" s="1029"/>
      <c r="CE20" s="1029"/>
      <c r="CF20" s="1029"/>
      <c r="CG20" s="1050"/>
      <c r="CH20" s="1025"/>
      <c r="CI20" s="1026"/>
      <c r="CJ20" s="1026"/>
      <c r="CK20" s="1026"/>
      <c r="CL20" s="1027"/>
      <c r="CM20" s="1025"/>
      <c r="CN20" s="1026"/>
      <c r="CO20" s="1026"/>
      <c r="CP20" s="1026"/>
      <c r="CQ20" s="1027"/>
      <c r="CR20" s="1025"/>
      <c r="CS20" s="1026"/>
      <c r="CT20" s="1026"/>
      <c r="CU20" s="1026"/>
      <c r="CV20" s="1027"/>
      <c r="CW20" s="1025"/>
      <c r="CX20" s="1026"/>
      <c r="CY20" s="1026"/>
      <c r="CZ20" s="1026"/>
      <c r="DA20" s="1027"/>
      <c r="DB20" s="1025"/>
      <c r="DC20" s="1026"/>
      <c r="DD20" s="1026"/>
      <c r="DE20" s="1026"/>
      <c r="DF20" s="1027"/>
      <c r="DG20" s="1025"/>
      <c r="DH20" s="1026"/>
      <c r="DI20" s="1026"/>
      <c r="DJ20" s="1026"/>
      <c r="DK20" s="1027"/>
      <c r="DL20" s="1025"/>
      <c r="DM20" s="1026"/>
      <c r="DN20" s="1026"/>
      <c r="DO20" s="1026"/>
      <c r="DP20" s="1027"/>
      <c r="DQ20" s="1025"/>
      <c r="DR20" s="1026"/>
      <c r="DS20" s="1026"/>
      <c r="DT20" s="1026"/>
      <c r="DU20" s="1027"/>
      <c r="DV20" s="1028"/>
      <c r="DW20" s="1029"/>
      <c r="DX20" s="1029"/>
      <c r="DY20" s="1029"/>
      <c r="DZ20" s="1030"/>
      <c r="EA20" s="230"/>
    </row>
    <row r="21" spans="1:131" s="231" customFormat="1" ht="26.25" customHeight="1" thickBot="1" x14ac:dyDescent="0.25">
      <c r="A21" s="234">
        <v>15</v>
      </c>
      <c r="B21" s="1066"/>
      <c r="C21" s="1067"/>
      <c r="D21" s="1067"/>
      <c r="E21" s="1067"/>
      <c r="F21" s="1067"/>
      <c r="G21" s="1067"/>
      <c r="H21" s="1067"/>
      <c r="I21" s="1067"/>
      <c r="J21" s="1067"/>
      <c r="K21" s="1067"/>
      <c r="L21" s="1067"/>
      <c r="M21" s="1067"/>
      <c r="N21" s="1067"/>
      <c r="O21" s="1067"/>
      <c r="P21" s="1068"/>
      <c r="Q21" s="1074"/>
      <c r="R21" s="1075"/>
      <c r="S21" s="1075"/>
      <c r="T21" s="1075"/>
      <c r="U21" s="1075"/>
      <c r="V21" s="1075"/>
      <c r="W21" s="1075"/>
      <c r="X21" s="1075"/>
      <c r="Y21" s="1075"/>
      <c r="Z21" s="1075"/>
      <c r="AA21" s="1075"/>
      <c r="AB21" s="1075"/>
      <c r="AC21" s="1075"/>
      <c r="AD21" s="1075"/>
      <c r="AE21" s="1076"/>
      <c r="AF21" s="1071"/>
      <c r="AG21" s="1072"/>
      <c r="AH21" s="1072"/>
      <c r="AI21" s="1072"/>
      <c r="AJ21" s="1073"/>
      <c r="AK21" s="1116"/>
      <c r="AL21" s="1117"/>
      <c r="AM21" s="1117"/>
      <c r="AN21" s="1117"/>
      <c r="AO21" s="1117"/>
      <c r="AP21" s="1117"/>
      <c r="AQ21" s="1117"/>
      <c r="AR21" s="1117"/>
      <c r="AS21" s="1117"/>
      <c r="AT21" s="1117"/>
      <c r="AU21" s="1118"/>
      <c r="AV21" s="1118"/>
      <c r="AW21" s="1118"/>
      <c r="AX21" s="1118"/>
      <c r="AY21" s="1119"/>
      <c r="AZ21" s="228"/>
      <c r="BA21" s="228"/>
      <c r="BB21" s="228"/>
      <c r="BC21" s="228"/>
      <c r="BD21" s="228"/>
      <c r="BE21" s="229"/>
      <c r="BF21" s="229"/>
      <c r="BG21" s="229"/>
      <c r="BH21" s="229"/>
      <c r="BI21" s="229"/>
      <c r="BJ21" s="229"/>
      <c r="BK21" s="229"/>
      <c r="BL21" s="229"/>
      <c r="BM21" s="229"/>
      <c r="BN21" s="229"/>
      <c r="BO21" s="229"/>
      <c r="BP21" s="229"/>
      <c r="BQ21" s="234">
        <v>15</v>
      </c>
      <c r="BR21" s="235"/>
      <c r="BS21" s="1028"/>
      <c r="BT21" s="1029"/>
      <c r="BU21" s="1029"/>
      <c r="BV21" s="1029"/>
      <c r="BW21" s="1029"/>
      <c r="BX21" s="1029"/>
      <c r="BY21" s="1029"/>
      <c r="BZ21" s="1029"/>
      <c r="CA21" s="1029"/>
      <c r="CB21" s="1029"/>
      <c r="CC21" s="1029"/>
      <c r="CD21" s="1029"/>
      <c r="CE21" s="1029"/>
      <c r="CF21" s="1029"/>
      <c r="CG21" s="1050"/>
      <c r="CH21" s="1025"/>
      <c r="CI21" s="1026"/>
      <c r="CJ21" s="1026"/>
      <c r="CK21" s="1026"/>
      <c r="CL21" s="1027"/>
      <c r="CM21" s="1025"/>
      <c r="CN21" s="1026"/>
      <c r="CO21" s="1026"/>
      <c r="CP21" s="1026"/>
      <c r="CQ21" s="1027"/>
      <c r="CR21" s="1025"/>
      <c r="CS21" s="1026"/>
      <c r="CT21" s="1026"/>
      <c r="CU21" s="1026"/>
      <c r="CV21" s="1027"/>
      <c r="CW21" s="1025"/>
      <c r="CX21" s="1026"/>
      <c r="CY21" s="1026"/>
      <c r="CZ21" s="1026"/>
      <c r="DA21" s="1027"/>
      <c r="DB21" s="1025"/>
      <c r="DC21" s="1026"/>
      <c r="DD21" s="1026"/>
      <c r="DE21" s="1026"/>
      <c r="DF21" s="1027"/>
      <c r="DG21" s="1025"/>
      <c r="DH21" s="1026"/>
      <c r="DI21" s="1026"/>
      <c r="DJ21" s="1026"/>
      <c r="DK21" s="1027"/>
      <c r="DL21" s="1025"/>
      <c r="DM21" s="1026"/>
      <c r="DN21" s="1026"/>
      <c r="DO21" s="1026"/>
      <c r="DP21" s="1027"/>
      <c r="DQ21" s="1025"/>
      <c r="DR21" s="1026"/>
      <c r="DS21" s="1026"/>
      <c r="DT21" s="1026"/>
      <c r="DU21" s="1027"/>
      <c r="DV21" s="1028"/>
      <c r="DW21" s="1029"/>
      <c r="DX21" s="1029"/>
      <c r="DY21" s="1029"/>
      <c r="DZ21" s="1030"/>
      <c r="EA21" s="230"/>
    </row>
    <row r="22" spans="1:131" s="231" customFormat="1" ht="26.25" customHeight="1" x14ac:dyDescent="0.2">
      <c r="A22" s="234">
        <v>16</v>
      </c>
      <c r="B22" s="1066"/>
      <c r="C22" s="1067"/>
      <c r="D22" s="1067"/>
      <c r="E22" s="1067"/>
      <c r="F22" s="1067"/>
      <c r="G22" s="1067"/>
      <c r="H22" s="1067"/>
      <c r="I22" s="1067"/>
      <c r="J22" s="1067"/>
      <c r="K22" s="1067"/>
      <c r="L22" s="1067"/>
      <c r="M22" s="1067"/>
      <c r="N22" s="1067"/>
      <c r="O22" s="1067"/>
      <c r="P22" s="1068"/>
      <c r="Q22" s="1109"/>
      <c r="R22" s="1110"/>
      <c r="S22" s="1110"/>
      <c r="T22" s="1110"/>
      <c r="U22" s="1110"/>
      <c r="V22" s="1110"/>
      <c r="W22" s="1110"/>
      <c r="X22" s="1110"/>
      <c r="Y22" s="1110"/>
      <c r="Z22" s="1110"/>
      <c r="AA22" s="1110"/>
      <c r="AB22" s="1110"/>
      <c r="AC22" s="1110"/>
      <c r="AD22" s="1110"/>
      <c r="AE22" s="1111"/>
      <c r="AF22" s="1071"/>
      <c r="AG22" s="1072"/>
      <c r="AH22" s="1072"/>
      <c r="AI22" s="1072"/>
      <c r="AJ22" s="1073"/>
      <c r="AK22" s="1112"/>
      <c r="AL22" s="1113"/>
      <c r="AM22" s="1113"/>
      <c r="AN22" s="1113"/>
      <c r="AO22" s="1113"/>
      <c r="AP22" s="1113"/>
      <c r="AQ22" s="1113"/>
      <c r="AR22" s="1113"/>
      <c r="AS22" s="1113"/>
      <c r="AT22" s="1113"/>
      <c r="AU22" s="1114"/>
      <c r="AV22" s="1114"/>
      <c r="AW22" s="1114"/>
      <c r="AX22" s="1114"/>
      <c r="AY22" s="1115"/>
      <c r="AZ22" s="1064" t="s">
        <v>397</v>
      </c>
      <c r="BA22" s="1064"/>
      <c r="BB22" s="1064"/>
      <c r="BC22" s="1064"/>
      <c r="BD22" s="1065"/>
      <c r="BE22" s="229"/>
      <c r="BF22" s="229"/>
      <c r="BG22" s="229"/>
      <c r="BH22" s="229"/>
      <c r="BI22" s="229"/>
      <c r="BJ22" s="229"/>
      <c r="BK22" s="229"/>
      <c r="BL22" s="229"/>
      <c r="BM22" s="229"/>
      <c r="BN22" s="229"/>
      <c r="BO22" s="229"/>
      <c r="BP22" s="229"/>
      <c r="BQ22" s="234">
        <v>16</v>
      </c>
      <c r="BR22" s="235"/>
      <c r="BS22" s="1028"/>
      <c r="BT22" s="1029"/>
      <c r="BU22" s="1029"/>
      <c r="BV22" s="1029"/>
      <c r="BW22" s="1029"/>
      <c r="BX22" s="1029"/>
      <c r="BY22" s="1029"/>
      <c r="BZ22" s="1029"/>
      <c r="CA22" s="1029"/>
      <c r="CB22" s="1029"/>
      <c r="CC22" s="1029"/>
      <c r="CD22" s="1029"/>
      <c r="CE22" s="1029"/>
      <c r="CF22" s="1029"/>
      <c r="CG22" s="1050"/>
      <c r="CH22" s="1025"/>
      <c r="CI22" s="1026"/>
      <c r="CJ22" s="1026"/>
      <c r="CK22" s="1026"/>
      <c r="CL22" s="1027"/>
      <c r="CM22" s="1025"/>
      <c r="CN22" s="1026"/>
      <c r="CO22" s="1026"/>
      <c r="CP22" s="1026"/>
      <c r="CQ22" s="1027"/>
      <c r="CR22" s="1025"/>
      <c r="CS22" s="1026"/>
      <c r="CT22" s="1026"/>
      <c r="CU22" s="1026"/>
      <c r="CV22" s="1027"/>
      <c r="CW22" s="1025"/>
      <c r="CX22" s="1026"/>
      <c r="CY22" s="1026"/>
      <c r="CZ22" s="1026"/>
      <c r="DA22" s="1027"/>
      <c r="DB22" s="1025"/>
      <c r="DC22" s="1026"/>
      <c r="DD22" s="1026"/>
      <c r="DE22" s="1026"/>
      <c r="DF22" s="1027"/>
      <c r="DG22" s="1025"/>
      <c r="DH22" s="1026"/>
      <c r="DI22" s="1026"/>
      <c r="DJ22" s="1026"/>
      <c r="DK22" s="1027"/>
      <c r="DL22" s="1025"/>
      <c r="DM22" s="1026"/>
      <c r="DN22" s="1026"/>
      <c r="DO22" s="1026"/>
      <c r="DP22" s="1027"/>
      <c r="DQ22" s="1025"/>
      <c r="DR22" s="1026"/>
      <c r="DS22" s="1026"/>
      <c r="DT22" s="1026"/>
      <c r="DU22" s="1027"/>
      <c r="DV22" s="1028"/>
      <c r="DW22" s="1029"/>
      <c r="DX22" s="1029"/>
      <c r="DY22" s="1029"/>
      <c r="DZ22" s="1030"/>
      <c r="EA22" s="230"/>
    </row>
    <row r="23" spans="1:131" s="231" customFormat="1" ht="26.25" customHeight="1" thickBot="1" x14ac:dyDescent="0.25">
      <c r="A23" s="236" t="s">
        <v>398</v>
      </c>
      <c r="B23" s="973" t="s">
        <v>399</v>
      </c>
      <c r="C23" s="974"/>
      <c r="D23" s="974"/>
      <c r="E23" s="974"/>
      <c r="F23" s="974"/>
      <c r="G23" s="974"/>
      <c r="H23" s="974"/>
      <c r="I23" s="974"/>
      <c r="J23" s="974"/>
      <c r="K23" s="974"/>
      <c r="L23" s="974"/>
      <c r="M23" s="974"/>
      <c r="N23" s="974"/>
      <c r="O23" s="974"/>
      <c r="P23" s="984"/>
      <c r="Q23" s="1103">
        <v>4303</v>
      </c>
      <c r="R23" s="1097"/>
      <c r="S23" s="1097"/>
      <c r="T23" s="1097"/>
      <c r="U23" s="1097"/>
      <c r="V23" s="1097">
        <v>4121</v>
      </c>
      <c r="W23" s="1097"/>
      <c r="X23" s="1097"/>
      <c r="Y23" s="1097"/>
      <c r="Z23" s="1097"/>
      <c r="AA23" s="1097">
        <v>182</v>
      </c>
      <c r="AB23" s="1097"/>
      <c r="AC23" s="1097"/>
      <c r="AD23" s="1097"/>
      <c r="AE23" s="1104"/>
      <c r="AF23" s="1105">
        <v>182</v>
      </c>
      <c r="AG23" s="1097"/>
      <c r="AH23" s="1097"/>
      <c r="AI23" s="1097"/>
      <c r="AJ23" s="1106"/>
      <c r="AK23" s="1107"/>
      <c r="AL23" s="1108"/>
      <c r="AM23" s="1108"/>
      <c r="AN23" s="1108"/>
      <c r="AO23" s="1108"/>
      <c r="AP23" s="1097">
        <v>3263</v>
      </c>
      <c r="AQ23" s="1097"/>
      <c r="AR23" s="1097"/>
      <c r="AS23" s="1097"/>
      <c r="AT23" s="1097"/>
      <c r="AU23" s="1098"/>
      <c r="AV23" s="1098"/>
      <c r="AW23" s="1098"/>
      <c r="AX23" s="1098"/>
      <c r="AY23" s="1099"/>
      <c r="AZ23" s="1100" t="s">
        <v>400</v>
      </c>
      <c r="BA23" s="1101"/>
      <c r="BB23" s="1101"/>
      <c r="BC23" s="1101"/>
      <c r="BD23" s="1102"/>
      <c r="BE23" s="229"/>
      <c r="BF23" s="229"/>
      <c r="BG23" s="229"/>
      <c r="BH23" s="229"/>
      <c r="BI23" s="229"/>
      <c r="BJ23" s="229"/>
      <c r="BK23" s="229"/>
      <c r="BL23" s="229"/>
      <c r="BM23" s="229"/>
      <c r="BN23" s="229"/>
      <c r="BO23" s="229"/>
      <c r="BP23" s="229"/>
      <c r="BQ23" s="234">
        <v>17</v>
      </c>
      <c r="BR23" s="235"/>
      <c r="BS23" s="1028"/>
      <c r="BT23" s="1029"/>
      <c r="BU23" s="1029"/>
      <c r="BV23" s="1029"/>
      <c r="BW23" s="1029"/>
      <c r="BX23" s="1029"/>
      <c r="BY23" s="1029"/>
      <c r="BZ23" s="1029"/>
      <c r="CA23" s="1029"/>
      <c r="CB23" s="1029"/>
      <c r="CC23" s="1029"/>
      <c r="CD23" s="1029"/>
      <c r="CE23" s="1029"/>
      <c r="CF23" s="1029"/>
      <c r="CG23" s="1050"/>
      <c r="CH23" s="1025"/>
      <c r="CI23" s="1026"/>
      <c r="CJ23" s="1026"/>
      <c r="CK23" s="1026"/>
      <c r="CL23" s="1027"/>
      <c r="CM23" s="1025"/>
      <c r="CN23" s="1026"/>
      <c r="CO23" s="1026"/>
      <c r="CP23" s="1026"/>
      <c r="CQ23" s="1027"/>
      <c r="CR23" s="1025"/>
      <c r="CS23" s="1026"/>
      <c r="CT23" s="1026"/>
      <c r="CU23" s="1026"/>
      <c r="CV23" s="1027"/>
      <c r="CW23" s="1025"/>
      <c r="CX23" s="1026"/>
      <c r="CY23" s="1026"/>
      <c r="CZ23" s="1026"/>
      <c r="DA23" s="1027"/>
      <c r="DB23" s="1025"/>
      <c r="DC23" s="1026"/>
      <c r="DD23" s="1026"/>
      <c r="DE23" s="1026"/>
      <c r="DF23" s="1027"/>
      <c r="DG23" s="1025"/>
      <c r="DH23" s="1026"/>
      <c r="DI23" s="1026"/>
      <c r="DJ23" s="1026"/>
      <c r="DK23" s="1027"/>
      <c r="DL23" s="1025"/>
      <c r="DM23" s="1026"/>
      <c r="DN23" s="1026"/>
      <c r="DO23" s="1026"/>
      <c r="DP23" s="1027"/>
      <c r="DQ23" s="1025"/>
      <c r="DR23" s="1026"/>
      <c r="DS23" s="1026"/>
      <c r="DT23" s="1026"/>
      <c r="DU23" s="1027"/>
      <c r="DV23" s="1028"/>
      <c r="DW23" s="1029"/>
      <c r="DX23" s="1029"/>
      <c r="DY23" s="1029"/>
      <c r="DZ23" s="1030"/>
      <c r="EA23" s="230"/>
    </row>
    <row r="24" spans="1:131" s="231" customFormat="1" ht="26.25" customHeight="1" x14ac:dyDescent="0.2">
      <c r="A24" s="1096" t="s">
        <v>401</v>
      </c>
      <c r="B24" s="1096"/>
      <c r="C24" s="1096"/>
      <c r="D24" s="1096"/>
      <c r="E24" s="1096"/>
      <c r="F24" s="1096"/>
      <c r="G24" s="1096"/>
      <c r="H24" s="1096"/>
      <c r="I24" s="1096"/>
      <c r="J24" s="1096"/>
      <c r="K24" s="1096"/>
      <c r="L24" s="1096"/>
      <c r="M24" s="1096"/>
      <c r="N24" s="1096"/>
      <c r="O24" s="1096"/>
      <c r="P24" s="1096"/>
      <c r="Q24" s="1096"/>
      <c r="R24" s="1096"/>
      <c r="S24" s="1096"/>
      <c r="T24" s="1096"/>
      <c r="U24" s="1096"/>
      <c r="V24" s="1096"/>
      <c r="W24" s="1096"/>
      <c r="X24" s="1096"/>
      <c r="Y24" s="1096"/>
      <c r="Z24" s="1096"/>
      <c r="AA24" s="1096"/>
      <c r="AB24" s="1096"/>
      <c r="AC24" s="1096"/>
      <c r="AD24" s="1096"/>
      <c r="AE24" s="1096"/>
      <c r="AF24" s="1096"/>
      <c r="AG24" s="1096"/>
      <c r="AH24" s="1096"/>
      <c r="AI24" s="1096"/>
      <c r="AJ24" s="1096"/>
      <c r="AK24" s="1096"/>
      <c r="AL24" s="1096"/>
      <c r="AM24" s="1096"/>
      <c r="AN24" s="1096"/>
      <c r="AO24" s="1096"/>
      <c r="AP24" s="1096"/>
      <c r="AQ24" s="1096"/>
      <c r="AR24" s="1096"/>
      <c r="AS24" s="1096"/>
      <c r="AT24" s="1096"/>
      <c r="AU24" s="1096"/>
      <c r="AV24" s="1096"/>
      <c r="AW24" s="1096"/>
      <c r="AX24" s="1096"/>
      <c r="AY24" s="1096"/>
      <c r="AZ24" s="228"/>
      <c r="BA24" s="228"/>
      <c r="BB24" s="228"/>
      <c r="BC24" s="228"/>
      <c r="BD24" s="228"/>
      <c r="BE24" s="229"/>
      <c r="BF24" s="229"/>
      <c r="BG24" s="229"/>
      <c r="BH24" s="229"/>
      <c r="BI24" s="229"/>
      <c r="BJ24" s="229"/>
      <c r="BK24" s="229"/>
      <c r="BL24" s="229"/>
      <c r="BM24" s="229"/>
      <c r="BN24" s="229"/>
      <c r="BO24" s="229"/>
      <c r="BP24" s="229"/>
      <c r="BQ24" s="234">
        <v>18</v>
      </c>
      <c r="BR24" s="235"/>
      <c r="BS24" s="1028"/>
      <c r="BT24" s="1029"/>
      <c r="BU24" s="1029"/>
      <c r="BV24" s="1029"/>
      <c r="BW24" s="1029"/>
      <c r="BX24" s="1029"/>
      <c r="BY24" s="1029"/>
      <c r="BZ24" s="1029"/>
      <c r="CA24" s="1029"/>
      <c r="CB24" s="1029"/>
      <c r="CC24" s="1029"/>
      <c r="CD24" s="1029"/>
      <c r="CE24" s="1029"/>
      <c r="CF24" s="1029"/>
      <c r="CG24" s="1050"/>
      <c r="CH24" s="1025"/>
      <c r="CI24" s="1026"/>
      <c r="CJ24" s="1026"/>
      <c r="CK24" s="1026"/>
      <c r="CL24" s="1027"/>
      <c r="CM24" s="1025"/>
      <c r="CN24" s="1026"/>
      <c r="CO24" s="1026"/>
      <c r="CP24" s="1026"/>
      <c r="CQ24" s="1027"/>
      <c r="CR24" s="1025"/>
      <c r="CS24" s="1026"/>
      <c r="CT24" s="1026"/>
      <c r="CU24" s="1026"/>
      <c r="CV24" s="1027"/>
      <c r="CW24" s="1025"/>
      <c r="CX24" s="1026"/>
      <c r="CY24" s="1026"/>
      <c r="CZ24" s="1026"/>
      <c r="DA24" s="1027"/>
      <c r="DB24" s="1025"/>
      <c r="DC24" s="1026"/>
      <c r="DD24" s="1026"/>
      <c r="DE24" s="1026"/>
      <c r="DF24" s="1027"/>
      <c r="DG24" s="1025"/>
      <c r="DH24" s="1026"/>
      <c r="DI24" s="1026"/>
      <c r="DJ24" s="1026"/>
      <c r="DK24" s="1027"/>
      <c r="DL24" s="1025"/>
      <c r="DM24" s="1026"/>
      <c r="DN24" s="1026"/>
      <c r="DO24" s="1026"/>
      <c r="DP24" s="1027"/>
      <c r="DQ24" s="1025"/>
      <c r="DR24" s="1026"/>
      <c r="DS24" s="1026"/>
      <c r="DT24" s="1026"/>
      <c r="DU24" s="1027"/>
      <c r="DV24" s="1028"/>
      <c r="DW24" s="1029"/>
      <c r="DX24" s="1029"/>
      <c r="DY24" s="1029"/>
      <c r="DZ24" s="1030"/>
      <c r="EA24" s="230"/>
    </row>
    <row r="25" spans="1:131" ht="26.25" customHeight="1" thickBot="1" x14ac:dyDescent="0.25">
      <c r="A25" s="1095" t="s">
        <v>402</v>
      </c>
      <c r="B25" s="1095"/>
      <c r="C25" s="1095"/>
      <c r="D25" s="1095"/>
      <c r="E25" s="1095"/>
      <c r="F25" s="1095"/>
      <c r="G25" s="1095"/>
      <c r="H25" s="1095"/>
      <c r="I25" s="1095"/>
      <c r="J25" s="1095"/>
      <c r="K25" s="1095"/>
      <c r="L25" s="1095"/>
      <c r="M25" s="1095"/>
      <c r="N25" s="1095"/>
      <c r="O25" s="1095"/>
      <c r="P25" s="1095"/>
      <c r="Q25" s="1095"/>
      <c r="R25" s="1095"/>
      <c r="S25" s="1095"/>
      <c r="T25" s="1095"/>
      <c r="U25" s="1095"/>
      <c r="V25" s="1095"/>
      <c r="W25" s="1095"/>
      <c r="X25" s="1095"/>
      <c r="Y25" s="1095"/>
      <c r="Z25" s="1095"/>
      <c r="AA25" s="1095"/>
      <c r="AB25" s="1095"/>
      <c r="AC25" s="1095"/>
      <c r="AD25" s="1095"/>
      <c r="AE25" s="1095"/>
      <c r="AF25" s="1095"/>
      <c r="AG25" s="1095"/>
      <c r="AH25" s="1095"/>
      <c r="AI25" s="1095"/>
      <c r="AJ25" s="1095"/>
      <c r="AK25" s="1095"/>
      <c r="AL25" s="1095"/>
      <c r="AM25" s="1095"/>
      <c r="AN25" s="1095"/>
      <c r="AO25" s="1095"/>
      <c r="AP25" s="1095"/>
      <c r="AQ25" s="1095"/>
      <c r="AR25" s="1095"/>
      <c r="AS25" s="1095"/>
      <c r="AT25" s="1095"/>
      <c r="AU25" s="1095"/>
      <c r="AV25" s="1095"/>
      <c r="AW25" s="1095"/>
      <c r="AX25" s="1095"/>
      <c r="AY25" s="1095"/>
      <c r="AZ25" s="1095"/>
      <c r="BA25" s="1095"/>
      <c r="BB25" s="1095"/>
      <c r="BC25" s="1095"/>
      <c r="BD25" s="1095"/>
      <c r="BE25" s="1095"/>
      <c r="BF25" s="1095"/>
      <c r="BG25" s="1095"/>
      <c r="BH25" s="1095"/>
      <c r="BI25" s="1095"/>
      <c r="BJ25" s="228"/>
      <c r="BK25" s="228"/>
      <c r="BL25" s="228"/>
      <c r="BM25" s="228"/>
      <c r="BN25" s="228"/>
      <c r="BO25" s="237"/>
      <c r="BP25" s="237"/>
      <c r="BQ25" s="234">
        <v>19</v>
      </c>
      <c r="BR25" s="235"/>
      <c r="BS25" s="1028"/>
      <c r="BT25" s="1029"/>
      <c r="BU25" s="1029"/>
      <c r="BV25" s="1029"/>
      <c r="BW25" s="1029"/>
      <c r="BX25" s="1029"/>
      <c r="BY25" s="1029"/>
      <c r="BZ25" s="1029"/>
      <c r="CA25" s="1029"/>
      <c r="CB25" s="1029"/>
      <c r="CC25" s="1029"/>
      <c r="CD25" s="1029"/>
      <c r="CE25" s="1029"/>
      <c r="CF25" s="1029"/>
      <c r="CG25" s="1050"/>
      <c r="CH25" s="1025"/>
      <c r="CI25" s="1026"/>
      <c r="CJ25" s="1026"/>
      <c r="CK25" s="1026"/>
      <c r="CL25" s="1027"/>
      <c r="CM25" s="1025"/>
      <c r="CN25" s="1026"/>
      <c r="CO25" s="1026"/>
      <c r="CP25" s="1026"/>
      <c r="CQ25" s="1027"/>
      <c r="CR25" s="1025"/>
      <c r="CS25" s="1026"/>
      <c r="CT25" s="1026"/>
      <c r="CU25" s="1026"/>
      <c r="CV25" s="1027"/>
      <c r="CW25" s="1025"/>
      <c r="CX25" s="1026"/>
      <c r="CY25" s="1026"/>
      <c r="CZ25" s="1026"/>
      <c r="DA25" s="1027"/>
      <c r="DB25" s="1025"/>
      <c r="DC25" s="1026"/>
      <c r="DD25" s="1026"/>
      <c r="DE25" s="1026"/>
      <c r="DF25" s="1027"/>
      <c r="DG25" s="1025"/>
      <c r="DH25" s="1026"/>
      <c r="DI25" s="1026"/>
      <c r="DJ25" s="1026"/>
      <c r="DK25" s="1027"/>
      <c r="DL25" s="1025"/>
      <c r="DM25" s="1026"/>
      <c r="DN25" s="1026"/>
      <c r="DO25" s="1026"/>
      <c r="DP25" s="1027"/>
      <c r="DQ25" s="1025"/>
      <c r="DR25" s="1026"/>
      <c r="DS25" s="1026"/>
      <c r="DT25" s="1026"/>
      <c r="DU25" s="1027"/>
      <c r="DV25" s="1028"/>
      <c r="DW25" s="1029"/>
      <c r="DX25" s="1029"/>
      <c r="DY25" s="1029"/>
      <c r="DZ25" s="1030"/>
      <c r="EA25" s="226"/>
    </row>
    <row r="26" spans="1:131" ht="26.25" customHeight="1" x14ac:dyDescent="0.2">
      <c r="A26" s="1031" t="s">
        <v>378</v>
      </c>
      <c r="B26" s="1032"/>
      <c r="C26" s="1032"/>
      <c r="D26" s="1032"/>
      <c r="E26" s="1032"/>
      <c r="F26" s="1032"/>
      <c r="G26" s="1032"/>
      <c r="H26" s="1032"/>
      <c r="I26" s="1032"/>
      <c r="J26" s="1032"/>
      <c r="K26" s="1032"/>
      <c r="L26" s="1032"/>
      <c r="M26" s="1032"/>
      <c r="N26" s="1032"/>
      <c r="O26" s="1032"/>
      <c r="P26" s="1033"/>
      <c r="Q26" s="1037" t="s">
        <v>403</v>
      </c>
      <c r="R26" s="1038"/>
      <c r="S26" s="1038"/>
      <c r="T26" s="1038"/>
      <c r="U26" s="1039"/>
      <c r="V26" s="1037" t="s">
        <v>404</v>
      </c>
      <c r="W26" s="1038"/>
      <c r="X26" s="1038"/>
      <c r="Y26" s="1038"/>
      <c r="Z26" s="1039"/>
      <c r="AA26" s="1037" t="s">
        <v>405</v>
      </c>
      <c r="AB26" s="1038"/>
      <c r="AC26" s="1038"/>
      <c r="AD26" s="1038"/>
      <c r="AE26" s="1038"/>
      <c r="AF26" s="1091" t="s">
        <v>406</v>
      </c>
      <c r="AG26" s="1044"/>
      <c r="AH26" s="1044"/>
      <c r="AI26" s="1044"/>
      <c r="AJ26" s="1092"/>
      <c r="AK26" s="1038" t="s">
        <v>407</v>
      </c>
      <c r="AL26" s="1038"/>
      <c r="AM26" s="1038"/>
      <c r="AN26" s="1038"/>
      <c r="AO26" s="1039"/>
      <c r="AP26" s="1037" t="s">
        <v>408</v>
      </c>
      <c r="AQ26" s="1038"/>
      <c r="AR26" s="1038"/>
      <c r="AS26" s="1038"/>
      <c r="AT26" s="1039"/>
      <c r="AU26" s="1037" t="s">
        <v>409</v>
      </c>
      <c r="AV26" s="1038"/>
      <c r="AW26" s="1038"/>
      <c r="AX26" s="1038"/>
      <c r="AY26" s="1039"/>
      <c r="AZ26" s="1037" t="s">
        <v>410</v>
      </c>
      <c r="BA26" s="1038"/>
      <c r="BB26" s="1038"/>
      <c r="BC26" s="1038"/>
      <c r="BD26" s="1039"/>
      <c r="BE26" s="1037" t="s">
        <v>385</v>
      </c>
      <c r="BF26" s="1038"/>
      <c r="BG26" s="1038"/>
      <c r="BH26" s="1038"/>
      <c r="BI26" s="1051"/>
      <c r="BJ26" s="228"/>
      <c r="BK26" s="228"/>
      <c r="BL26" s="228"/>
      <c r="BM26" s="228"/>
      <c r="BN26" s="228"/>
      <c r="BO26" s="237"/>
      <c r="BP26" s="237"/>
      <c r="BQ26" s="234">
        <v>20</v>
      </c>
      <c r="BR26" s="235"/>
      <c r="BS26" s="1028"/>
      <c r="BT26" s="1029"/>
      <c r="BU26" s="1029"/>
      <c r="BV26" s="1029"/>
      <c r="BW26" s="1029"/>
      <c r="BX26" s="1029"/>
      <c r="BY26" s="1029"/>
      <c r="BZ26" s="1029"/>
      <c r="CA26" s="1029"/>
      <c r="CB26" s="1029"/>
      <c r="CC26" s="1029"/>
      <c r="CD26" s="1029"/>
      <c r="CE26" s="1029"/>
      <c r="CF26" s="1029"/>
      <c r="CG26" s="1050"/>
      <c r="CH26" s="1025"/>
      <c r="CI26" s="1026"/>
      <c r="CJ26" s="1026"/>
      <c r="CK26" s="1026"/>
      <c r="CL26" s="1027"/>
      <c r="CM26" s="1025"/>
      <c r="CN26" s="1026"/>
      <c r="CO26" s="1026"/>
      <c r="CP26" s="1026"/>
      <c r="CQ26" s="1027"/>
      <c r="CR26" s="1025"/>
      <c r="CS26" s="1026"/>
      <c r="CT26" s="1026"/>
      <c r="CU26" s="1026"/>
      <c r="CV26" s="1027"/>
      <c r="CW26" s="1025"/>
      <c r="CX26" s="1026"/>
      <c r="CY26" s="1026"/>
      <c r="CZ26" s="1026"/>
      <c r="DA26" s="1027"/>
      <c r="DB26" s="1025"/>
      <c r="DC26" s="1026"/>
      <c r="DD26" s="1026"/>
      <c r="DE26" s="1026"/>
      <c r="DF26" s="1027"/>
      <c r="DG26" s="1025"/>
      <c r="DH26" s="1026"/>
      <c r="DI26" s="1026"/>
      <c r="DJ26" s="1026"/>
      <c r="DK26" s="1027"/>
      <c r="DL26" s="1025"/>
      <c r="DM26" s="1026"/>
      <c r="DN26" s="1026"/>
      <c r="DO26" s="1026"/>
      <c r="DP26" s="1027"/>
      <c r="DQ26" s="1025"/>
      <c r="DR26" s="1026"/>
      <c r="DS26" s="1026"/>
      <c r="DT26" s="1026"/>
      <c r="DU26" s="1027"/>
      <c r="DV26" s="1028"/>
      <c r="DW26" s="1029"/>
      <c r="DX26" s="1029"/>
      <c r="DY26" s="1029"/>
      <c r="DZ26" s="1030"/>
      <c r="EA26" s="226"/>
    </row>
    <row r="27" spans="1:131" ht="26.25" customHeight="1" thickBot="1" x14ac:dyDescent="0.25">
      <c r="A27" s="1034"/>
      <c r="B27" s="1035"/>
      <c r="C27" s="1035"/>
      <c r="D27" s="1035"/>
      <c r="E27" s="1035"/>
      <c r="F27" s="1035"/>
      <c r="G27" s="1035"/>
      <c r="H27" s="1035"/>
      <c r="I27" s="1035"/>
      <c r="J27" s="1035"/>
      <c r="K27" s="1035"/>
      <c r="L27" s="1035"/>
      <c r="M27" s="1035"/>
      <c r="N27" s="1035"/>
      <c r="O27" s="1035"/>
      <c r="P27" s="1036"/>
      <c r="Q27" s="1040"/>
      <c r="R27" s="1041"/>
      <c r="S27" s="1041"/>
      <c r="T27" s="1041"/>
      <c r="U27" s="1042"/>
      <c r="V27" s="1040"/>
      <c r="W27" s="1041"/>
      <c r="X27" s="1041"/>
      <c r="Y27" s="1041"/>
      <c r="Z27" s="1042"/>
      <c r="AA27" s="1040"/>
      <c r="AB27" s="1041"/>
      <c r="AC27" s="1041"/>
      <c r="AD27" s="1041"/>
      <c r="AE27" s="1041"/>
      <c r="AF27" s="1093"/>
      <c r="AG27" s="1047"/>
      <c r="AH27" s="1047"/>
      <c r="AI27" s="1047"/>
      <c r="AJ27" s="1094"/>
      <c r="AK27" s="1041"/>
      <c r="AL27" s="1041"/>
      <c r="AM27" s="1041"/>
      <c r="AN27" s="1041"/>
      <c r="AO27" s="1042"/>
      <c r="AP27" s="1040"/>
      <c r="AQ27" s="1041"/>
      <c r="AR27" s="1041"/>
      <c r="AS27" s="1041"/>
      <c r="AT27" s="1042"/>
      <c r="AU27" s="1040"/>
      <c r="AV27" s="1041"/>
      <c r="AW27" s="1041"/>
      <c r="AX27" s="1041"/>
      <c r="AY27" s="1042"/>
      <c r="AZ27" s="1040"/>
      <c r="BA27" s="1041"/>
      <c r="BB27" s="1041"/>
      <c r="BC27" s="1041"/>
      <c r="BD27" s="1042"/>
      <c r="BE27" s="1040"/>
      <c r="BF27" s="1041"/>
      <c r="BG27" s="1041"/>
      <c r="BH27" s="1041"/>
      <c r="BI27" s="1052"/>
      <c r="BJ27" s="228"/>
      <c r="BK27" s="228"/>
      <c r="BL27" s="228"/>
      <c r="BM27" s="228"/>
      <c r="BN27" s="228"/>
      <c r="BO27" s="237"/>
      <c r="BP27" s="237"/>
      <c r="BQ27" s="234">
        <v>21</v>
      </c>
      <c r="BR27" s="235"/>
      <c r="BS27" s="1028"/>
      <c r="BT27" s="1029"/>
      <c r="BU27" s="1029"/>
      <c r="BV27" s="1029"/>
      <c r="BW27" s="1029"/>
      <c r="BX27" s="1029"/>
      <c r="BY27" s="1029"/>
      <c r="BZ27" s="1029"/>
      <c r="CA27" s="1029"/>
      <c r="CB27" s="1029"/>
      <c r="CC27" s="1029"/>
      <c r="CD27" s="1029"/>
      <c r="CE27" s="1029"/>
      <c r="CF27" s="1029"/>
      <c r="CG27" s="1050"/>
      <c r="CH27" s="1025"/>
      <c r="CI27" s="1026"/>
      <c r="CJ27" s="1026"/>
      <c r="CK27" s="1026"/>
      <c r="CL27" s="1027"/>
      <c r="CM27" s="1025"/>
      <c r="CN27" s="1026"/>
      <c r="CO27" s="1026"/>
      <c r="CP27" s="1026"/>
      <c r="CQ27" s="1027"/>
      <c r="CR27" s="1025"/>
      <c r="CS27" s="1026"/>
      <c r="CT27" s="1026"/>
      <c r="CU27" s="1026"/>
      <c r="CV27" s="1027"/>
      <c r="CW27" s="1025"/>
      <c r="CX27" s="1026"/>
      <c r="CY27" s="1026"/>
      <c r="CZ27" s="1026"/>
      <c r="DA27" s="1027"/>
      <c r="DB27" s="1025"/>
      <c r="DC27" s="1026"/>
      <c r="DD27" s="1026"/>
      <c r="DE27" s="1026"/>
      <c r="DF27" s="1027"/>
      <c r="DG27" s="1025"/>
      <c r="DH27" s="1026"/>
      <c r="DI27" s="1026"/>
      <c r="DJ27" s="1026"/>
      <c r="DK27" s="1027"/>
      <c r="DL27" s="1025"/>
      <c r="DM27" s="1026"/>
      <c r="DN27" s="1026"/>
      <c r="DO27" s="1026"/>
      <c r="DP27" s="1027"/>
      <c r="DQ27" s="1025"/>
      <c r="DR27" s="1026"/>
      <c r="DS27" s="1026"/>
      <c r="DT27" s="1026"/>
      <c r="DU27" s="1027"/>
      <c r="DV27" s="1028"/>
      <c r="DW27" s="1029"/>
      <c r="DX27" s="1029"/>
      <c r="DY27" s="1029"/>
      <c r="DZ27" s="1030"/>
      <c r="EA27" s="226"/>
    </row>
    <row r="28" spans="1:131" ht="26.25" customHeight="1" thickTop="1" x14ac:dyDescent="0.2">
      <c r="A28" s="238">
        <v>1</v>
      </c>
      <c r="B28" s="1083" t="s">
        <v>411</v>
      </c>
      <c r="C28" s="1084"/>
      <c r="D28" s="1084"/>
      <c r="E28" s="1084"/>
      <c r="F28" s="1084"/>
      <c r="G28" s="1084"/>
      <c r="H28" s="1084"/>
      <c r="I28" s="1084"/>
      <c r="J28" s="1084"/>
      <c r="K28" s="1084"/>
      <c r="L28" s="1084"/>
      <c r="M28" s="1084"/>
      <c r="N28" s="1084"/>
      <c r="O28" s="1084"/>
      <c r="P28" s="1085"/>
      <c r="Q28" s="1086">
        <v>1064</v>
      </c>
      <c r="R28" s="1087"/>
      <c r="S28" s="1087"/>
      <c r="T28" s="1087"/>
      <c r="U28" s="1087"/>
      <c r="V28" s="1087">
        <v>1043</v>
      </c>
      <c r="W28" s="1087"/>
      <c r="X28" s="1087"/>
      <c r="Y28" s="1087"/>
      <c r="Z28" s="1087"/>
      <c r="AA28" s="1087">
        <v>20</v>
      </c>
      <c r="AB28" s="1087"/>
      <c r="AC28" s="1087"/>
      <c r="AD28" s="1087"/>
      <c r="AE28" s="1088"/>
      <c r="AF28" s="1089">
        <v>20</v>
      </c>
      <c r="AG28" s="1087"/>
      <c r="AH28" s="1087"/>
      <c r="AI28" s="1087"/>
      <c r="AJ28" s="1090"/>
      <c r="AK28" s="1078">
        <v>87</v>
      </c>
      <c r="AL28" s="1079"/>
      <c r="AM28" s="1079"/>
      <c r="AN28" s="1079"/>
      <c r="AO28" s="1079"/>
      <c r="AP28" s="1079"/>
      <c r="AQ28" s="1079"/>
      <c r="AR28" s="1079"/>
      <c r="AS28" s="1079"/>
      <c r="AT28" s="1079"/>
      <c r="AU28" s="1079"/>
      <c r="AV28" s="1079"/>
      <c r="AW28" s="1079"/>
      <c r="AX28" s="1079"/>
      <c r="AY28" s="1079"/>
      <c r="AZ28" s="1080"/>
      <c r="BA28" s="1080"/>
      <c r="BB28" s="1080"/>
      <c r="BC28" s="1080"/>
      <c r="BD28" s="1080"/>
      <c r="BE28" s="1081"/>
      <c r="BF28" s="1081"/>
      <c r="BG28" s="1081"/>
      <c r="BH28" s="1081"/>
      <c r="BI28" s="1082"/>
      <c r="BJ28" s="228"/>
      <c r="BK28" s="228"/>
      <c r="BL28" s="228"/>
      <c r="BM28" s="228"/>
      <c r="BN28" s="228"/>
      <c r="BO28" s="237"/>
      <c r="BP28" s="237"/>
      <c r="BQ28" s="234">
        <v>22</v>
      </c>
      <c r="BR28" s="235"/>
      <c r="BS28" s="1028"/>
      <c r="BT28" s="1029"/>
      <c r="BU28" s="1029"/>
      <c r="BV28" s="1029"/>
      <c r="BW28" s="1029"/>
      <c r="BX28" s="1029"/>
      <c r="BY28" s="1029"/>
      <c r="BZ28" s="1029"/>
      <c r="CA28" s="1029"/>
      <c r="CB28" s="1029"/>
      <c r="CC28" s="1029"/>
      <c r="CD28" s="1029"/>
      <c r="CE28" s="1029"/>
      <c r="CF28" s="1029"/>
      <c r="CG28" s="1050"/>
      <c r="CH28" s="1025"/>
      <c r="CI28" s="1026"/>
      <c r="CJ28" s="1026"/>
      <c r="CK28" s="1026"/>
      <c r="CL28" s="1027"/>
      <c r="CM28" s="1025"/>
      <c r="CN28" s="1026"/>
      <c r="CO28" s="1026"/>
      <c r="CP28" s="1026"/>
      <c r="CQ28" s="1027"/>
      <c r="CR28" s="1025"/>
      <c r="CS28" s="1026"/>
      <c r="CT28" s="1026"/>
      <c r="CU28" s="1026"/>
      <c r="CV28" s="1027"/>
      <c r="CW28" s="1025"/>
      <c r="CX28" s="1026"/>
      <c r="CY28" s="1026"/>
      <c r="CZ28" s="1026"/>
      <c r="DA28" s="1027"/>
      <c r="DB28" s="1025"/>
      <c r="DC28" s="1026"/>
      <c r="DD28" s="1026"/>
      <c r="DE28" s="1026"/>
      <c r="DF28" s="1027"/>
      <c r="DG28" s="1025"/>
      <c r="DH28" s="1026"/>
      <c r="DI28" s="1026"/>
      <c r="DJ28" s="1026"/>
      <c r="DK28" s="1027"/>
      <c r="DL28" s="1025"/>
      <c r="DM28" s="1026"/>
      <c r="DN28" s="1026"/>
      <c r="DO28" s="1026"/>
      <c r="DP28" s="1027"/>
      <c r="DQ28" s="1025"/>
      <c r="DR28" s="1026"/>
      <c r="DS28" s="1026"/>
      <c r="DT28" s="1026"/>
      <c r="DU28" s="1027"/>
      <c r="DV28" s="1028"/>
      <c r="DW28" s="1029"/>
      <c r="DX28" s="1029"/>
      <c r="DY28" s="1029"/>
      <c r="DZ28" s="1030"/>
      <c r="EA28" s="226"/>
    </row>
    <row r="29" spans="1:131" ht="26.25" customHeight="1" x14ac:dyDescent="0.2">
      <c r="A29" s="238">
        <v>2</v>
      </c>
      <c r="B29" s="1066" t="s">
        <v>412</v>
      </c>
      <c r="C29" s="1067"/>
      <c r="D29" s="1067"/>
      <c r="E29" s="1067"/>
      <c r="F29" s="1067"/>
      <c r="G29" s="1067"/>
      <c r="H29" s="1067"/>
      <c r="I29" s="1067"/>
      <c r="J29" s="1067"/>
      <c r="K29" s="1067"/>
      <c r="L29" s="1067"/>
      <c r="M29" s="1067"/>
      <c r="N29" s="1067"/>
      <c r="O29" s="1067"/>
      <c r="P29" s="1068"/>
      <c r="Q29" s="1074">
        <v>95</v>
      </c>
      <c r="R29" s="1075"/>
      <c r="S29" s="1075"/>
      <c r="T29" s="1075"/>
      <c r="U29" s="1075"/>
      <c r="V29" s="1075">
        <v>94</v>
      </c>
      <c r="W29" s="1075"/>
      <c r="X29" s="1075"/>
      <c r="Y29" s="1075"/>
      <c r="Z29" s="1075"/>
      <c r="AA29" s="1075">
        <v>1</v>
      </c>
      <c r="AB29" s="1075"/>
      <c r="AC29" s="1075"/>
      <c r="AD29" s="1075"/>
      <c r="AE29" s="1076"/>
      <c r="AF29" s="1071">
        <v>1</v>
      </c>
      <c r="AG29" s="1072"/>
      <c r="AH29" s="1072"/>
      <c r="AI29" s="1072"/>
      <c r="AJ29" s="1073"/>
      <c r="AK29" s="1016">
        <v>74</v>
      </c>
      <c r="AL29" s="1007"/>
      <c r="AM29" s="1007"/>
      <c r="AN29" s="1007"/>
      <c r="AO29" s="1007"/>
      <c r="AP29" s="1007">
        <v>149</v>
      </c>
      <c r="AQ29" s="1007"/>
      <c r="AR29" s="1007"/>
      <c r="AS29" s="1007"/>
      <c r="AT29" s="1007"/>
      <c r="AU29" s="1007">
        <v>149</v>
      </c>
      <c r="AV29" s="1007"/>
      <c r="AW29" s="1007"/>
      <c r="AX29" s="1007"/>
      <c r="AY29" s="1007"/>
      <c r="AZ29" s="1077"/>
      <c r="BA29" s="1077"/>
      <c r="BB29" s="1077"/>
      <c r="BC29" s="1077"/>
      <c r="BD29" s="1077"/>
      <c r="BE29" s="1008"/>
      <c r="BF29" s="1008"/>
      <c r="BG29" s="1008"/>
      <c r="BH29" s="1008"/>
      <c r="BI29" s="1009"/>
      <c r="BJ29" s="228"/>
      <c r="BK29" s="228"/>
      <c r="BL29" s="228"/>
      <c r="BM29" s="228"/>
      <c r="BN29" s="228"/>
      <c r="BO29" s="237"/>
      <c r="BP29" s="237"/>
      <c r="BQ29" s="234">
        <v>23</v>
      </c>
      <c r="BR29" s="235"/>
      <c r="BS29" s="1028"/>
      <c r="BT29" s="1029"/>
      <c r="BU29" s="1029"/>
      <c r="BV29" s="1029"/>
      <c r="BW29" s="1029"/>
      <c r="BX29" s="1029"/>
      <c r="BY29" s="1029"/>
      <c r="BZ29" s="1029"/>
      <c r="CA29" s="1029"/>
      <c r="CB29" s="1029"/>
      <c r="CC29" s="1029"/>
      <c r="CD29" s="1029"/>
      <c r="CE29" s="1029"/>
      <c r="CF29" s="1029"/>
      <c r="CG29" s="1050"/>
      <c r="CH29" s="1025"/>
      <c r="CI29" s="1026"/>
      <c r="CJ29" s="1026"/>
      <c r="CK29" s="1026"/>
      <c r="CL29" s="1027"/>
      <c r="CM29" s="1025"/>
      <c r="CN29" s="1026"/>
      <c r="CO29" s="1026"/>
      <c r="CP29" s="1026"/>
      <c r="CQ29" s="1027"/>
      <c r="CR29" s="1025"/>
      <c r="CS29" s="1026"/>
      <c r="CT29" s="1026"/>
      <c r="CU29" s="1026"/>
      <c r="CV29" s="1027"/>
      <c r="CW29" s="1025"/>
      <c r="CX29" s="1026"/>
      <c r="CY29" s="1026"/>
      <c r="CZ29" s="1026"/>
      <c r="DA29" s="1027"/>
      <c r="DB29" s="1025"/>
      <c r="DC29" s="1026"/>
      <c r="DD29" s="1026"/>
      <c r="DE29" s="1026"/>
      <c r="DF29" s="1027"/>
      <c r="DG29" s="1025"/>
      <c r="DH29" s="1026"/>
      <c r="DI29" s="1026"/>
      <c r="DJ29" s="1026"/>
      <c r="DK29" s="1027"/>
      <c r="DL29" s="1025"/>
      <c r="DM29" s="1026"/>
      <c r="DN29" s="1026"/>
      <c r="DO29" s="1026"/>
      <c r="DP29" s="1027"/>
      <c r="DQ29" s="1025"/>
      <c r="DR29" s="1026"/>
      <c r="DS29" s="1026"/>
      <c r="DT29" s="1026"/>
      <c r="DU29" s="1027"/>
      <c r="DV29" s="1028"/>
      <c r="DW29" s="1029"/>
      <c r="DX29" s="1029"/>
      <c r="DY29" s="1029"/>
      <c r="DZ29" s="1030"/>
      <c r="EA29" s="226"/>
    </row>
    <row r="30" spans="1:131" ht="26.25" customHeight="1" x14ac:dyDescent="0.2">
      <c r="A30" s="238">
        <v>3</v>
      </c>
      <c r="B30" s="1066" t="s">
        <v>413</v>
      </c>
      <c r="C30" s="1067"/>
      <c r="D30" s="1067"/>
      <c r="E30" s="1067"/>
      <c r="F30" s="1067"/>
      <c r="G30" s="1067"/>
      <c r="H30" s="1067"/>
      <c r="I30" s="1067"/>
      <c r="J30" s="1067"/>
      <c r="K30" s="1067"/>
      <c r="L30" s="1067"/>
      <c r="M30" s="1067"/>
      <c r="N30" s="1067"/>
      <c r="O30" s="1067"/>
      <c r="P30" s="1068"/>
      <c r="Q30" s="1074">
        <v>977</v>
      </c>
      <c r="R30" s="1075"/>
      <c r="S30" s="1075"/>
      <c r="T30" s="1075"/>
      <c r="U30" s="1075"/>
      <c r="V30" s="1075">
        <v>946</v>
      </c>
      <c r="W30" s="1075"/>
      <c r="X30" s="1075"/>
      <c r="Y30" s="1075"/>
      <c r="Z30" s="1075"/>
      <c r="AA30" s="1075">
        <v>32</v>
      </c>
      <c r="AB30" s="1075"/>
      <c r="AC30" s="1075"/>
      <c r="AD30" s="1075"/>
      <c r="AE30" s="1076"/>
      <c r="AF30" s="1071">
        <v>32</v>
      </c>
      <c r="AG30" s="1072"/>
      <c r="AH30" s="1072"/>
      <c r="AI30" s="1072"/>
      <c r="AJ30" s="1073"/>
      <c r="AK30" s="1016">
        <v>157</v>
      </c>
      <c r="AL30" s="1007"/>
      <c r="AM30" s="1007"/>
      <c r="AN30" s="1007"/>
      <c r="AO30" s="1007"/>
      <c r="AP30" s="1007"/>
      <c r="AQ30" s="1007"/>
      <c r="AR30" s="1007"/>
      <c r="AS30" s="1007"/>
      <c r="AT30" s="1007"/>
      <c r="AU30" s="1007"/>
      <c r="AV30" s="1007"/>
      <c r="AW30" s="1007"/>
      <c r="AX30" s="1007"/>
      <c r="AY30" s="1007"/>
      <c r="AZ30" s="1077"/>
      <c r="BA30" s="1077"/>
      <c r="BB30" s="1077"/>
      <c r="BC30" s="1077"/>
      <c r="BD30" s="1077"/>
      <c r="BE30" s="1008"/>
      <c r="BF30" s="1008"/>
      <c r="BG30" s="1008"/>
      <c r="BH30" s="1008"/>
      <c r="BI30" s="1009"/>
      <c r="BJ30" s="228"/>
      <c r="BK30" s="228"/>
      <c r="BL30" s="228"/>
      <c r="BM30" s="228"/>
      <c r="BN30" s="228"/>
      <c r="BO30" s="237"/>
      <c r="BP30" s="237"/>
      <c r="BQ30" s="234">
        <v>24</v>
      </c>
      <c r="BR30" s="235"/>
      <c r="BS30" s="1028"/>
      <c r="BT30" s="1029"/>
      <c r="BU30" s="1029"/>
      <c r="BV30" s="1029"/>
      <c r="BW30" s="1029"/>
      <c r="BX30" s="1029"/>
      <c r="BY30" s="1029"/>
      <c r="BZ30" s="1029"/>
      <c r="CA30" s="1029"/>
      <c r="CB30" s="1029"/>
      <c r="CC30" s="1029"/>
      <c r="CD30" s="1029"/>
      <c r="CE30" s="1029"/>
      <c r="CF30" s="1029"/>
      <c r="CG30" s="1050"/>
      <c r="CH30" s="1025"/>
      <c r="CI30" s="1026"/>
      <c r="CJ30" s="1026"/>
      <c r="CK30" s="1026"/>
      <c r="CL30" s="1027"/>
      <c r="CM30" s="1025"/>
      <c r="CN30" s="1026"/>
      <c r="CO30" s="1026"/>
      <c r="CP30" s="1026"/>
      <c r="CQ30" s="1027"/>
      <c r="CR30" s="1025"/>
      <c r="CS30" s="1026"/>
      <c r="CT30" s="1026"/>
      <c r="CU30" s="1026"/>
      <c r="CV30" s="1027"/>
      <c r="CW30" s="1025"/>
      <c r="CX30" s="1026"/>
      <c r="CY30" s="1026"/>
      <c r="CZ30" s="1026"/>
      <c r="DA30" s="1027"/>
      <c r="DB30" s="1025"/>
      <c r="DC30" s="1026"/>
      <c r="DD30" s="1026"/>
      <c r="DE30" s="1026"/>
      <c r="DF30" s="1027"/>
      <c r="DG30" s="1025"/>
      <c r="DH30" s="1026"/>
      <c r="DI30" s="1026"/>
      <c r="DJ30" s="1026"/>
      <c r="DK30" s="1027"/>
      <c r="DL30" s="1025"/>
      <c r="DM30" s="1026"/>
      <c r="DN30" s="1026"/>
      <c r="DO30" s="1026"/>
      <c r="DP30" s="1027"/>
      <c r="DQ30" s="1025"/>
      <c r="DR30" s="1026"/>
      <c r="DS30" s="1026"/>
      <c r="DT30" s="1026"/>
      <c r="DU30" s="1027"/>
      <c r="DV30" s="1028"/>
      <c r="DW30" s="1029"/>
      <c r="DX30" s="1029"/>
      <c r="DY30" s="1029"/>
      <c r="DZ30" s="1030"/>
      <c r="EA30" s="226"/>
    </row>
    <row r="31" spans="1:131" ht="26.25" customHeight="1" x14ac:dyDescent="0.2">
      <c r="A31" s="238">
        <v>4</v>
      </c>
      <c r="B31" s="1066" t="s">
        <v>414</v>
      </c>
      <c r="C31" s="1067"/>
      <c r="D31" s="1067"/>
      <c r="E31" s="1067"/>
      <c r="F31" s="1067"/>
      <c r="G31" s="1067"/>
      <c r="H31" s="1067"/>
      <c r="I31" s="1067"/>
      <c r="J31" s="1067"/>
      <c r="K31" s="1067"/>
      <c r="L31" s="1067"/>
      <c r="M31" s="1067"/>
      <c r="N31" s="1067"/>
      <c r="O31" s="1067"/>
      <c r="P31" s="1068"/>
      <c r="Q31" s="1074">
        <v>6</v>
      </c>
      <c r="R31" s="1075"/>
      <c r="S31" s="1075"/>
      <c r="T31" s="1075"/>
      <c r="U31" s="1075"/>
      <c r="V31" s="1075">
        <v>3</v>
      </c>
      <c r="W31" s="1075"/>
      <c r="X31" s="1075"/>
      <c r="Y31" s="1075"/>
      <c r="Z31" s="1075"/>
      <c r="AA31" s="1075">
        <v>3</v>
      </c>
      <c r="AB31" s="1075"/>
      <c r="AC31" s="1075"/>
      <c r="AD31" s="1075"/>
      <c r="AE31" s="1076"/>
      <c r="AF31" s="1071">
        <v>3</v>
      </c>
      <c r="AG31" s="1072"/>
      <c r="AH31" s="1072"/>
      <c r="AI31" s="1072"/>
      <c r="AJ31" s="1073"/>
      <c r="AK31" s="1016" t="s">
        <v>596</v>
      </c>
      <c r="AL31" s="1007"/>
      <c r="AM31" s="1007"/>
      <c r="AN31" s="1007"/>
      <c r="AO31" s="1007"/>
      <c r="AP31" s="1007"/>
      <c r="AQ31" s="1007"/>
      <c r="AR31" s="1007"/>
      <c r="AS31" s="1007"/>
      <c r="AT31" s="1007"/>
      <c r="AU31" s="1007"/>
      <c r="AV31" s="1007"/>
      <c r="AW31" s="1007"/>
      <c r="AX31" s="1007"/>
      <c r="AY31" s="1007"/>
      <c r="AZ31" s="1077"/>
      <c r="BA31" s="1077"/>
      <c r="BB31" s="1077"/>
      <c r="BC31" s="1077"/>
      <c r="BD31" s="1077"/>
      <c r="BE31" s="1008"/>
      <c r="BF31" s="1008"/>
      <c r="BG31" s="1008"/>
      <c r="BH31" s="1008"/>
      <c r="BI31" s="1009"/>
      <c r="BJ31" s="228"/>
      <c r="BK31" s="228"/>
      <c r="BL31" s="228"/>
      <c r="BM31" s="228"/>
      <c r="BN31" s="228"/>
      <c r="BO31" s="237"/>
      <c r="BP31" s="237"/>
      <c r="BQ31" s="234">
        <v>25</v>
      </c>
      <c r="BR31" s="235"/>
      <c r="BS31" s="1028"/>
      <c r="BT31" s="1029"/>
      <c r="BU31" s="1029"/>
      <c r="BV31" s="1029"/>
      <c r="BW31" s="1029"/>
      <c r="BX31" s="1029"/>
      <c r="BY31" s="1029"/>
      <c r="BZ31" s="1029"/>
      <c r="CA31" s="1029"/>
      <c r="CB31" s="1029"/>
      <c r="CC31" s="1029"/>
      <c r="CD31" s="1029"/>
      <c r="CE31" s="1029"/>
      <c r="CF31" s="1029"/>
      <c r="CG31" s="1050"/>
      <c r="CH31" s="1025"/>
      <c r="CI31" s="1026"/>
      <c r="CJ31" s="1026"/>
      <c r="CK31" s="1026"/>
      <c r="CL31" s="1027"/>
      <c r="CM31" s="1025"/>
      <c r="CN31" s="1026"/>
      <c r="CO31" s="1026"/>
      <c r="CP31" s="1026"/>
      <c r="CQ31" s="1027"/>
      <c r="CR31" s="1025"/>
      <c r="CS31" s="1026"/>
      <c r="CT31" s="1026"/>
      <c r="CU31" s="1026"/>
      <c r="CV31" s="1027"/>
      <c r="CW31" s="1025"/>
      <c r="CX31" s="1026"/>
      <c r="CY31" s="1026"/>
      <c r="CZ31" s="1026"/>
      <c r="DA31" s="1027"/>
      <c r="DB31" s="1025"/>
      <c r="DC31" s="1026"/>
      <c r="DD31" s="1026"/>
      <c r="DE31" s="1026"/>
      <c r="DF31" s="1027"/>
      <c r="DG31" s="1025"/>
      <c r="DH31" s="1026"/>
      <c r="DI31" s="1026"/>
      <c r="DJ31" s="1026"/>
      <c r="DK31" s="1027"/>
      <c r="DL31" s="1025"/>
      <c r="DM31" s="1026"/>
      <c r="DN31" s="1026"/>
      <c r="DO31" s="1026"/>
      <c r="DP31" s="1027"/>
      <c r="DQ31" s="1025"/>
      <c r="DR31" s="1026"/>
      <c r="DS31" s="1026"/>
      <c r="DT31" s="1026"/>
      <c r="DU31" s="1027"/>
      <c r="DV31" s="1028"/>
      <c r="DW31" s="1029"/>
      <c r="DX31" s="1029"/>
      <c r="DY31" s="1029"/>
      <c r="DZ31" s="1030"/>
      <c r="EA31" s="226"/>
    </row>
    <row r="32" spans="1:131" ht="26.25" customHeight="1" x14ac:dyDescent="0.2">
      <c r="A32" s="238">
        <v>5</v>
      </c>
      <c r="B32" s="1066" t="s">
        <v>415</v>
      </c>
      <c r="C32" s="1067"/>
      <c r="D32" s="1067"/>
      <c r="E32" s="1067"/>
      <c r="F32" s="1067"/>
      <c r="G32" s="1067"/>
      <c r="H32" s="1067"/>
      <c r="I32" s="1067"/>
      <c r="J32" s="1067"/>
      <c r="K32" s="1067"/>
      <c r="L32" s="1067"/>
      <c r="M32" s="1067"/>
      <c r="N32" s="1067"/>
      <c r="O32" s="1067"/>
      <c r="P32" s="1068"/>
      <c r="Q32" s="1074">
        <v>150</v>
      </c>
      <c r="R32" s="1075"/>
      <c r="S32" s="1075"/>
      <c r="T32" s="1075"/>
      <c r="U32" s="1075"/>
      <c r="V32" s="1075">
        <v>146</v>
      </c>
      <c r="W32" s="1075"/>
      <c r="X32" s="1075"/>
      <c r="Y32" s="1075"/>
      <c r="Z32" s="1075"/>
      <c r="AA32" s="1075">
        <v>4</v>
      </c>
      <c r="AB32" s="1075"/>
      <c r="AC32" s="1075"/>
      <c r="AD32" s="1075"/>
      <c r="AE32" s="1076"/>
      <c r="AF32" s="1071">
        <v>4</v>
      </c>
      <c r="AG32" s="1072"/>
      <c r="AH32" s="1072"/>
      <c r="AI32" s="1072"/>
      <c r="AJ32" s="1073"/>
      <c r="AK32" s="1016">
        <v>28</v>
      </c>
      <c r="AL32" s="1007"/>
      <c r="AM32" s="1007"/>
      <c r="AN32" s="1007"/>
      <c r="AO32" s="1007"/>
      <c r="AP32" s="1007"/>
      <c r="AQ32" s="1007"/>
      <c r="AR32" s="1007"/>
      <c r="AS32" s="1007"/>
      <c r="AT32" s="1007"/>
      <c r="AU32" s="1007"/>
      <c r="AV32" s="1007"/>
      <c r="AW32" s="1007"/>
      <c r="AX32" s="1007"/>
      <c r="AY32" s="1007"/>
      <c r="AZ32" s="1077"/>
      <c r="BA32" s="1077"/>
      <c r="BB32" s="1077"/>
      <c r="BC32" s="1077"/>
      <c r="BD32" s="1077"/>
      <c r="BE32" s="1008"/>
      <c r="BF32" s="1008"/>
      <c r="BG32" s="1008"/>
      <c r="BH32" s="1008"/>
      <c r="BI32" s="1009"/>
      <c r="BJ32" s="228"/>
      <c r="BK32" s="228"/>
      <c r="BL32" s="228"/>
      <c r="BM32" s="228"/>
      <c r="BN32" s="228"/>
      <c r="BO32" s="237"/>
      <c r="BP32" s="237"/>
      <c r="BQ32" s="234">
        <v>26</v>
      </c>
      <c r="BR32" s="235"/>
      <c r="BS32" s="1028"/>
      <c r="BT32" s="1029"/>
      <c r="BU32" s="1029"/>
      <c r="BV32" s="1029"/>
      <c r="BW32" s="1029"/>
      <c r="BX32" s="1029"/>
      <c r="BY32" s="1029"/>
      <c r="BZ32" s="1029"/>
      <c r="CA32" s="1029"/>
      <c r="CB32" s="1029"/>
      <c r="CC32" s="1029"/>
      <c r="CD32" s="1029"/>
      <c r="CE32" s="1029"/>
      <c r="CF32" s="1029"/>
      <c r="CG32" s="1050"/>
      <c r="CH32" s="1025"/>
      <c r="CI32" s="1026"/>
      <c r="CJ32" s="1026"/>
      <c r="CK32" s="1026"/>
      <c r="CL32" s="1027"/>
      <c r="CM32" s="1025"/>
      <c r="CN32" s="1026"/>
      <c r="CO32" s="1026"/>
      <c r="CP32" s="1026"/>
      <c r="CQ32" s="1027"/>
      <c r="CR32" s="1025"/>
      <c r="CS32" s="1026"/>
      <c r="CT32" s="1026"/>
      <c r="CU32" s="1026"/>
      <c r="CV32" s="1027"/>
      <c r="CW32" s="1025"/>
      <c r="CX32" s="1026"/>
      <c r="CY32" s="1026"/>
      <c r="CZ32" s="1026"/>
      <c r="DA32" s="1027"/>
      <c r="DB32" s="1025"/>
      <c r="DC32" s="1026"/>
      <c r="DD32" s="1026"/>
      <c r="DE32" s="1026"/>
      <c r="DF32" s="1027"/>
      <c r="DG32" s="1025"/>
      <c r="DH32" s="1026"/>
      <c r="DI32" s="1026"/>
      <c r="DJ32" s="1026"/>
      <c r="DK32" s="1027"/>
      <c r="DL32" s="1025"/>
      <c r="DM32" s="1026"/>
      <c r="DN32" s="1026"/>
      <c r="DO32" s="1026"/>
      <c r="DP32" s="1027"/>
      <c r="DQ32" s="1025"/>
      <c r="DR32" s="1026"/>
      <c r="DS32" s="1026"/>
      <c r="DT32" s="1026"/>
      <c r="DU32" s="1027"/>
      <c r="DV32" s="1028"/>
      <c r="DW32" s="1029"/>
      <c r="DX32" s="1029"/>
      <c r="DY32" s="1029"/>
      <c r="DZ32" s="1030"/>
      <c r="EA32" s="226"/>
    </row>
    <row r="33" spans="1:131" ht="26.25" customHeight="1" x14ac:dyDescent="0.2">
      <c r="A33" s="238">
        <v>6</v>
      </c>
      <c r="B33" s="1066" t="s">
        <v>416</v>
      </c>
      <c r="C33" s="1067"/>
      <c r="D33" s="1067"/>
      <c r="E33" s="1067"/>
      <c r="F33" s="1067"/>
      <c r="G33" s="1067"/>
      <c r="H33" s="1067"/>
      <c r="I33" s="1067"/>
      <c r="J33" s="1067"/>
      <c r="K33" s="1067"/>
      <c r="L33" s="1067"/>
      <c r="M33" s="1067"/>
      <c r="N33" s="1067"/>
      <c r="O33" s="1067"/>
      <c r="P33" s="1068"/>
      <c r="Q33" s="1074">
        <v>205</v>
      </c>
      <c r="R33" s="1075"/>
      <c r="S33" s="1075"/>
      <c r="T33" s="1075"/>
      <c r="U33" s="1075"/>
      <c r="V33" s="1075">
        <v>224</v>
      </c>
      <c r="W33" s="1075"/>
      <c r="X33" s="1075"/>
      <c r="Y33" s="1075"/>
      <c r="Z33" s="1075"/>
      <c r="AA33" s="1075">
        <v>-19</v>
      </c>
      <c r="AB33" s="1075"/>
      <c r="AC33" s="1075"/>
      <c r="AD33" s="1075"/>
      <c r="AE33" s="1076"/>
      <c r="AF33" s="1071">
        <v>74</v>
      </c>
      <c r="AG33" s="1072"/>
      <c r="AH33" s="1072"/>
      <c r="AI33" s="1072"/>
      <c r="AJ33" s="1073"/>
      <c r="AK33" s="1016" t="s">
        <v>596</v>
      </c>
      <c r="AL33" s="1007"/>
      <c r="AM33" s="1007"/>
      <c r="AN33" s="1007"/>
      <c r="AO33" s="1007"/>
      <c r="AP33" s="1007">
        <v>589</v>
      </c>
      <c r="AQ33" s="1007"/>
      <c r="AR33" s="1007"/>
      <c r="AS33" s="1007"/>
      <c r="AT33" s="1007"/>
      <c r="AU33" s="1007">
        <v>5</v>
      </c>
      <c r="AV33" s="1007"/>
      <c r="AW33" s="1007"/>
      <c r="AX33" s="1007"/>
      <c r="AY33" s="1007"/>
      <c r="AZ33" s="1077"/>
      <c r="BA33" s="1077"/>
      <c r="BB33" s="1077"/>
      <c r="BC33" s="1077"/>
      <c r="BD33" s="1077"/>
      <c r="BE33" s="1008" t="s">
        <v>417</v>
      </c>
      <c r="BF33" s="1008"/>
      <c r="BG33" s="1008"/>
      <c r="BH33" s="1008"/>
      <c r="BI33" s="1009"/>
      <c r="BJ33" s="228"/>
      <c r="BK33" s="228"/>
      <c r="BL33" s="228"/>
      <c r="BM33" s="228"/>
      <c r="BN33" s="228"/>
      <c r="BO33" s="237"/>
      <c r="BP33" s="237"/>
      <c r="BQ33" s="234">
        <v>27</v>
      </c>
      <c r="BR33" s="235"/>
      <c r="BS33" s="1028"/>
      <c r="BT33" s="1029"/>
      <c r="BU33" s="1029"/>
      <c r="BV33" s="1029"/>
      <c r="BW33" s="1029"/>
      <c r="BX33" s="1029"/>
      <c r="BY33" s="1029"/>
      <c r="BZ33" s="1029"/>
      <c r="CA33" s="1029"/>
      <c r="CB33" s="1029"/>
      <c r="CC33" s="1029"/>
      <c r="CD33" s="1029"/>
      <c r="CE33" s="1029"/>
      <c r="CF33" s="1029"/>
      <c r="CG33" s="1050"/>
      <c r="CH33" s="1025"/>
      <c r="CI33" s="1026"/>
      <c r="CJ33" s="1026"/>
      <c r="CK33" s="1026"/>
      <c r="CL33" s="1027"/>
      <c r="CM33" s="1025"/>
      <c r="CN33" s="1026"/>
      <c r="CO33" s="1026"/>
      <c r="CP33" s="1026"/>
      <c r="CQ33" s="1027"/>
      <c r="CR33" s="1025"/>
      <c r="CS33" s="1026"/>
      <c r="CT33" s="1026"/>
      <c r="CU33" s="1026"/>
      <c r="CV33" s="1027"/>
      <c r="CW33" s="1025"/>
      <c r="CX33" s="1026"/>
      <c r="CY33" s="1026"/>
      <c r="CZ33" s="1026"/>
      <c r="DA33" s="1027"/>
      <c r="DB33" s="1025"/>
      <c r="DC33" s="1026"/>
      <c r="DD33" s="1026"/>
      <c r="DE33" s="1026"/>
      <c r="DF33" s="1027"/>
      <c r="DG33" s="1025"/>
      <c r="DH33" s="1026"/>
      <c r="DI33" s="1026"/>
      <c r="DJ33" s="1026"/>
      <c r="DK33" s="1027"/>
      <c r="DL33" s="1025"/>
      <c r="DM33" s="1026"/>
      <c r="DN33" s="1026"/>
      <c r="DO33" s="1026"/>
      <c r="DP33" s="1027"/>
      <c r="DQ33" s="1025"/>
      <c r="DR33" s="1026"/>
      <c r="DS33" s="1026"/>
      <c r="DT33" s="1026"/>
      <c r="DU33" s="1027"/>
      <c r="DV33" s="1028"/>
      <c r="DW33" s="1029"/>
      <c r="DX33" s="1029"/>
      <c r="DY33" s="1029"/>
      <c r="DZ33" s="1030"/>
      <c r="EA33" s="226"/>
    </row>
    <row r="34" spans="1:131" ht="26.25" customHeight="1" x14ac:dyDescent="0.2">
      <c r="A34" s="238">
        <v>7</v>
      </c>
      <c r="B34" s="1066" t="s">
        <v>418</v>
      </c>
      <c r="C34" s="1067"/>
      <c r="D34" s="1067"/>
      <c r="E34" s="1067"/>
      <c r="F34" s="1067"/>
      <c r="G34" s="1067"/>
      <c r="H34" s="1067"/>
      <c r="I34" s="1067"/>
      <c r="J34" s="1067"/>
      <c r="K34" s="1067"/>
      <c r="L34" s="1067"/>
      <c r="M34" s="1067"/>
      <c r="N34" s="1067"/>
      <c r="O34" s="1067"/>
      <c r="P34" s="1068"/>
      <c r="Q34" s="1074">
        <v>299</v>
      </c>
      <c r="R34" s="1075"/>
      <c r="S34" s="1075"/>
      <c r="T34" s="1075"/>
      <c r="U34" s="1075"/>
      <c r="V34" s="1075">
        <v>296</v>
      </c>
      <c r="W34" s="1075"/>
      <c r="X34" s="1075"/>
      <c r="Y34" s="1075"/>
      <c r="Z34" s="1075"/>
      <c r="AA34" s="1075">
        <v>3</v>
      </c>
      <c r="AB34" s="1075"/>
      <c r="AC34" s="1075"/>
      <c r="AD34" s="1075"/>
      <c r="AE34" s="1076"/>
      <c r="AF34" s="1071">
        <v>3</v>
      </c>
      <c r="AG34" s="1072"/>
      <c r="AH34" s="1072"/>
      <c r="AI34" s="1072"/>
      <c r="AJ34" s="1073"/>
      <c r="AK34" s="1016">
        <v>100</v>
      </c>
      <c r="AL34" s="1007"/>
      <c r="AM34" s="1007"/>
      <c r="AN34" s="1007"/>
      <c r="AO34" s="1007"/>
      <c r="AP34" s="1007">
        <v>1557</v>
      </c>
      <c r="AQ34" s="1007"/>
      <c r="AR34" s="1007"/>
      <c r="AS34" s="1007"/>
      <c r="AT34" s="1007"/>
      <c r="AU34" s="1007">
        <v>1344</v>
      </c>
      <c r="AV34" s="1007"/>
      <c r="AW34" s="1007"/>
      <c r="AX34" s="1007"/>
      <c r="AY34" s="1007"/>
      <c r="AZ34" s="1077"/>
      <c r="BA34" s="1077"/>
      <c r="BB34" s="1077"/>
      <c r="BC34" s="1077"/>
      <c r="BD34" s="1077"/>
      <c r="BE34" s="1008" t="s">
        <v>419</v>
      </c>
      <c r="BF34" s="1008"/>
      <c r="BG34" s="1008"/>
      <c r="BH34" s="1008"/>
      <c r="BI34" s="1009"/>
      <c r="BJ34" s="228"/>
      <c r="BK34" s="228"/>
      <c r="BL34" s="228"/>
      <c r="BM34" s="228"/>
      <c r="BN34" s="228"/>
      <c r="BO34" s="237"/>
      <c r="BP34" s="237"/>
      <c r="BQ34" s="234">
        <v>28</v>
      </c>
      <c r="BR34" s="235"/>
      <c r="BS34" s="1028"/>
      <c r="BT34" s="1029"/>
      <c r="BU34" s="1029"/>
      <c r="BV34" s="1029"/>
      <c r="BW34" s="1029"/>
      <c r="BX34" s="1029"/>
      <c r="BY34" s="1029"/>
      <c r="BZ34" s="1029"/>
      <c r="CA34" s="1029"/>
      <c r="CB34" s="1029"/>
      <c r="CC34" s="1029"/>
      <c r="CD34" s="1029"/>
      <c r="CE34" s="1029"/>
      <c r="CF34" s="1029"/>
      <c r="CG34" s="1050"/>
      <c r="CH34" s="1025"/>
      <c r="CI34" s="1026"/>
      <c r="CJ34" s="1026"/>
      <c r="CK34" s="1026"/>
      <c r="CL34" s="1027"/>
      <c r="CM34" s="1025"/>
      <c r="CN34" s="1026"/>
      <c r="CO34" s="1026"/>
      <c r="CP34" s="1026"/>
      <c r="CQ34" s="1027"/>
      <c r="CR34" s="1025"/>
      <c r="CS34" s="1026"/>
      <c r="CT34" s="1026"/>
      <c r="CU34" s="1026"/>
      <c r="CV34" s="1027"/>
      <c r="CW34" s="1025"/>
      <c r="CX34" s="1026"/>
      <c r="CY34" s="1026"/>
      <c r="CZ34" s="1026"/>
      <c r="DA34" s="1027"/>
      <c r="DB34" s="1025"/>
      <c r="DC34" s="1026"/>
      <c r="DD34" s="1026"/>
      <c r="DE34" s="1026"/>
      <c r="DF34" s="1027"/>
      <c r="DG34" s="1025"/>
      <c r="DH34" s="1026"/>
      <c r="DI34" s="1026"/>
      <c r="DJ34" s="1026"/>
      <c r="DK34" s="1027"/>
      <c r="DL34" s="1025"/>
      <c r="DM34" s="1026"/>
      <c r="DN34" s="1026"/>
      <c r="DO34" s="1026"/>
      <c r="DP34" s="1027"/>
      <c r="DQ34" s="1025"/>
      <c r="DR34" s="1026"/>
      <c r="DS34" s="1026"/>
      <c r="DT34" s="1026"/>
      <c r="DU34" s="1027"/>
      <c r="DV34" s="1028"/>
      <c r="DW34" s="1029"/>
      <c r="DX34" s="1029"/>
      <c r="DY34" s="1029"/>
      <c r="DZ34" s="1030"/>
      <c r="EA34" s="226"/>
    </row>
    <row r="35" spans="1:131" ht="26.25" customHeight="1" x14ac:dyDescent="0.2">
      <c r="A35" s="238">
        <v>8</v>
      </c>
      <c r="B35" s="1066"/>
      <c r="C35" s="1067"/>
      <c r="D35" s="1067"/>
      <c r="E35" s="1067"/>
      <c r="F35" s="1067"/>
      <c r="G35" s="1067"/>
      <c r="H35" s="1067"/>
      <c r="I35" s="1067"/>
      <c r="J35" s="1067"/>
      <c r="K35" s="1067"/>
      <c r="L35" s="1067"/>
      <c r="M35" s="1067"/>
      <c r="N35" s="1067"/>
      <c r="O35" s="1067"/>
      <c r="P35" s="1068"/>
      <c r="Q35" s="1074"/>
      <c r="R35" s="1075"/>
      <c r="S35" s="1075"/>
      <c r="T35" s="1075"/>
      <c r="U35" s="1075"/>
      <c r="V35" s="1075"/>
      <c r="W35" s="1075"/>
      <c r="X35" s="1075"/>
      <c r="Y35" s="1075"/>
      <c r="Z35" s="1075"/>
      <c r="AA35" s="1075"/>
      <c r="AB35" s="1075"/>
      <c r="AC35" s="1075"/>
      <c r="AD35" s="1075"/>
      <c r="AE35" s="1076"/>
      <c r="AF35" s="1071"/>
      <c r="AG35" s="1072"/>
      <c r="AH35" s="1072"/>
      <c r="AI35" s="1072"/>
      <c r="AJ35" s="1073"/>
      <c r="AK35" s="1016"/>
      <c r="AL35" s="1007"/>
      <c r="AM35" s="1007"/>
      <c r="AN35" s="1007"/>
      <c r="AO35" s="1007"/>
      <c r="AP35" s="1007"/>
      <c r="AQ35" s="1007"/>
      <c r="AR35" s="1007"/>
      <c r="AS35" s="1007"/>
      <c r="AT35" s="1007"/>
      <c r="AU35" s="1007"/>
      <c r="AV35" s="1007"/>
      <c r="AW35" s="1007"/>
      <c r="AX35" s="1007"/>
      <c r="AY35" s="1007"/>
      <c r="AZ35" s="1077"/>
      <c r="BA35" s="1077"/>
      <c r="BB35" s="1077"/>
      <c r="BC35" s="1077"/>
      <c r="BD35" s="1077"/>
      <c r="BE35" s="1008"/>
      <c r="BF35" s="1008"/>
      <c r="BG35" s="1008"/>
      <c r="BH35" s="1008"/>
      <c r="BI35" s="1009"/>
      <c r="BJ35" s="228"/>
      <c r="BK35" s="228"/>
      <c r="BL35" s="228"/>
      <c r="BM35" s="228"/>
      <c r="BN35" s="228"/>
      <c r="BO35" s="237"/>
      <c r="BP35" s="237"/>
      <c r="BQ35" s="234">
        <v>29</v>
      </c>
      <c r="BR35" s="235"/>
      <c r="BS35" s="1028"/>
      <c r="BT35" s="1029"/>
      <c r="BU35" s="1029"/>
      <c r="BV35" s="1029"/>
      <c r="BW35" s="1029"/>
      <c r="BX35" s="1029"/>
      <c r="BY35" s="1029"/>
      <c r="BZ35" s="1029"/>
      <c r="CA35" s="1029"/>
      <c r="CB35" s="1029"/>
      <c r="CC35" s="1029"/>
      <c r="CD35" s="1029"/>
      <c r="CE35" s="1029"/>
      <c r="CF35" s="1029"/>
      <c r="CG35" s="1050"/>
      <c r="CH35" s="1025"/>
      <c r="CI35" s="1026"/>
      <c r="CJ35" s="1026"/>
      <c r="CK35" s="1026"/>
      <c r="CL35" s="1027"/>
      <c r="CM35" s="1025"/>
      <c r="CN35" s="1026"/>
      <c r="CO35" s="1026"/>
      <c r="CP35" s="1026"/>
      <c r="CQ35" s="1027"/>
      <c r="CR35" s="1025"/>
      <c r="CS35" s="1026"/>
      <c r="CT35" s="1026"/>
      <c r="CU35" s="1026"/>
      <c r="CV35" s="1027"/>
      <c r="CW35" s="1025"/>
      <c r="CX35" s="1026"/>
      <c r="CY35" s="1026"/>
      <c r="CZ35" s="1026"/>
      <c r="DA35" s="1027"/>
      <c r="DB35" s="1025"/>
      <c r="DC35" s="1026"/>
      <c r="DD35" s="1026"/>
      <c r="DE35" s="1026"/>
      <c r="DF35" s="1027"/>
      <c r="DG35" s="1025"/>
      <c r="DH35" s="1026"/>
      <c r="DI35" s="1026"/>
      <c r="DJ35" s="1026"/>
      <c r="DK35" s="1027"/>
      <c r="DL35" s="1025"/>
      <c r="DM35" s="1026"/>
      <c r="DN35" s="1026"/>
      <c r="DO35" s="1026"/>
      <c r="DP35" s="1027"/>
      <c r="DQ35" s="1025"/>
      <c r="DR35" s="1026"/>
      <c r="DS35" s="1026"/>
      <c r="DT35" s="1026"/>
      <c r="DU35" s="1027"/>
      <c r="DV35" s="1028"/>
      <c r="DW35" s="1029"/>
      <c r="DX35" s="1029"/>
      <c r="DY35" s="1029"/>
      <c r="DZ35" s="1030"/>
      <c r="EA35" s="226"/>
    </row>
    <row r="36" spans="1:131" ht="26.25" customHeight="1" x14ac:dyDescent="0.2">
      <c r="A36" s="238">
        <v>9</v>
      </c>
      <c r="B36" s="1066"/>
      <c r="C36" s="1067"/>
      <c r="D36" s="1067"/>
      <c r="E36" s="1067"/>
      <c r="F36" s="1067"/>
      <c r="G36" s="1067"/>
      <c r="H36" s="1067"/>
      <c r="I36" s="1067"/>
      <c r="J36" s="1067"/>
      <c r="K36" s="1067"/>
      <c r="L36" s="1067"/>
      <c r="M36" s="1067"/>
      <c r="N36" s="1067"/>
      <c r="O36" s="1067"/>
      <c r="P36" s="1068"/>
      <c r="Q36" s="1074"/>
      <c r="R36" s="1075"/>
      <c r="S36" s="1075"/>
      <c r="T36" s="1075"/>
      <c r="U36" s="1075"/>
      <c r="V36" s="1075"/>
      <c r="W36" s="1075"/>
      <c r="X36" s="1075"/>
      <c r="Y36" s="1075"/>
      <c r="Z36" s="1075"/>
      <c r="AA36" s="1075"/>
      <c r="AB36" s="1075"/>
      <c r="AC36" s="1075"/>
      <c r="AD36" s="1075"/>
      <c r="AE36" s="1076"/>
      <c r="AF36" s="1071"/>
      <c r="AG36" s="1072"/>
      <c r="AH36" s="1072"/>
      <c r="AI36" s="1072"/>
      <c r="AJ36" s="1073"/>
      <c r="AK36" s="1016"/>
      <c r="AL36" s="1007"/>
      <c r="AM36" s="1007"/>
      <c r="AN36" s="1007"/>
      <c r="AO36" s="1007"/>
      <c r="AP36" s="1007"/>
      <c r="AQ36" s="1007"/>
      <c r="AR36" s="1007"/>
      <c r="AS36" s="1007"/>
      <c r="AT36" s="1007"/>
      <c r="AU36" s="1007"/>
      <c r="AV36" s="1007"/>
      <c r="AW36" s="1007"/>
      <c r="AX36" s="1007"/>
      <c r="AY36" s="1007"/>
      <c r="AZ36" s="1077"/>
      <c r="BA36" s="1077"/>
      <c r="BB36" s="1077"/>
      <c r="BC36" s="1077"/>
      <c r="BD36" s="1077"/>
      <c r="BE36" s="1008"/>
      <c r="BF36" s="1008"/>
      <c r="BG36" s="1008"/>
      <c r="BH36" s="1008"/>
      <c r="BI36" s="1009"/>
      <c r="BJ36" s="228"/>
      <c r="BK36" s="228"/>
      <c r="BL36" s="228"/>
      <c r="BM36" s="228"/>
      <c r="BN36" s="228"/>
      <c r="BO36" s="237"/>
      <c r="BP36" s="237"/>
      <c r="BQ36" s="234">
        <v>30</v>
      </c>
      <c r="BR36" s="235"/>
      <c r="BS36" s="1028"/>
      <c r="BT36" s="1029"/>
      <c r="BU36" s="1029"/>
      <c r="BV36" s="1029"/>
      <c r="BW36" s="1029"/>
      <c r="BX36" s="1029"/>
      <c r="BY36" s="1029"/>
      <c r="BZ36" s="1029"/>
      <c r="CA36" s="1029"/>
      <c r="CB36" s="1029"/>
      <c r="CC36" s="1029"/>
      <c r="CD36" s="1029"/>
      <c r="CE36" s="1029"/>
      <c r="CF36" s="1029"/>
      <c r="CG36" s="1050"/>
      <c r="CH36" s="1025"/>
      <c r="CI36" s="1026"/>
      <c r="CJ36" s="1026"/>
      <c r="CK36" s="1026"/>
      <c r="CL36" s="1027"/>
      <c r="CM36" s="1025"/>
      <c r="CN36" s="1026"/>
      <c r="CO36" s="1026"/>
      <c r="CP36" s="1026"/>
      <c r="CQ36" s="1027"/>
      <c r="CR36" s="1025"/>
      <c r="CS36" s="1026"/>
      <c r="CT36" s="1026"/>
      <c r="CU36" s="1026"/>
      <c r="CV36" s="1027"/>
      <c r="CW36" s="1025"/>
      <c r="CX36" s="1026"/>
      <c r="CY36" s="1026"/>
      <c r="CZ36" s="1026"/>
      <c r="DA36" s="1027"/>
      <c r="DB36" s="1025"/>
      <c r="DC36" s="1026"/>
      <c r="DD36" s="1026"/>
      <c r="DE36" s="1026"/>
      <c r="DF36" s="1027"/>
      <c r="DG36" s="1025"/>
      <c r="DH36" s="1026"/>
      <c r="DI36" s="1026"/>
      <c r="DJ36" s="1026"/>
      <c r="DK36" s="1027"/>
      <c r="DL36" s="1025"/>
      <c r="DM36" s="1026"/>
      <c r="DN36" s="1026"/>
      <c r="DO36" s="1026"/>
      <c r="DP36" s="1027"/>
      <c r="DQ36" s="1025"/>
      <c r="DR36" s="1026"/>
      <c r="DS36" s="1026"/>
      <c r="DT36" s="1026"/>
      <c r="DU36" s="1027"/>
      <c r="DV36" s="1028"/>
      <c r="DW36" s="1029"/>
      <c r="DX36" s="1029"/>
      <c r="DY36" s="1029"/>
      <c r="DZ36" s="1030"/>
      <c r="EA36" s="226"/>
    </row>
    <row r="37" spans="1:131" ht="26.25" customHeight="1" x14ac:dyDescent="0.2">
      <c r="A37" s="238">
        <v>10</v>
      </c>
      <c r="B37" s="1066"/>
      <c r="C37" s="1067"/>
      <c r="D37" s="1067"/>
      <c r="E37" s="1067"/>
      <c r="F37" s="1067"/>
      <c r="G37" s="1067"/>
      <c r="H37" s="1067"/>
      <c r="I37" s="1067"/>
      <c r="J37" s="1067"/>
      <c r="K37" s="1067"/>
      <c r="L37" s="1067"/>
      <c r="M37" s="1067"/>
      <c r="N37" s="1067"/>
      <c r="O37" s="1067"/>
      <c r="P37" s="1068"/>
      <c r="Q37" s="1074"/>
      <c r="R37" s="1075"/>
      <c r="S37" s="1075"/>
      <c r="T37" s="1075"/>
      <c r="U37" s="1075"/>
      <c r="V37" s="1075"/>
      <c r="W37" s="1075"/>
      <c r="X37" s="1075"/>
      <c r="Y37" s="1075"/>
      <c r="Z37" s="1075"/>
      <c r="AA37" s="1075"/>
      <c r="AB37" s="1075"/>
      <c r="AC37" s="1075"/>
      <c r="AD37" s="1075"/>
      <c r="AE37" s="1076"/>
      <c r="AF37" s="1071"/>
      <c r="AG37" s="1072"/>
      <c r="AH37" s="1072"/>
      <c r="AI37" s="1072"/>
      <c r="AJ37" s="1073"/>
      <c r="AK37" s="1016"/>
      <c r="AL37" s="1007"/>
      <c r="AM37" s="1007"/>
      <c r="AN37" s="1007"/>
      <c r="AO37" s="1007"/>
      <c r="AP37" s="1007"/>
      <c r="AQ37" s="1007"/>
      <c r="AR37" s="1007"/>
      <c r="AS37" s="1007"/>
      <c r="AT37" s="1007"/>
      <c r="AU37" s="1007"/>
      <c r="AV37" s="1007"/>
      <c r="AW37" s="1007"/>
      <c r="AX37" s="1007"/>
      <c r="AY37" s="1007"/>
      <c r="AZ37" s="1077"/>
      <c r="BA37" s="1077"/>
      <c r="BB37" s="1077"/>
      <c r="BC37" s="1077"/>
      <c r="BD37" s="1077"/>
      <c r="BE37" s="1008"/>
      <c r="BF37" s="1008"/>
      <c r="BG37" s="1008"/>
      <c r="BH37" s="1008"/>
      <c r="BI37" s="1009"/>
      <c r="BJ37" s="228"/>
      <c r="BK37" s="228"/>
      <c r="BL37" s="228"/>
      <c r="BM37" s="228"/>
      <c r="BN37" s="228"/>
      <c r="BO37" s="237"/>
      <c r="BP37" s="237"/>
      <c r="BQ37" s="234">
        <v>31</v>
      </c>
      <c r="BR37" s="235"/>
      <c r="BS37" s="1028"/>
      <c r="BT37" s="1029"/>
      <c r="BU37" s="1029"/>
      <c r="BV37" s="1029"/>
      <c r="BW37" s="1029"/>
      <c r="BX37" s="1029"/>
      <c r="BY37" s="1029"/>
      <c r="BZ37" s="1029"/>
      <c r="CA37" s="1029"/>
      <c r="CB37" s="1029"/>
      <c r="CC37" s="1029"/>
      <c r="CD37" s="1029"/>
      <c r="CE37" s="1029"/>
      <c r="CF37" s="1029"/>
      <c r="CG37" s="1050"/>
      <c r="CH37" s="1025"/>
      <c r="CI37" s="1026"/>
      <c r="CJ37" s="1026"/>
      <c r="CK37" s="1026"/>
      <c r="CL37" s="1027"/>
      <c r="CM37" s="1025"/>
      <c r="CN37" s="1026"/>
      <c r="CO37" s="1026"/>
      <c r="CP37" s="1026"/>
      <c r="CQ37" s="1027"/>
      <c r="CR37" s="1025"/>
      <c r="CS37" s="1026"/>
      <c r="CT37" s="1026"/>
      <c r="CU37" s="1026"/>
      <c r="CV37" s="1027"/>
      <c r="CW37" s="1025"/>
      <c r="CX37" s="1026"/>
      <c r="CY37" s="1026"/>
      <c r="CZ37" s="1026"/>
      <c r="DA37" s="1027"/>
      <c r="DB37" s="1025"/>
      <c r="DC37" s="1026"/>
      <c r="DD37" s="1026"/>
      <c r="DE37" s="1026"/>
      <c r="DF37" s="1027"/>
      <c r="DG37" s="1025"/>
      <c r="DH37" s="1026"/>
      <c r="DI37" s="1026"/>
      <c r="DJ37" s="1026"/>
      <c r="DK37" s="1027"/>
      <c r="DL37" s="1025"/>
      <c r="DM37" s="1026"/>
      <c r="DN37" s="1026"/>
      <c r="DO37" s="1026"/>
      <c r="DP37" s="1027"/>
      <c r="DQ37" s="1025"/>
      <c r="DR37" s="1026"/>
      <c r="DS37" s="1026"/>
      <c r="DT37" s="1026"/>
      <c r="DU37" s="1027"/>
      <c r="DV37" s="1028"/>
      <c r="DW37" s="1029"/>
      <c r="DX37" s="1029"/>
      <c r="DY37" s="1029"/>
      <c r="DZ37" s="1030"/>
      <c r="EA37" s="226"/>
    </row>
    <row r="38" spans="1:131" ht="26.25" customHeight="1" x14ac:dyDescent="0.2">
      <c r="A38" s="238">
        <v>11</v>
      </c>
      <c r="B38" s="1066"/>
      <c r="C38" s="1067"/>
      <c r="D38" s="1067"/>
      <c r="E38" s="1067"/>
      <c r="F38" s="1067"/>
      <c r="G38" s="1067"/>
      <c r="H38" s="1067"/>
      <c r="I38" s="1067"/>
      <c r="J38" s="1067"/>
      <c r="K38" s="1067"/>
      <c r="L38" s="1067"/>
      <c r="M38" s="1067"/>
      <c r="N38" s="1067"/>
      <c r="O38" s="1067"/>
      <c r="P38" s="1068"/>
      <c r="Q38" s="1074"/>
      <c r="R38" s="1075"/>
      <c r="S38" s="1075"/>
      <c r="T38" s="1075"/>
      <c r="U38" s="1075"/>
      <c r="V38" s="1075"/>
      <c r="W38" s="1075"/>
      <c r="X38" s="1075"/>
      <c r="Y38" s="1075"/>
      <c r="Z38" s="1075"/>
      <c r="AA38" s="1075"/>
      <c r="AB38" s="1075"/>
      <c r="AC38" s="1075"/>
      <c r="AD38" s="1075"/>
      <c r="AE38" s="1076"/>
      <c r="AF38" s="1071"/>
      <c r="AG38" s="1072"/>
      <c r="AH38" s="1072"/>
      <c r="AI38" s="1072"/>
      <c r="AJ38" s="1073"/>
      <c r="AK38" s="1016"/>
      <c r="AL38" s="1007"/>
      <c r="AM38" s="1007"/>
      <c r="AN38" s="1007"/>
      <c r="AO38" s="1007"/>
      <c r="AP38" s="1007"/>
      <c r="AQ38" s="1007"/>
      <c r="AR38" s="1007"/>
      <c r="AS38" s="1007"/>
      <c r="AT38" s="1007"/>
      <c r="AU38" s="1007"/>
      <c r="AV38" s="1007"/>
      <c r="AW38" s="1007"/>
      <c r="AX38" s="1007"/>
      <c r="AY38" s="1007"/>
      <c r="AZ38" s="1077"/>
      <c r="BA38" s="1077"/>
      <c r="BB38" s="1077"/>
      <c r="BC38" s="1077"/>
      <c r="BD38" s="1077"/>
      <c r="BE38" s="1008"/>
      <c r="BF38" s="1008"/>
      <c r="BG38" s="1008"/>
      <c r="BH38" s="1008"/>
      <c r="BI38" s="1009"/>
      <c r="BJ38" s="228"/>
      <c r="BK38" s="228"/>
      <c r="BL38" s="228"/>
      <c r="BM38" s="228"/>
      <c r="BN38" s="228"/>
      <c r="BO38" s="237"/>
      <c r="BP38" s="237"/>
      <c r="BQ38" s="234">
        <v>32</v>
      </c>
      <c r="BR38" s="235"/>
      <c r="BS38" s="1028"/>
      <c r="BT38" s="1029"/>
      <c r="BU38" s="1029"/>
      <c r="BV38" s="1029"/>
      <c r="BW38" s="1029"/>
      <c r="BX38" s="1029"/>
      <c r="BY38" s="1029"/>
      <c r="BZ38" s="1029"/>
      <c r="CA38" s="1029"/>
      <c r="CB38" s="1029"/>
      <c r="CC38" s="1029"/>
      <c r="CD38" s="1029"/>
      <c r="CE38" s="1029"/>
      <c r="CF38" s="1029"/>
      <c r="CG38" s="1050"/>
      <c r="CH38" s="1025"/>
      <c r="CI38" s="1026"/>
      <c r="CJ38" s="1026"/>
      <c r="CK38" s="1026"/>
      <c r="CL38" s="1027"/>
      <c r="CM38" s="1025"/>
      <c r="CN38" s="1026"/>
      <c r="CO38" s="1026"/>
      <c r="CP38" s="1026"/>
      <c r="CQ38" s="1027"/>
      <c r="CR38" s="1025"/>
      <c r="CS38" s="1026"/>
      <c r="CT38" s="1026"/>
      <c r="CU38" s="1026"/>
      <c r="CV38" s="1027"/>
      <c r="CW38" s="1025"/>
      <c r="CX38" s="1026"/>
      <c r="CY38" s="1026"/>
      <c r="CZ38" s="1026"/>
      <c r="DA38" s="1027"/>
      <c r="DB38" s="1025"/>
      <c r="DC38" s="1026"/>
      <c r="DD38" s="1026"/>
      <c r="DE38" s="1026"/>
      <c r="DF38" s="1027"/>
      <c r="DG38" s="1025"/>
      <c r="DH38" s="1026"/>
      <c r="DI38" s="1026"/>
      <c r="DJ38" s="1026"/>
      <c r="DK38" s="1027"/>
      <c r="DL38" s="1025"/>
      <c r="DM38" s="1026"/>
      <c r="DN38" s="1026"/>
      <c r="DO38" s="1026"/>
      <c r="DP38" s="1027"/>
      <c r="DQ38" s="1025"/>
      <c r="DR38" s="1026"/>
      <c r="DS38" s="1026"/>
      <c r="DT38" s="1026"/>
      <c r="DU38" s="1027"/>
      <c r="DV38" s="1028"/>
      <c r="DW38" s="1029"/>
      <c r="DX38" s="1029"/>
      <c r="DY38" s="1029"/>
      <c r="DZ38" s="1030"/>
      <c r="EA38" s="226"/>
    </row>
    <row r="39" spans="1:131" ht="26.25" customHeight="1" x14ac:dyDescent="0.2">
      <c r="A39" s="238">
        <v>12</v>
      </c>
      <c r="B39" s="1066"/>
      <c r="C39" s="1067"/>
      <c r="D39" s="1067"/>
      <c r="E39" s="1067"/>
      <c r="F39" s="1067"/>
      <c r="G39" s="1067"/>
      <c r="H39" s="1067"/>
      <c r="I39" s="1067"/>
      <c r="J39" s="1067"/>
      <c r="K39" s="1067"/>
      <c r="L39" s="1067"/>
      <c r="M39" s="1067"/>
      <c r="N39" s="1067"/>
      <c r="O39" s="1067"/>
      <c r="P39" s="1068"/>
      <c r="Q39" s="1074"/>
      <c r="R39" s="1075"/>
      <c r="S39" s="1075"/>
      <c r="T39" s="1075"/>
      <c r="U39" s="1075"/>
      <c r="V39" s="1075"/>
      <c r="W39" s="1075"/>
      <c r="X39" s="1075"/>
      <c r="Y39" s="1075"/>
      <c r="Z39" s="1075"/>
      <c r="AA39" s="1075"/>
      <c r="AB39" s="1075"/>
      <c r="AC39" s="1075"/>
      <c r="AD39" s="1075"/>
      <c r="AE39" s="1076"/>
      <c r="AF39" s="1071"/>
      <c r="AG39" s="1072"/>
      <c r="AH39" s="1072"/>
      <c r="AI39" s="1072"/>
      <c r="AJ39" s="1073"/>
      <c r="AK39" s="1016"/>
      <c r="AL39" s="1007"/>
      <c r="AM39" s="1007"/>
      <c r="AN39" s="1007"/>
      <c r="AO39" s="1007"/>
      <c r="AP39" s="1007"/>
      <c r="AQ39" s="1007"/>
      <c r="AR39" s="1007"/>
      <c r="AS39" s="1007"/>
      <c r="AT39" s="1007"/>
      <c r="AU39" s="1007"/>
      <c r="AV39" s="1007"/>
      <c r="AW39" s="1007"/>
      <c r="AX39" s="1007"/>
      <c r="AY39" s="1007"/>
      <c r="AZ39" s="1077"/>
      <c r="BA39" s="1077"/>
      <c r="BB39" s="1077"/>
      <c r="BC39" s="1077"/>
      <c r="BD39" s="1077"/>
      <c r="BE39" s="1008"/>
      <c r="BF39" s="1008"/>
      <c r="BG39" s="1008"/>
      <c r="BH39" s="1008"/>
      <c r="BI39" s="1009"/>
      <c r="BJ39" s="228"/>
      <c r="BK39" s="228"/>
      <c r="BL39" s="228"/>
      <c r="BM39" s="228"/>
      <c r="BN39" s="228"/>
      <c r="BO39" s="237"/>
      <c r="BP39" s="237"/>
      <c r="BQ39" s="234">
        <v>33</v>
      </c>
      <c r="BR39" s="235"/>
      <c r="BS39" s="1028"/>
      <c r="BT39" s="1029"/>
      <c r="BU39" s="1029"/>
      <c r="BV39" s="1029"/>
      <c r="BW39" s="1029"/>
      <c r="BX39" s="1029"/>
      <c r="BY39" s="1029"/>
      <c r="BZ39" s="1029"/>
      <c r="CA39" s="1029"/>
      <c r="CB39" s="1029"/>
      <c r="CC39" s="1029"/>
      <c r="CD39" s="1029"/>
      <c r="CE39" s="1029"/>
      <c r="CF39" s="1029"/>
      <c r="CG39" s="1050"/>
      <c r="CH39" s="1025"/>
      <c r="CI39" s="1026"/>
      <c r="CJ39" s="1026"/>
      <c r="CK39" s="1026"/>
      <c r="CL39" s="1027"/>
      <c r="CM39" s="1025"/>
      <c r="CN39" s="1026"/>
      <c r="CO39" s="1026"/>
      <c r="CP39" s="1026"/>
      <c r="CQ39" s="1027"/>
      <c r="CR39" s="1025"/>
      <c r="CS39" s="1026"/>
      <c r="CT39" s="1026"/>
      <c r="CU39" s="1026"/>
      <c r="CV39" s="1027"/>
      <c r="CW39" s="1025"/>
      <c r="CX39" s="1026"/>
      <c r="CY39" s="1026"/>
      <c r="CZ39" s="1026"/>
      <c r="DA39" s="1027"/>
      <c r="DB39" s="1025"/>
      <c r="DC39" s="1026"/>
      <c r="DD39" s="1026"/>
      <c r="DE39" s="1026"/>
      <c r="DF39" s="1027"/>
      <c r="DG39" s="1025"/>
      <c r="DH39" s="1026"/>
      <c r="DI39" s="1026"/>
      <c r="DJ39" s="1026"/>
      <c r="DK39" s="1027"/>
      <c r="DL39" s="1025"/>
      <c r="DM39" s="1026"/>
      <c r="DN39" s="1026"/>
      <c r="DO39" s="1026"/>
      <c r="DP39" s="1027"/>
      <c r="DQ39" s="1025"/>
      <c r="DR39" s="1026"/>
      <c r="DS39" s="1026"/>
      <c r="DT39" s="1026"/>
      <c r="DU39" s="1027"/>
      <c r="DV39" s="1028"/>
      <c r="DW39" s="1029"/>
      <c r="DX39" s="1029"/>
      <c r="DY39" s="1029"/>
      <c r="DZ39" s="1030"/>
      <c r="EA39" s="226"/>
    </row>
    <row r="40" spans="1:131" ht="26.25" customHeight="1" x14ac:dyDescent="0.2">
      <c r="A40" s="234">
        <v>13</v>
      </c>
      <c r="B40" s="1066"/>
      <c r="C40" s="1067"/>
      <c r="D40" s="1067"/>
      <c r="E40" s="1067"/>
      <c r="F40" s="1067"/>
      <c r="G40" s="1067"/>
      <c r="H40" s="1067"/>
      <c r="I40" s="1067"/>
      <c r="J40" s="1067"/>
      <c r="K40" s="1067"/>
      <c r="L40" s="1067"/>
      <c r="M40" s="1067"/>
      <c r="N40" s="1067"/>
      <c r="O40" s="1067"/>
      <c r="P40" s="1068"/>
      <c r="Q40" s="1074"/>
      <c r="R40" s="1075"/>
      <c r="S40" s="1075"/>
      <c r="T40" s="1075"/>
      <c r="U40" s="1075"/>
      <c r="V40" s="1075"/>
      <c r="W40" s="1075"/>
      <c r="X40" s="1075"/>
      <c r="Y40" s="1075"/>
      <c r="Z40" s="1075"/>
      <c r="AA40" s="1075"/>
      <c r="AB40" s="1075"/>
      <c r="AC40" s="1075"/>
      <c r="AD40" s="1075"/>
      <c r="AE40" s="1076"/>
      <c r="AF40" s="1071"/>
      <c r="AG40" s="1072"/>
      <c r="AH40" s="1072"/>
      <c r="AI40" s="1072"/>
      <c r="AJ40" s="1073"/>
      <c r="AK40" s="1016"/>
      <c r="AL40" s="1007"/>
      <c r="AM40" s="1007"/>
      <c r="AN40" s="1007"/>
      <c r="AO40" s="1007"/>
      <c r="AP40" s="1007"/>
      <c r="AQ40" s="1007"/>
      <c r="AR40" s="1007"/>
      <c r="AS40" s="1007"/>
      <c r="AT40" s="1007"/>
      <c r="AU40" s="1007"/>
      <c r="AV40" s="1007"/>
      <c r="AW40" s="1007"/>
      <c r="AX40" s="1007"/>
      <c r="AY40" s="1007"/>
      <c r="AZ40" s="1077"/>
      <c r="BA40" s="1077"/>
      <c r="BB40" s="1077"/>
      <c r="BC40" s="1077"/>
      <c r="BD40" s="1077"/>
      <c r="BE40" s="1008"/>
      <c r="BF40" s="1008"/>
      <c r="BG40" s="1008"/>
      <c r="BH40" s="1008"/>
      <c r="BI40" s="1009"/>
      <c r="BJ40" s="228"/>
      <c r="BK40" s="228"/>
      <c r="BL40" s="228"/>
      <c r="BM40" s="228"/>
      <c r="BN40" s="228"/>
      <c r="BO40" s="237"/>
      <c r="BP40" s="237"/>
      <c r="BQ40" s="234">
        <v>34</v>
      </c>
      <c r="BR40" s="235"/>
      <c r="BS40" s="1028"/>
      <c r="BT40" s="1029"/>
      <c r="BU40" s="1029"/>
      <c r="BV40" s="1029"/>
      <c r="BW40" s="1029"/>
      <c r="BX40" s="1029"/>
      <c r="BY40" s="1029"/>
      <c r="BZ40" s="1029"/>
      <c r="CA40" s="1029"/>
      <c r="CB40" s="1029"/>
      <c r="CC40" s="1029"/>
      <c r="CD40" s="1029"/>
      <c r="CE40" s="1029"/>
      <c r="CF40" s="1029"/>
      <c r="CG40" s="1050"/>
      <c r="CH40" s="1025"/>
      <c r="CI40" s="1026"/>
      <c r="CJ40" s="1026"/>
      <c r="CK40" s="1026"/>
      <c r="CL40" s="1027"/>
      <c r="CM40" s="1025"/>
      <c r="CN40" s="1026"/>
      <c r="CO40" s="1026"/>
      <c r="CP40" s="1026"/>
      <c r="CQ40" s="1027"/>
      <c r="CR40" s="1025"/>
      <c r="CS40" s="1026"/>
      <c r="CT40" s="1026"/>
      <c r="CU40" s="1026"/>
      <c r="CV40" s="1027"/>
      <c r="CW40" s="1025"/>
      <c r="CX40" s="1026"/>
      <c r="CY40" s="1026"/>
      <c r="CZ40" s="1026"/>
      <c r="DA40" s="1027"/>
      <c r="DB40" s="1025"/>
      <c r="DC40" s="1026"/>
      <c r="DD40" s="1026"/>
      <c r="DE40" s="1026"/>
      <c r="DF40" s="1027"/>
      <c r="DG40" s="1025"/>
      <c r="DH40" s="1026"/>
      <c r="DI40" s="1026"/>
      <c r="DJ40" s="1026"/>
      <c r="DK40" s="1027"/>
      <c r="DL40" s="1025"/>
      <c r="DM40" s="1026"/>
      <c r="DN40" s="1026"/>
      <c r="DO40" s="1026"/>
      <c r="DP40" s="1027"/>
      <c r="DQ40" s="1025"/>
      <c r="DR40" s="1026"/>
      <c r="DS40" s="1026"/>
      <c r="DT40" s="1026"/>
      <c r="DU40" s="1027"/>
      <c r="DV40" s="1028"/>
      <c r="DW40" s="1029"/>
      <c r="DX40" s="1029"/>
      <c r="DY40" s="1029"/>
      <c r="DZ40" s="1030"/>
      <c r="EA40" s="226"/>
    </row>
    <row r="41" spans="1:131" ht="26.25" customHeight="1" x14ac:dyDescent="0.2">
      <c r="A41" s="234">
        <v>14</v>
      </c>
      <c r="B41" s="1066"/>
      <c r="C41" s="1067"/>
      <c r="D41" s="1067"/>
      <c r="E41" s="1067"/>
      <c r="F41" s="1067"/>
      <c r="G41" s="1067"/>
      <c r="H41" s="1067"/>
      <c r="I41" s="1067"/>
      <c r="J41" s="1067"/>
      <c r="K41" s="1067"/>
      <c r="L41" s="1067"/>
      <c r="M41" s="1067"/>
      <c r="N41" s="1067"/>
      <c r="O41" s="1067"/>
      <c r="P41" s="1068"/>
      <c r="Q41" s="1074"/>
      <c r="R41" s="1075"/>
      <c r="S41" s="1075"/>
      <c r="T41" s="1075"/>
      <c r="U41" s="1075"/>
      <c r="V41" s="1075"/>
      <c r="W41" s="1075"/>
      <c r="X41" s="1075"/>
      <c r="Y41" s="1075"/>
      <c r="Z41" s="1075"/>
      <c r="AA41" s="1075"/>
      <c r="AB41" s="1075"/>
      <c r="AC41" s="1075"/>
      <c r="AD41" s="1075"/>
      <c r="AE41" s="1076"/>
      <c r="AF41" s="1071"/>
      <c r="AG41" s="1072"/>
      <c r="AH41" s="1072"/>
      <c r="AI41" s="1072"/>
      <c r="AJ41" s="1073"/>
      <c r="AK41" s="1016"/>
      <c r="AL41" s="1007"/>
      <c r="AM41" s="1007"/>
      <c r="AN41" s="1007"/>
      <c r="AO41" s="1007"/>
      <c r="AP41" s="1007"/>
      <c r="AQ41" s="1007"/>
      <c r="AR41" s="1007"/>
      <c r="AS41" s="1007"/>
      <c r="AT41" s="1007"/>
      <c r="AU41" s="1007"/>
      <c r="AV41" s="1007"/>
      <c r="AW41" s="1007"/>
      <c r="AX41" s="1007"/>
      <c r="AY41" s="1007"/>
      <c r="AZ41" s="1077"/>
      <c r="BA41" s="1077"/>
      <c r="BB41" s="1077"/>
      <c r="BC41" s="1077"/>
      <c r="BD41" s="1077"/>
      <c r="BE41" s="1008"/>
      <c r="BF41" s="1008"/>
      <c r="BG41" s="1008"/>
      <c r="BH41" s="1008"/>
      <c r="BI41" s="1009"/>
      <c r="BJ41" s="228"/>
      <c r="BK41" s="228"/>
      <c r="BL41" s="228"/>
      <c r="BM41" s="228"/>
      <c r="BN41" s="228"/>
      <c r="BO41" s="237"/>
      <c r="BP41" s="237"/>
      <c r="BQ41" s="234">
        <v>35</v>
      </c>
      <c r="BR41" s="235"/>
      <c r="BS41" s="1028"/>
      <c r="BT41" s="1029"/>
      <c r="BU41" s="1029"/>
      <c r="BV41" s="1029"/>
      <c r="BW41" s="1029"/>
      <c r="BX41" s="1029"/>
      <c r="BY41" s="1029"/>
      <c r="BZ41" s="1029"/>
      <c r="CA41" s="1029"/>
      <c r="CB41" s="1029"/>
      <c r="CC41" s="1029"/>
      <c r="CD41" s="1029"/>
      <c r="CE41" s="1029"/>
      <c r="CF41" s="1029"/>
      <c r="CG41" s="1050"/>
      <c r="CH41" s="1025"/>
      <c r="CI41" s="1026"/>
      <c r="CJ41" s="1026"/>
      <c r="CK41" s="1026"/>
      <c r="CL41" s="1027"/>
      <c r="CM41" s="1025"/>
      <c r="CN41" s="1026"/>
      <c r="CO41" s="1026"/>
      <c r="CP41" s="1026"/>
      <c r="CQ41" s="1027"/>
      <c r="CR41" s="1025"/>
      <c r="CS41" s="1026"/>
      <c r="CT41" s="1026"/>
      <c r="CU41" s="1026"/>
      <c r="CV41" s="1027"/>
      <c r="CW41" s="1025"/>
      <c r="CX41" s="1026"/>
      <c r="CY41" s="1026"/>
      <c r="CZ41" s="1026"/>
      <c r="DA41" s="1027"/>
      <c r="DB41" s="1025"/>
      <c r="DC41" s="1026"/>
      <c r="DD41" s="1026"/>
      <c r="DE41" s="1026"/>
      <c r="DF41" s="1027"/>
      <c r="DG41" s="1025"/>
      <c r="DH41" s="1026"/>
      <c r="DI41" s="1026"/>
      <c r="DJ41" s="1026"/>
      <c r="DK41" s="1027"/>
      <c r="DL41" s="1025"/>
      <c r="DM41" s="1026"/>
      <c r="DN41" s="1026"/>
      <c r="DO41" s="1026"/>
      <c r="DP41" s="1027"/>
      <c r="DQ41" s="1025"/>
      <c r="DR41" s="1026"/>
      <c r="DS41" s="1026"/>
      <c r="DT41" s="1026"/>
      <c r="DU41" s="1027"/>
      <c r="DV41" s="1028"/>
      <c r="DW41" s="1029"/>
      <c r="DX41" s="1029"/>
      <c r="DY41" s="1029"/>
      <c r="DZ41" s="1030"/>
      <c r="EA41" s="226"/>
    </row>
    <row r="42" spans="1:131" ht="26.25" customHeight="1" x14ac:dyDescent="0.2">
      <c r="A42" s="234">
        <v>15</v>
      </c>
      <c r="B42" s="1066"/>
      <c r="C42" s="1067"/>
      <c r="D42" s="1067"/>
      <c r="E42" s="1067"/>
      <c r="F42" s="1067"/>
      <c r="G42" s="1067"/>
      <c r="H42" s="1067"/>
      <c r="I42" s="1067"/>
      <c r="J42" s="1067"/>
      <c r="K42" s="1067"/>
      <c r="L42" s="1067"/>
      <c r="M42" s="1067"/>
      <c r="N42" s="1067"/>
      <c r="O42" s="1067"/>
      <c r="P42" s="1068"/>
      <c r="Q42" s="1074"/>
      <c r="R42" s="1075"/>
      <c r="S42" s="1075"/>
      <c r="T42" s="1075"/>
      <c r="U42" s="1075"/>
      <c r="V42" s="1075"/>
      <c r="W42" s="1075"/>
      <c r="X42" s="1075"/>
      <c r="Y42" s="1075"/>
      <c r="Z42" s="1075"/>
      <c r="AA42" s="1075"/>
      <c r="AB42" s="1075"/>
      <c r="AC42" s="1075"/>
      <c r="AD42" s="1075"/>
      <c r="AE42" s="1076"/>
      <c r="AF42" s="1071"/>
      <c r="AG42" s="1072"/>
      <c r="AH42" s="1072"/>
      <c r="AI42" s="1072"/>
      <c r="AJ42" s="1073"/>
      <c r="AK42" s="1016"/>
      <c r="AL42" s="1007"/>
      <c r="AM42" s="1007"/>
      <c r="AN42" s="1007"/>
      <c r="AO42" s="1007"/>
      <c r="AP42" s="1007"/>
      <c r="AQ42" s="1007"/>
      <c r="AR42" s="1007"/>
      <c r="AS42" s="1007"/>
      <c r="AT42" s="1007"/>
      <c r="AU42" s="1007"/>
      <c r="AV42" s="1007"/>
      <c r="AW42" s="1007"/>
      <c r="AX42" s="1007"/>
      <c r="AY42" s="1007"/>
      <c r="AZ42" s="1077"/>
      <c r="BA42" s="1077"/>
      <c r="BB42" s="1077"/>
      <c r="BC42" s="1077"/>
      <c r="BD42" s="1077"/>
      <c r="BE42" s="1008"/>
      <c r="BF42" s="1008"/>
      <c r="BG42" s="1008"/>
      <c r="BH42" s="1008"/>
      <c r="BI42" s="1009"/>
      <c r="BJ42" s="228"/>
      <c r="BK42" s="228"/>
      <c r="BL42" s="228"/>
      <c r="BM42" s="228"/>
      <c r="BN42" s="228"/>
      <c r="BO42" s="237"/>
      <c r="BP42" s="237"/>
      <c r="BQ42" s="234">
        <v>36</v>
      </c>
      <c r="BR42" s="235"/>
      <c r="BS42" s="1028"/>
      <c r="BT42" s="1029"/>
      <c r="BU42" s="1029"/>
      <c r="BV42" s="1029"/>
      <c r="BW42" s="1029"/>
      <c r="BX42" s="1029"/>
      <c r="BY42" s="1029"/>
      <c r="BZ42" s="1029"/>
      <c r="CA42" s="1029"/>
      <c r="CB42" s="1029"/>
      <c r="CC42" s="1029"/>
      <c r="CD42" s="1029"/>
      <c r="CE42" s="1029"/>
      <c r="CF42" s="1029"/>
      <c r="CG42" s="1050"/>
      <c r="CH42" s="1025"/>
      <c r="CI42" s="1026"/>
      <c r="CJ42" s="1026"/>
      <c r="CK42" s="1026"/>
      <c r="CL42" s="1027"/>
      <c r="CM42" s="1025"/>
      <c r="CN42" s="1026"/>
      <c r="CO42" s="1026"/>
      <c r="CP42" s="1026"/>
      <c r="CQ42" s="1027"/>
      <c r="CR42" s="1025"/>
      <c r="CS42" s="1026"/>
      <c r="CT42" s="1026"/>
      <c r="CU42" s="1026"/>
      <c r="CV42" s="1027"/>
      <c r="CW42" s="1025"/>
      <c r="CX42" s="1026"/>
      <c r="CY42" s="1026"/>
      <c r="CZ42" s="1026"/>
      <c r="DA42" s="1027"/>
      <c r="DB42" s="1025"/>
      <c r="DC42" s="1026"/>
      <c r="DD42" s="1026"/>
      <c r="DE42" s="1026"/>
      <c r="DF42" s="1027"/>
      <c r="DG42" s="1025"/>
      <c r="DH42" s="1026"/>
      <c r="DI42" s="1026"/>
      <c r="DJ42" s="1026"/>
      <c r="DK42" s="1027"/>
      <c r="DL42" s="1025"/>
      <c r="DM42" s="1026"/>
      <c r="DN42" s="1026"/>
      <c r="DO42" s="1026"/>
      <c r="DP42" s="1027"/>
      <c r="DQ42" s="1025"/>
      <c r="DR42" s="1026"/>
      <c r="DS42" s="1026"/>
      <c r="DT42" s="1026"/>
      <c r="DU42" s="1027"/>
      <c r="DV42" s="1028"/>
      <c r="DW42" s="1029"/>
      <c r="DX42" s="1029"/>
      <c r="DY42" s="1029"/>
      <c r="DZ42" s="1030"/>
      <c r="EA42" s="226"/>
    </row>
    <row r="43" spans="1:131" ht="26.25" customHeight="1" x14ac:dyDescent="0.2">
      <c r="A43" s="234">
        <v>16</v>
      </c>
      <c r="B43" s="1066"/>
      <c r="C43" s="1067"/>
      <c r="D43" s="1067"/>
      <c r="E43" s="1067"/>
      <c r="F43" s="1067"/>
      <c r="G43" s="1067"/>
      <c r="H43" s="1067"/>
      <c r="I43" s="1067"/>
      <c r="J43" s="1067"/>
      <c r="K43" s="1067"/>
      <c r="L43" s="1067"/>
      <c r="M43" s="1067"/>
      <c r="N43" s="1067"/>
      <c r="O43" s="1067"/>
      <c r="P43" s="1068"/>
      <c r="Q43" s="1074"/>
      <c r="R43" s="1075"/>
      <c r="S43" s="1075"/>
      <c r="T43" s="1075"/>
      <c r="U43" s="1075"/>
      <c r="V43" s="1075"/>
      <c r="W43" s="1075"/>
      <c r="X43" s="1075"/>
      <c r="Y43" s="1075"/>
      <c r="Z43" s="1075"/>
      <c r="AA43" s="1075"/>
      <c r="AB43" s="1075"/>
      <c r="AC43" s="1075"/>
      <c r="AD43" s="1075"/>
      <c r="AE43" s="1076"/>
      <c r="AF43" s="1071"/>
      <c r="AG43" s="1072"/>
      <c r="AH43" s="1072"/>
      <c r="AI43" s="1072"/>
      <c r="AJ43" s="1073"/>
      <c r="AK43" s="1016"/>
      <c r="AL43" s="1007"/>
      <c r="AM43" s="1007"/>
      <c r="AN43" s="1007"/>
      <c r="AO43" s="1007"/>
      <c r="AP43" s="1007"/>
      <c r="AQ43" s="1007"/>
      <c r="AR43" s="1007"/>
      <c r="AS43" s="1007"/>
      <c r="AT43" s="1007"/>
      <c r="AU43" s="1007"/>
      <c r="AV43" s="1007"/>
      <c r="AW43" s="1007"/>
      <c r="AX43" s="1007"/>
      <c r="AY43" s="1007"/>
      <c r="AZ43" s="1077"/>
      <c r="BA43" s="1077"/>
      <c r="BB43" s="1077"/>
      <c r="BC43" s="1077"/>
      <c r="BD43" s="1077"/>
      <c r="BE43" s="1008"/>
      <c r="BF43" s="1008"/>
      <c r="BG43" s="1008"/>
      <c r="BH43" s="1008"/>
      <c r="BI43" s="1009"/>
      <c r="BJ43" s="228"/>
      <c r="BK43" s="228"/>
      <c r="BL43" s="228"/>
      <c r="BM43" s="228"/>
      <c r="BN43" s="228"/>
      <c r="BO43" s="237"/>
      <c r="BP43" s="237"/>
      <c r="BQ43" s="234">
        <v>37</v>
      </c>
      <c r="BR43" s="235"/>
      <c r="BS43" s="1028"/>
      <c r="BT43" s="1029"/>
      <c r="BU43" s="1029"/>
      <c r="BV43" s="1029"/>
      <c r="BW43" s="1029"/>
      <c r="BX43" s="1029"/>
      <c r="BY43" s="1029"/>
      <c r="BZ43" s="1029"/>
      <c r="CA43" s="1029"/>
      <c r="CB43" s="1029"/>
      <c r="CC43" s="1029"/>
      <c r="CD43" s="1029"/>
      <c r="CE43" s="1029"/>
      <c r="CF43" s="1029"/>
      <c r="CG43" s="1050"/>
      <c r="CH43" s="1025"/>
      <c r="CI43" s="1026"/>
      <c r="CJ43" s="1026"/>
      <c r="CK43" s="1026"/>
      <c r="CL43" s="1027"/>
      <c r="CM43" s="1025"/>
      <c r="CN43" s="1026"/>
      <c r="CO43" s="1026"/>
      <c r="CP43" s="1026"/>
      <c r="CQ43" s="1027"/>
      <c r="CR43" s="1025"/>
      <c r="CS43" s="1026"/>
      <c r="CT43" s="1026"/>
      <c r="CU43" s="1026"/>
      <c r="CV43" s="1027"/>
      <c r="CW43" s="1025"/>
      <c r="CX43" s="1026"/>
      <c r="CY43" s="1026"/>
      <c r="CZ43" s="1026"/>
      <c r="DA43" s="1027"/>
      <c r="DB43" s="1025"/>
      <c r="DC43" s="1026"/>
      <c r="DD43" s="1026"/>
      <c r="DE43" s="1026"/>
      <c r="DF43" s="1027"/>
      <c r="DG43" s="1025"/>
      <c r="DH43" s="1026"/>
      <c r="DI43" s="1026"/>
      <c r="DJ43" s="1026"/>
      <c r="DK43" s="1027"/>
      <c r="DL43" s="1025"/>
      <c r="DM43" s="1026"/>
      <c r="DN43" s="1026"/>
      <c r="DO43" s="1026"/>
      <c r="DP43" s="1027"/>
      <c r="DQ43" s="1025"/>
      <c r="DR43" s="1026"/>
      <c r="DS43" s="1026"/>
      <c r="DT43" s="1026"/>
      <c r="DU43" s="1027"/>
      <c r="DV43" s="1028"/>
      <c r="DW43" s="1029"/>
      <c r="DX43" s="1029"/>
      <c r="DY43" s="1029"/>
      <c r="DZ43" s="1030"/>
      <c r="EA43" s="226"/>
    </row>
    <row r="44" spans="1:131" ht="26.25" customHeight="1" x14ac:dyDescent="0.2">
      <c r="A44" s="234">
        <v>17</v>
      </c>
      <c r="B44" s="1066"/>
      <c r="C44" s="1067"/>
      <c r="D44" s="1067"/>
      <c r="E44" s="1067"/>
      <c r="F44" s="1067"/>
      <c r="G44" s="1067"/>
      <c r="H44" s="1067"/>
      <c r="I44" s="1067"/>
      <c r="J44" s="1067"/>
      <c r="K44" s="1067"/>
      <c r="L44" s="1067"/>
      <c r="M44" s="1067"/>
      <c r="N44" s="1067"/>
      <c r="O44" s="1067"/>
      <c r="P44" s="1068"/>
      <c r="Q44" s="1074"/>
      <c r="R44" s="1075"/>
      <c r="S44" s="1075"/>
      <c r="T44" s="1075"/>
      <c r="U44" s="1075"/>
      <c r="V44" s="1075"/>
      <c r="W44" s="1075"/>
      <c r="X44" s="1075"/>
      <c r="Y44" s="1075"/>
      <c r="Z44" s="1075"/>
      <c r="AA44" s="1075"/>
      <c r="AB44" s="1075"/>
      <c r="AC44" s="1075"/>
      <c r="AD44" s="1075"/>
      <c r="AE44" s="1076"/>
      <c r="AF44" s="1071"/>
      <c r="AG44" s="1072"/>
      <c r="AH44" s="1072"/>
      <c r="AI44" s="1072"/>
      <c r="AJ44" s="1073"/>
      <c r="AK44" s="1016"/>
      <c r="AL44" s="1007"/>
      <c r="AM44" s="1007"/>
      <c r="AN44" s="1007"/>
      <c r="AO44" s="1007"/>
      <c r="AP44" s="1007"/>
      <c r="AQ44" s="1007"/>
      <c r="AR44" s="1007"/>
      <c r="AS44" s="1007"/>
      <c r="AT44" s="1007"/>
      <c r="AU44" s="1007"/>
      <c r="AV44" s="1007"/>
      <c r="AW44" s="1007"/>
      <c r="AX44" s="1007"/>
      <c r="AY44" s="1007"/>
      <c r="AZ44" s="1077"/>
      <c r="BA44" s="1077"/>
      <c r="BB44" s="1077"/>
      <c r="BC44" s="1077"/>
      <c r="BD44" s="1077"/>
      <c r="BE44" s="1008"/>
      <c r="BF44" s="1008"/>
      <c r="BG44" s="1008"/>
      <c r="BH44" s="1008"/>
      <c r="BI44" s="1009"/>
      <c r="BJ44" s="228"/>
      <c r="BK44" s="228"/>
      <c r="BL44" s="228"/>
      <c r="BM44" s="228"/>
      <c r="BN44" s="228"/>
      <c r="BO44" s="237"/>
      <c r="BP44" s="237"/>
      <c r="BQ44" s="234">
        <v>38</v>
      </c>
      <c r="BR44" s="235"/>
      <c r="BS44" s="1028"/>
      <c r="BT44" s="1029"/>
      <c r="BU44" s="1029"/>
      <c r="BV44" s="1029"/>
      <c r="BW44" s="1029"/>
      <c r="BX44" s="1029"/>
      <c r="BY44" s="1029"/>
      <c r="BZ44" s="1029"/>
      <c r="CA44" s="1029"/>
      <c r="CB44" s="1029"/>
      <c r="CC44" s="1029"/>
      <c r="CD44" s="1029"/>
      <c r="CE44" s="1029"/>
      <c r="CF44" s="1029"/>
      <c r="CG44" s="1050"/>
      <c r="CH44" s="1025"/>
      <c r="CI44" s="1026"/>
      <c r="CJ44" s="1026"/>
      <c r="CK44" s="1026"/>
      <c r="CL44" s="1027"/>
      <c r="CM44" s="1025"/>
      <c r="CN44" s="1026"/>
      <c r="CO44" s="1026"/>
      <c r="CP44" s="1026"/>
      <c r="CQ44" s="1027"/>
      <c r="CR44" s="1025"/>
      <c r="CS44" s="1026"/>
      <c r="CT44" s="1026"/>
      <c r="CU44" s="1026"/>
      <c r="CV44" s="1027"/>
      <c r="CW44" s="1025"/>
      <c r="CX44" s="1026"/>
      <c r="CY44" s="1026"/>
      <c r="CZ44" s="1026"/>
      <c r="DA44" s="1027"/>
      <c r="DB44" s="1025"/>
      <c r="DC44" s="1026"/>
      <c r="DD44" s="1026"/>
      <c r="DE44" s="1026"/>
      <c r="DF44" s="1027"/>
      <c r="DG44" s="1025"/>
      <c r="DH44" s="1026"/>
      <c r="DI44" s="1026"/>
      <c r="DJ44" s="1026"/>
      <c r="DK44" s="1027"/>
      <c r="DL44" s="1025"/>
      <c r="DM44" s="1026"/>
      <c r="DN44" s="1026"/>
      <c r="DO44" s="1026"/>
      <c r="DP44" s="1027"/>
      <c r="DQ44" s="1025"/>
      <c r="DR44" s="1026"/>
      <c r="DS44" s="1026"/>
      <c r="DT44" s="1026"/>
      <c r="DU44" s="1027"/>
      <c r="DV44" s="1028"/>
      <c r="DW44" s="1029"/>
      <c r="DX44" s="1029"/>
      <c r="DY44" s="1029"/>
      <c r="DZ44" s="1030"/>
      <c r="EA44" s="226"/>
    </row>
    <row r="45" spans="1:131" ht="26.25" customHeight="1" x14ac:dyDescent="0.2">
      <c r="A45" s="234">
        <v>18</v>
      </c>
      <c r="B45" s="1066"/>
      <c r="C45" s="1067"/>
      <c r="D45" s="1067"/>
      <c r="E45" s="1067"/>
      <c r="F45" s="1067"/>
      <c r="G45" s="1067"/>
      <c r="H45" s="1067"/>
      <c r="I45" s="1067"/>
      <c r="J45" s="1067"/>
      <c r="K45" s="1067"/>
      <c r="L45" s="1067"/>
      <c r="M45" s="1067"/>
      <c r="N45" s="1067"/>
      <c r="O45" s="1067"/>
      <c r="P45" s="1068"/>
      <c r="Q45" s="1074"/>
      <c r="R45" s="1075"/>
      <c r="S45" s="1075"/>
      <c r="T45" s="1075"/>
      <c r="U45" s="1075"/>
      <c r="V45" s="1075"/>
      <c r="W45" s="1075"/>
      <c r="X45" s="1075"/>
      <c r="Y45" s="1075"/>
      <c r="Z45" s="1075"/>
      <c r="AA45" s="1075"/>
      <c r="AB45" s="1075"/>
      <c r="AC45" s="1075"/>
      <c r="AD45" s="1075"/>
      <c r="AE45" s="1076"/>
      <c r="AF45" s="1071"/>
      <c r="AG45" s="1072"/>
      <c r="AH45" s="1072"/>
      <c r="AI45" s="1072"/>
      <c r="AJ45" s="1073"/>
      <c r="AK45" s="1016"/>
      <c r="AL45" s="1007"/>
      <c r="AM45" s="1007"/>
      <c r="AN45" s="1007"/>
      <c r="AO45" s="1007"/>
      <c r="AP45" s="1007"/>
      <c r="AQ45" s="1007"/>
      <c r="AR45" s="1007"/>
      <c r="AS45" s="1007"/>
      <c r="AT45" s="1007"/>
      <c r="AU45" s="1007"/>
      <c r="AV45" s="1007"/>
      <c r="AW45" s="1007"/>
      <c r="AX45" s="1007"/>
      <c r="AY45" s="1007"/>
      <c r="AZ45" s="1077"/>
      <c r="BA45" s="1077"/>
      <c r="BB45" s="1077"/>
      <c r="BC45" s="1077"/>
      <c r="BD45" s="1077"/>
      <c r="BE45" s="1008"/>
      <c r="BF45" s="1008"/>
      <c r="BG45" s="1008"/>
      <c r="BH45" s="1008"/>
      <c r="BI45" s="1009"/>
      <c r="BJ45" s="228"/>
      <c r="BK45" s="228"/>
      <c r="BL45" s="228"/>
      <c r="BM45" s="228"/>
      <c r="BN45" s="228"/>
      <c r="BO45" s="237"/>
      <c r="BP45" s="237"/>
      <c r="BQ45" s="234">
        <v>39</v>
      </c>
      <c r="BR45" s="235"/>
      <c r="BS45" s="1028"/>
      <c r="BT45" s="1029"/>
      <c r="BU45" s="1029"/>
      <c r="BV45" s="1029"/>
      <c r="BW45" s="1029"/>
      <c r="BX45" s="1029"/>
      <c r="BY45" s="1029"/>
      <c r="BZ45" s="1029"/>
      <c r="CA45" s="1029"/>
      <c r="CB45" s="1029"/>
      <c r="CC45" s="1029"/>
      <c r="CD45" s="1029"/>
      <c r="CE45" s="1029"/>
      <c r="CF45" s="1029"/>
      <c r="CG45" s="1050"/>
      <c r="CH45" s="1025"/>
      <c r="CI45" s="1026"/>
      <c r="CJ45" s="1026"/>
      <c r="CK45" s="1026"/>
      <c r="CL45" s="1027"/>
      <c r="CM45" s="1025"/>
      <c r="CN45" s="1026"/>
      <c r="CO45" s="1026"/>
      <c r="CP45" s="1026"/>
      <c r="CQ45" s="1027"/>
      <c r="CR45" s="1025"/>
      <c r="CS45" s="1026"/>
      <c r="CT45" s="1026"/>
      <c r="CU45" s="1026"/>
      <c r="CV45" s="1027"/>
      <c r="CW45" s="1025"/>
      <c r="CX45" s="1026"/>
      <c r="CY45" s="1026"/>
      <c r="CZ45" s="1026"/>
      <c r="DA45" s="1027"/>
      <c r="DB45" s="1025"/>
      <c r="DC45" s="1026"/>
      <c r="DD45" s="1026"/>
      <c r="DE45" s="1026"/>
      <c r="DF45" s="1027"/>
      <c r="DG45" s="1025"/>
      <c r="DH45" s="1026"/>
      <c r="DI45" s="1026"/>
      <c r="DJ45" s="1026"/>
      <c r="DK45" s="1027"/>
      <c r="DL45" s="1025"/>
      <c r="DM45" s="1026"/>
      <c r="DN45" s="1026"/>
      <c r="DO45" s="1026"/>
      <c r="DP45" s="1027"/>
      <c r="DQ45" s="1025"/>
      <c r="DR45" s="1026"/>
      <c r="DS45" s="1026"/>
      <c r="DT45" s="1026"/>
      <c r="DU45" s="1027"/>
      <c r="DV45" s="1028"/>
      <c r="DW45" s="1029"/>
      <c r="DX45" s="1029"/>
      <c r="DY45" s="1029"/>
      <c r="DZ45" s="1030"/>
      <c r="EA45" s="226"/>
    </row>
    <row r="46" spans="1:131" ht="26.25" customHeight="1" x14ac:dyDescent="0.2">
      <c r="A46" s="234">
        <v>19</v>
      </c>
      <c r="B46" s="1066"/>
      <c r="C46" s="1067"/>
      <c r="D46" s="1067"/>
      <c r="E46" s="1067"/>
      <c r="F46" s="1067"/>
      <c r="G46" s="1067"/>
      <c r="H46" s="1067"/>
      <c r="I46" s="1067"/>
      <c r="J46" s="1067"/>
      <c r="K46" s="1067"/>
      <c r="L46" s="1067"/>
      <c r="M46" s="1067"/>
      <c r="N46" s="1067"/>
      <c r="O46" s="1067"/>
      <c r="P46" s="1068"/>
      <c r="Q46" s="1074"/>
      <c r="R46" s="1075"/>
      <c r="S46" s="1075"/>
      <c r="T46" s="1075"/>
      <c r="U46" s="1075"/>
      <c r="V46" s="1075"/>
      <c r="W46" s="1075"/>
      <c r="X46" s="1075"/>
      <c r="Y46" s="1075"/>
      <c r="Z46" s="1075"/>
      <c r="AA46" s="1075"/>
      <c r="AB46" s="1075"/>
      <c r="AC46" s="1075"/>
      <c r="AD46" s="1075"/>
      <c r="AE46" s="1076"/>
      <c r="AF46" s="1071"/>
      <c r="AG46" s="1072"/>
      <c r="AH46" s="1072"/>
      <c r="AI46" s="1072"/>
      <c r="AJ46" s="1073"/>
      <c r="AK46" s="1016"/>
      <c r="AL46" s="1007"/>
      <c r="AM46" s="1007"/>
      <c r="AN46" s="1007"/>
      <c r="AO46" s="1007"/>
      <c r="AP46" s="1007"/>
      <c r="AQ46" s="1007"/>
      <c r="AR46" s="1007"/>
      <c r="AS46" s="1007"/>
      <c r="AT46" s="1007"/>
      <c r="AU46" s="1007"/>
      <c r="AV46" s="1007"/>
      <c r="AW46" s="1007"/>
      <c r="AX46" s="1007"/>
      <c r="AY46" s="1007"/>
      <c r="AZ46" s="1077"/>
      <c r="BA46" s="1077"/>
      <c r="BB46" s="1077"/>
      <c r="BC46" s="1077"/>
      <c r="BD46" s="1077"/>
      <c r="BE46" s="1008"/>
      <c r="BF46" s="1008"/>
      <c r="BG46" s="1008"/>
      <c r="BH46" s="1008"/>
      <c r="BI46" s="1009"/>
      <c r="BJ46" s="228"/>
      <c r="BK46" s="228"/>
      <c r="BL46" s="228"/>
      <c r="BM46" s="228"/>
      <c r="BN46" s="228"/>
      <c r="BO46" s="237"/>
      <c r="BP46" s="237"/>
      <c r="BQ46" s="234">
        <v>40</v>
      </c>
      <c r="BR46" s="235"/>
      <c r="BS46" s="1028"/>
      <c r="BT46" s="1029"/>
      <c r="BU46" s="1029"/>
      <c r="BV46" s="1029"/>
      <c r="BW46" s="1029"/>
      <c r="BX46" s="1029"/>
      <c r="BY46" s="1029"/>
      <c r="BZ46" s="1029"/>
      <c r="CA46" s="1029"/>
      <c r="CB46" s="1029"/>
      <c r="CC46" s="1029"/>
      <c r="CD46" s="1029"/>
      <c r="CE46" s="1029"/>
      <c r="CF46" s="1029"/>
      <c r="CG46" s="1050"/>
      <c r="CH46" s="1025"/>
      <c r="CI46" s="1026"/>
      <c r="CJ46" s="1026"/>
      <c r="CK46" s="1026"/>
      <c r="CL46" s="1027"/>
      <c r="CM46" s="1025"/>
      <c r="CN46" s="1026"/>
      <c r="CO46" s="1026"/>
      <c r="CP46" s="1026"/>
      <c r="CQ46" s="1027"/>
      <c r="CR46" s="1025"/>
      <c r="CS46" s="1026"/>
      <c r="CT46" s="1026"/>
      <c r="CU46" s="1026"/>
      <c r="CV46" s="1027"/>
      <c r="CW46" s="1025"/>
      <c r="CX46" s="1026"/>
      <c r="CY46" s="1026"/>
      <c r="CZ46" s="1026"/>
      <c r="DA46" s="1027"/>
      <c r="DB46" s="1025"/>
      <c r="DC46" s="1026"/>
      <c r="DD46" s="1026"/>
      <c r="DE46" s="1026"/>
      <c r="DF46" s="1027"/>
      <c r="DG46" s="1025"/>
      <c r="DH46" s="1026"/>
      <c r="DI46" s="1026"/>
      <c r="DJ46" s="1026"/>
      <c r="DK46" s="1027"/>
      <c r="DL46" s="1025"/>
      <c r="DM46" s="1026"/>
      <c r="DN46" s="1026"/>
      <c r="DO46" s="1026"/>
      <c r="DP46" s="1027"/>
      <c r="DQ46" s="1025"/>
      <c r="DR46" s="1026"/>
      <c r="DS46" s="1026"/>
      <c r="DT46" s="1026"/>
      <c r="DU46" s="1027"/>
      <c r="DV46" s="1028"/>
      <c r="DW46" s="1029"/>
      <c r="DX46" s="1029"/>
      <c r="DY46" s="1029"/>
      <c r="DZ46" s="1030"/>
      <c r="EA46" s="226"/>
    </row>
    <row r="47" spans="1:131" ht="26.25" customHeight="1" x14ac:dyDescent="0.2">
      <c r="A47" s="234">
        <v>20</v>
      </c>
      <c r="B47" s="1066"/>
      <c r="C47" s="1067"/>
      <c r="D47" s="1067"/>
      <c r="E47" s="1067"/>
      <c r="F47" s="1067"/>
      <c r="G47" s="1067"/>
      <c r="H47" s="1067"/>
      <c r="I47" s="1067"/>
      <c r="J47" s="1067"/>
      <c r="K47" s="1067"/>
      <c r="L47" s="1067"/>
      <c r="M47" s="1067"/>
      <c r="N47" s="1067"/>
      <c r="O47" s="1067"/>
      <c r="P47" s="1068"/>
      <c r="Q47" s="1074"/>
      <c r="R47" s="1075"/>
      <c r="S47" s="1075"/>
      <c r="T47" s="1075"/>
      <c r="U47" s="1075"/>
      <c r="V47" s="1075"/>
      <c r="W47" s="1075"/>
      <c r="X47" s="1075"/>
      <c r="Y47" s="1075"/>
      <c r="Z47" s="1075"/>
      <c r="AA47" s="1075"/>
      <c r="AB47" s="1075"/>
      <c r="AC47" s="1075"/>
      <c r="AD47" s="1075"/>
      <c r="AE47" s="1076"/>
      <c r="AF47" s="1071"/>
      <c r="AG47" s="1072"/>
      <c r="AH47" s="1072"/>
      <c r="AI47" s="1072"/>
      <c r="AJ47" s="1073"/>
      <c r="AK47" s="1016"/>
      <c r="AL47" s="1007"/>
      <c r="AM47" s="1007"/>
      <c r="AN47" s="1007"/>
      <c r="AO47" s="1007"/>
      <c r="AP47" s="1007"/>
      <c r="AQ47" s="1007"/>
      <c r="AR47" s="1007"/>
      <c r="AS47" s="1007"/>
      <c r="AT47" s="1007"/>
      <c r="AU47" s="1007"/>
      <c r="AV47" s="1007"/>
      <c r="AW47" s="1007"/>
      <c r="AX47" s="1007"/>
      <c r="AY47" s="1007"/>
      <c r="AZ47" s="1077"/>
      <c r="BA47" s="1077"/>
      <c r="BB47" s="1077"/>
      <c r="BC47" s="1077"/>
      <c r="BD47" s="1077"/>
      <c r="BE47" s="1008"/>
      <c r="BF47" s="1008"/>
      <c r="BG47" s="1008"/>
      <c r="BH47" s="1008"/>
      <c r="BI47" s="1009"/>
      <c r="BJ47" s="228"/>
      <c r="BK47" s="228"/>
      <c r="BL47" s="228"/>
      <c r="BM47" s="228"/>
      <c r="BN47" s="228"/>
      <c r="BO47" s="237"/>
      <c r="BP47" s="237"/>
      <c r="BQ47" s="234">
        <v>41</v>
      </c>
      <c r="BR47" s="235"/>
      <c r="BS47" s="1028"/>
      <c r="BT47" s="1029"/>
      <c r="BU47" s="1029"/>
      <c r="BV47" s="1029"/>
      <c r="BW47" s="1029"/>
      <c r="BX47" s="1029"/>
      <c r="BY47" s="1029"/>
      <c r="BZ47" s="1029"/>
      <c r="CA47" s="1029"/>
      <c r="CB47" s="1029"/>
      <c r="CC47" s="1029"/>
      <c r="CD47" s="1029"/>
      <c r="CE47" s="1029"/>
      <c r="CF47" s="1029"/>
      <c r="CG47" s="1050"/>
      <c r="CH47" s="1025"/>
      <c r="CI47" s="1026"/>
      <c r="CJ47" s="1026"/>
      <c r="CK47" s="1026"/>
      <c r="CL47" s="1027"/>
      <c r="CM47" s="1025"/>
      <c r="CN47" s="1026"/>
      <c r="CO47" s="1026"/>
      <c r="CP47" s="1026"/>
      <c r="CQ47" s="1027"/>
      <c r="CR47" s="1025"/>
      <c r="CS47" s="1026"/>
      <c r="CT47" s="1026"/>
      <c r="CU47" s="1026"/>
      <c r="CV47" s="1027"/>
      <c r="CW47" s="1025"/>
      <c r="CX47" s="1026"/>
      <c r="CY47" s="1026"/>
      <c r="CZ47" s="1026"/>
      <c r="DA47" s="1027"/>
      <c r="DB47" s="1025"/>
      <c r="DC47" s="1026"/>
      <c r="DD47" s="1026"/>
      <c r="DE47" s="1026"/>
      <c r="DF47" s="1027"/>
      <c r="DG47" s="1025"/>
      <c r="DH47" s="1026"/>
      <c r="DI47" s="1026"/>
      <c r="DJ47" s="1026"/>
      <c r="DK47" s="1027"/>
      <c r="DL47" s="1025"/>
      <c r="DM47" s="1026"/>
      <c r="DN47" s="1026"/>
      <c r="DO47" s="1026"/>
      <c r="DP47" s="1027"/>
      <c r="DQ47" s="1025"/>
      <c r="DR47" s="1026"/>
      <c r="DS47" s="1026"/>
      <c r="DT47" s="1026"/>
      <c r="DU47" s="1027"/>
      <c r="DV47" s="1028"/>
      <c r="DW47" s="1029"/>
      <c r="DX47" s="1029"/>
      <c r="DY47" s="1029"/>
      <c r="DZ47" s="1030"/>
      <c r="EA47" s="226"/>
    </row>
    <row r="48" spans="1:131" ht="26.25" customHeight="1" x14ac:dyDescent="0.2">
      <c r="A48" s="234">
        <v>21</v>
      </c>
      <c r="B48" s="1066"/>
      <c r="C48" s="1067"/>
      <c r="D48" s="1067"/>
      <c r="E48" s="1067"/>
      <c r="F48" s="1067"/>
      <c r="G48" s="1067"/>
      <c r="H48" s="1067"/>
      <c r="I48" s="1067"/>
      <c r="J48" s="1067"/>
      <c r="K48" s="1067"/>
      <c r="L48" s="1067"/>
      <c r="M48" s="1067"/>
      <c r="N48" s="1067"/>
      <c r="O48" s="1067"/>
      <c r="P48" s="1068"/>
      <c r="Q48" s="1074"/>
      <c r="R48" s="1075"/>
      <c r="S48" s="1075"/>
      <c r="T48" s="1075"/>
      <c r="U48" s="1075"/>
      <c r="V48" s="1075"/>
      <c r="W48" s="1075"/>
      <c r="X48" s="1075"/>
      <c r="Y48" s="1075"/>
      <c r="Z48" s="1075"/>
      <c r="AA48" s="1075"/>
      <c r="AB48" s="1075"/>
      <c r="AC48" s="1075"/>
      <c r="AD48" s="1075"/>
      <c r="AE48" s="1076"/>
      <c r="AF48" s="1071"/>
      <c r="AG48" s="1072"/>
      <c r="AH48" s="1072"/>
      <c r="AI48" s="1072"/>
      <c r="AJ48" s="1073"/>
      <c r="AK48" s="1016"/>
      <c r="AL48" s="1007"/>
      <c r="AM48" s="1007"/>
      <c r="AN48" s="1007"/>
      <c r="AO48" s="1007"/>
      <c r="AP48" s="1007"/>
      <c r="AQ48" s="1007"/>
      <c r="AR48" s="1007"/>
      <c r="AS48" s="1007"/>
      <c r="AT48" s="1007"/>
      <c r="AU48" s="1007"/>
      <c r="AV48" s="1007"/>
      <c r="AW48" s="1007"/>
      <c r="AX48" s="1007"/>
      <c r="AY48" s="1007"/>
      <c r="AZ48" s="1077"/>
      <c r="BA48" s="1077"/>
      <c r="BB48" s="1077"/>
      <c r="BC48" s="1077"/>
      <c r="BD48" s="1077"/>
      <c r="BE48" s="1008"/>
      <c r="BF48" s="1008"/>
      <c r="BG48" s="1008"/>
      <c r="BH48" s="1008"/>
      <c r="BI48" s="1009"/>
      <c r="BJ48" s="228"/>
      <c r="BK48" s="228"/>
      <c r="BL48" s="228"/>
      <c r="BM48" s="228"/>
      <c r="BN48" s="228"/>
      <c r="BO48" s="237"/>
      <c r="BP48" s="237"/>
      <c r="BQ48" s="234">
        <v>42</v>
      </c>
      <c r="BR48" s="235"/>
      <c r="BS48" s="1028"/>
      <c r="BT48" s="1029"/>
      <c r="BU48" s="1029"/>
      <c r="BV48" s="1029"/>
      <c r="BW48" s="1029"/>
      <c r="BX48" s="1029"/>
      <c r="BY48" s="1029"/>
      <c r="BZ48" s="1029"/>
      <c r="CA48" s="1029"/>
      <c r="CB48" s="1029"/>
      <c r="CC48" s="1029"/>
      <c r="CD48" s="1029"/>
      <c r="CE48" s="1029"/>
      <c r="CF48" s="1029"/>
      <c r="CG48" s="1050"/>
      <c r="CH48" s="1025"/>
      <c r="CI48" s="1026"/>
      <c r="CJ48" s="1026"/>
      <c r="CK48" s="1026"/>
      <c r="CL48" s="1027"/>
      <c r="CM48" s="1025"/>
      <c r="CN48" s="1026"/>
      <c r="CO48" s="1026"/>
      <c r="CP48" s="1026"/>
      <c r="CQ48" s="1027"/>
      <c r="CR48" s="1025"/>
      <c r="CS48" s="1026"/>
      <c r="CT48" s="1026"/>
      <c r="CU48" s="1026"/>
      <c r="CV48" s="1027"/>
      <c r="CW48" s="1025"/>
      <c r="CX48" s="1026"/>
      <c r="CY48" s="1026"/>
      <c r="CZ48" s="1026"/>
      <c r="DA48" s="1027"/>
      <c r="DB48" s="1025"/>
      <c r="DC48" s="1026"/>
      <c r="DD48" s="1026"/>
      <c r="DE48" s="1026"/>
      <c r="DF48" s="1027"/>
      <c r="DG48" s="1025"/>
      <c r="DH48" s="1026"/>
      <c r="DI48" s="1026"/>
      <c r="DJ48" s="1026"/>
      <c r="DK48" s="1027"/>
      <c r="DL48" s="1025"/>
      <c r="DM48" s="1026"/>
      <c r="DN48" s="1026"/>
      <c r="DO48" s="1026"/>
      <c r="DP48" s="1027"/>
      <c r="DQ48" s="1025"/>
      <c r="DR48" s="1026"/>
      <c r="DS48" s="1026"/>
      <c r="DT48" s="1026"/>
      <c r="DU48" s="1027"/>
      <c r="DV48" s="1028"/>
      <c r="DW48" s="1029"/>
      <c r="DX48" s="1029"/>
      <c r="DY48" s="1029"/>
      <c r="DZ48" s="1030"/>
      <c r="EA48" s="226"/>
    </row>
    <row r="49" spans="1:131" ht="26.25" customHeight="1" x14ac:dyDescent="0.2">
      <c r="A49" s="234">
        <v>22</v>
      </c>
      <c r="B49" s="1066"/>
      <c r="C49" s="1067"/>
      <c r="D49" s="1067"/>
      <c r="E49" s="1067"/>
      <c r="F49" s="1067"/>
      <c r="G49" s="1067"/>
      <c r="H49" s="1067"/>
      <c r="I49" s="1067"/>
      <c r="J49" s="1067"/>
      <c r="K49" s="1067"/>
      <c r="L49" s="1067"/>
      <c r="M49" s="1067"/>
      <c r="N49" s="1067"/>
      <c r="O49" s="1067"/>
      <c r="P49" s="1068"/>
      <c r="Q49" s="1074"/>
      <c r="R49" s="1075"/>
      <c r="S49" s="1075"/>
      <c r="T49" s="1075"/>
      <c r="U49" s="1075"/>
      <c r="V49" s="1075"/>
      <c r="W49" s="1075"/>
      <c r="X49" s="1075"/>
      <c r="Y49" s="1075"/>
      <c r="Z49" s="1075"/>
      <c r="AA49" s="1075"/>
      <c r="AB49" s="1075"/>
      <c r="AC49" s="1075"/>
      <c r="AD49" s="1075"/>
      <c r="AE49" s="1076"/>
      <c r="AF49" s="1071"/>
      <c r="AG49" s="1072"/>
      <c r="AH49" s="1072"/>
      <c r="AI49" s="1072"/>
      <c r="AJ49" s="1073"/>
      <c r="AK49" s="1016"/>
      <c r="AL49" s="1007"/>
      <c r="AM49" s="1007"/>
      <c r="AN49" s="1007"/>
      <c r="AO49" s="1007"/>
      <c r="AP49" s="1007"/>
      <c r="AQ49" s="1007"/>
      <c r="AR49" s="1007"/>
      <c r="AS49" s="1007"/>
      <c r="AT49" s="1007"/>
      <c r="AU49" s="1007"/>
      <c r="AV49" s="1007"/>
      <c r="AW49" s="1007"/>
      <c r="AX49" s="1007"/>
      <c r="AY49" s="1007"/>
      <c r="AZ49" s="1077"/>
      <c r="BA49" s="1077"/>
      <c r="BB49" s="1077"/>
      <c r="BC49" s="1077"/>
      <c r="BD49" s="1077"/>
      <c r="BE49" s="1008"/>
      <c r="BF49" s="1008"/>
      <c r="BG49" s="1008"/>
      <c r="BH49" s="1008"/>
      <c r="BI49" s="1009"/>
      <c r="BJ49" s="228"/>
      <c r="BK49" s="228"/>
      <c r="BL49" s="228"/>
      <c r="BM49" s="228"/>
      <c r="BN49" s="228"/>
      <c r="BO49" s="237"/>
      <c r="BP49" s="237"/>
      <c r="BQ49" s="234">
        <v>43</v>
      </c>
      <c r="BR49" s="235"/>
      <c r="BS49" s="1028"/>
      <c r="BT49" s="1029"/>
      <c r="BU49" s="1029"/>
      <c r="BV49" s="1029"/>
      <c r="BW49" s="1029"/>
      <c r="BX49" s="1029"/>
      <c r="BY49" s="1029"/>
      <c r="BZ49" s="1029"/>
      <c r="CA49" s="1029"/>
      <c r="CB49" s="1029"/>
      <c r="CC49" s="1029"/>
      <c r="CD49" s="1029"/>
      <c r="CE49" s="1029"/>
      <c r="CF49" s="1029"/>
      <c r="CG49" s="1050"/>
      <c r="CH49" s="1025"/>
      <c r="CI49" s="1026"/>
      <c r="CJ49" s="1026"/>
      <c r="CK49" s="1026"/>
      <c r="CL49" s="1027"/>
      <c r="CM49" s="1025"/>
      <c r="CN49" s="1026"/>
      <c r="CO49" s="1026"/>
      <c r="CP49" s="1026"/>
      <c r="CQ49" s="1027"/>
      <c r="CR49" s="1025"/>
      <c r="CS49" s="1026"/>
      <c r="CT49" s="1026"/>
      <c r="CU49" s="1026"/>
      <c r="CV49" s="1027"/>
      <c r="CW49" s="1025"/>
      <c r="CX49" s="1026"/>
      <c r="CY49" s="1026"/>
      <c r="CZ49" s="1026"/>
      <c r="DA49" s="1027"/>
      <c r="DB49" s="1025"/>
      <c r="DC49" s="1026"/>
      <c r="DD49" s="1026"/>
      <c r="DE49" s="1026"/>
      <c r="DF49" s="1027"/>
      <c r="DG49" s="1025"/>
      <c r="DH49" s="1026"/>
      <c r="DI49" s="1026"/>
      <c r="DJ49" s="1026"/>
      <c r="DK49" s="1027"/>
      <c r="DL49" s="1025"/>
      <c r="DM49" s="1026"/>
      <c r="DN49" s="1026"/>
      <c r="DO49" s="1026"/>
      <c r="DP49" s="1027"/>
      <c r="DQ49" s="1025"/>
      <c r="DR49" s="1026"/>
      <c r="DS49" s="1026"/>
      <c r="DT49" s="1026"/>
      <c r="DU49" s="1027"/>
      <c r="DV49" s="1028"/>
      <c r="DW49" s="1029"/>
      <c r="DX49" s="1029"/>
      <c r="DY49" s="1029"/>
      <c r="DZ49" s="1030"/>
      <c r="EA49" s="226"/>
    </row>
    <row r="50" spans="1:131" ht="26.25" customHeight="1" x14ac:dyDescent="0.2">
      <c r="A50" s="234">
        <v>23</v>
      </c>
      <c r="B50" s="1066"/>
      <c r="C50" s="1067"/>
      <c r="D50" s="1067"/>
      <c r="E50" s="1067"/>
      <c r="F50" s="1067"/>
      <c r="G50" s="1067"/>
      <c r="H50" s="1067"/>
      <c r="I50" s="1067"/>
      <c r="J50" s="1067"/>
      <c r="K50" s="1067"/>
      <c r="L50" s="1067"/>
      <c r="M50" s="1067"/>
      <c r="N50" s="1067"/>
      <c r="O50" s="1067"/>
      <c r="P50" s="1068"/>
      <c r="Q50" s="1069"/>
      <c r="R50" s="1061"/>
      <c r="S50" s="1061"/>
      <c r="T50" s="1061"/>
      <c r="U50" s="1061"/>
      <c r="V50" s="1061"/>
      <c r="W50" s="1061"/>
      <c r="X50" s="1061"/>
      <c r="Y50" s="1061"/>
      <c r="Z50" s="1061"/>
      <c r="AA50" s="1061"/>
      <c r="AB50" s="1061"/>
      <c r="AC50" s="1061"/>
      <c r="AD50" s="1061"/>
      <c r="AE50" s="1070"/>
      <c r="AF50" s="1071"/>
      <c r="AG50" s="1072"/>
      <c r="AH50" s="1072"/>
      <c r="AI50" s="1072"/>
      <c r="AJ50" s="1073"/>
      <c r="AK50" s="1060"/>
      <c r="AL50" s="1061"/>
      <c r="AM50" s="1061"/>
      <c r="AN50" s="1061"/>
      <c r="AO50" s="1061"/>
      <c r="AP50" s="1061"/>
      <c r="AQ50" s="1061"/>
      <c r="AR50" s="1061"/>
      <c r="AS50" s="1061"/>
      <c r="AT50" s="1061"/>
      <c r="AU50" s="1061"/>
      <c r="AV50" s="1061"/>
      <c r="AW50" s="1061"/>
      <c r="AX50" s="1061"/>
      <c r="AY50" s="1061"/>
      <c r="AZ50" s="1062"/>
      <c r="BA50" s="1062"/>
      <c r="BB50" s="1062"/>
      <c r="BC50" s="1062"/>
      <c r="BD50" s="1062"/>
      <c r="BE50" s="1008"/>
      <c r="BF50" s="1008"/>
      <c r="BG50" s="1008"/>
      <c r="BH50" s="1008"/>
      <c r="BI50" s="1009"/>
      <c r="BJ50" s="228"/>
      <c r="BK50" s="228"/>
      <c r="BL50" s="228"/>
      <c r="BM50" s="228"/>
      <c r="BN50" s="228"/>
      <c r="BO50" s="237"/>
      <c r="BP50" s="237"/>
      <c r="BQ50" s="234">
        <v>44</v>
      </c>
      <c r="BR50" s="235"/>
      <c r="BS50" s="1028"/>
      <c r="BT50" s="1029"/>
      <c r="BU50" s="1029"/>
      <c r="BV50" s="1029"/>
      <c r="BW50" s="1029"/>
      <c r="BX50" s="1029"/>
      <c r="BY50" s="1029"/>
      <c r="BZ50" s="1029"/>
      <c r="CA50" s="1029"/>
      <c r="CB50" s="1029"/>
      <c r="CC50" s="1029"/>
      <c r="CD50" s="1029"/>
      <c r="CE50" s="1029"/>
      <c r="CF50" s="1029"/>
      <c r="CG50" s="1050"/>
      <c r="CH50" s="1025"/>
      <c r="CI50" s="1026"/>
      <c r="CJ50" s="1026"/>
      <c r="CK50" s="1026"/>
      <c r="CL50" s="1027"/>
      <c r="CM50" s="1025"/>
      <c r="CN50" s="1026"/>
      <c r="CO50" s="1026"/>
      <c r="CP50" s="1026"/>
      <c r="CQ50" s="1027"/>
      <c r="CR50" s="1025"/>
      <c r="CS50" s="1026"/>
      <c r="CT50" s="1026"/>
      <c r="CU50" s="1026"/>
      <c r="CV50" s="1027"/>
      <c r="CW50" s="1025"/>
      <c r="CX50" s="1026"/>
      <c r="CY50" s="1026"/>
      <c r="CZ50" s="1026"/>
      <c r="DA50" s="1027"/>
      <c r="DB50" s="1025"/>
      <c r="DC50" s="1026"/>
      <c r="DD50" s="1026"/>
      <c r="DE50" s="1026"/>
      <c r="DF50" s="1027"/>
      <c r="DG50" s="1025"/>
      <c r="DH50" s="1026"/>
      <c r="DI50" s="1026"/>
      <c r="DJ50" s="1026"/>
      <c r="DK50" s="1027"/>
      <c r="DL50" s="1025"/>
      <c r="DM50" s="1026"/>
      <c r="DN50" s="1026"/>
      <c r="DO50" s="1026"/>
      <c r="DP50" s="1027"/>
      <c r="DQ50" s="1025"/>
      <c r="DR50" s="1026"/>
      <c r="DS50" s="1026"/>
      <c r="DT50" s="1026"/>
      <c r="DU50" s="1027"/>
      <c r="DV50" s="1028"/>
      <c r="DW50" s="1029"/>
      <c r="DX50" s="1029"/>
      <c r="DY50" s="1029"/>
      <c r="DZ50" s="1030"/>
      <c r="EA50" s="226"/>
    </row>
    <row r="51" spans="1:131" ht="26.25" customHeight="1" x14ac:dyDescent="0.2">
      <c r="A51" s="234">
        <v>24</v>
      </c>
      <c r="B51" s="1066"/>
      <c r="C51" s="1067"/>
      <c r="D51" s="1067"/>
      <c r="E51" s="1067"/>
      <c r="F51" s="1067"/>
      <c r="G51" s="1067"/>
      <c r="H51" s="1067"/>
      <c r="I51" s="1067"/>
      <c r="J51" s="1067"/>
      <c r="K51" s="1067"/>
      <c r="L51" s="1067"/>
      <c r="M51" s="1067"/>
      <c r="N51" s="1067"/>
      <c r="O51" s="1067"/>
      <c r="P51" s="1068"/>
      <c r="Q51" s="1069"/>
      <c r="R51" s="1061"/>
      <c r="S51" s="1061"/>
      <c r="T51" s="1061"/>
      <c r="U51" s="1061"/>
      <c r="V51" s="1061"/>
      <c r="W51" s="1061"/>
      <c r="X51" s="1061"/>
      <c r="Y51" s="1061"/>
      <c r="Z51" s="1061"/>
      <c r="AA51" s="1061"/>
      <c r="AB51" s="1061"/>
      <c r="AC51" s="1061"/>
      <c r="AD51" s="1061"/>
      <c r="AE51" s="1070"/>
      <c r="AF51" s="1071"/>
      <c r="AG51" s="1072"/>
      <c r="AH51" s="1072"/>
      <c r="AI51" s="1072"/>
      <c r="AJ51" s="1073"/>
      <c r="AK51" s="1060"/>
      <c r="AL51" s="1061"/>
      <c r="AM51" s="1061"/>
      <c r="AN51" s="1061"/>
      <c r="AO51" s="1061"/>
      <c r="AP51" s="1061"/>
      <c r="AQ51" s="1061"/>
      <c r="AR51" s="1061"/>
      <c r="AS51" s="1061"/>
      <c r="AT51" s="1061"/>
      <c r="AU51" s="1061"/>
      <c r="AV51" s="1061"/>
      <c r="AW51" s="1061"/>
      <c r="AX51" s="1061"/>
      <c r="AY51" s="1061"/>
      <c r="AZ51" s="1062"/>
      <c r="BA51" s="1062"/>
      <c r="BB51" s="1062"/>
      <c r="BC51" s="1062"/>
      <c r="BD51" s="1062"/>
      <c r="BE51" s="1008"/>
      <c r="BF51" s="1008"/>
      <c r="BG51" s="1008"/>
      <c r="BH51" s="1008"/>
      <c r="BI51" s="1009"/>
      <c r="BJ51" s="228"/>
      <c r="BK51" s="228"/>
      <c r="BL51" s="228"/>
      <c r="BM51" s="228"/>
      <c r="BN51" s="228"/>
      <c r="BO51" s="237"/>
      <c r="BP51" s="237"/>
      <c r="BQ51" s="234">
        <v>45</v>
      </c>
      <c r="BR51" s="235"/>
      <c r="BS51" s="1028"/>
      <c r="BT51" s="1029"/>
      <c r="BU51" s="1029"/>
      <c r="BV51" s="1029"/>
      <c r="BW51" s="1029"/>
      <c r="BX51" s="1029"/>
      <c r="BY51" s="1029"/>
      <c r="BZ51" s="1029"/>
      <c r="CA51" s="1029"/>
      <c r="CB51" s="1029"/>
      <c r="CC51" s="1029"/>
      <c r="CD51" s="1029"/>
      <c r="CE51" s="1029"/>
      <c r="CF51" s="1029"/>
      <c r="CG51" s="1050"/>
      <c r="CH51" s="1025"/>
      <c r="CI51" s="1026"/>
      <c r="CJ51" s="1026"/>
      <c r="CK51" s="1026"/>
      <c r="CL51" s="1027"/>
      <c r="CM51" s="1025"/>
      <c r="CN51" s="1026"/>
      <c r="CO51" s="1026"/>
      <c r="CP51" s="1026"/>
      <c r="CQ51" s="1027"/>
      <c r="CR51" s="1025"/>
      <c r="CS51" s="1026"/>
      <c r="CT51" s="1026"/>
      <c r="CU51" s="1026"/>
      <c r="CV51" s="1027"/>
      <c r="CW51" s="1025"/>
      <c r="CX51" s="1026"/>
      <c r="CY51" s="1026"/>
      <c r="CZ51" s="1026"/>
      <c r="DA51" s="1027"/>
      <c r="DB51" s="1025"/>
      <c r="DC51" s="1026"/>
      <c r="DD51" s="1026"/>
      <c r="DE51" s="1026"/>
      <c r="DF51" s="1027"/>
      <c r="DG51" s="1025"/>
      <c r="DH51" s="1026"/>
      <c r="DI51" s="1026"/>
      <c r="DJ51" s="1026"/>
      <c r="DK51" s="1027"/>
      <c r="DL51" s="1025"/>
      <c r="DM51" s="1026"/>
      <c r="DN51" s="1026"/>
      <c r="DO51" s="1026"/>
      <c r="DP51" s="1027"/>
      <c r="DQ51" s="1025"/>
      <c r="DR51" s="1026"/>
      <c r="DS51" s="1026"/>
      <c r="DT51" s="1026"/>
      <c r="DU51" s="1027"/>
      <c r="DV51" s="1028"/>
      <c r="DW51" s="1029"/>
      <c r="DX51" s="1029"/>
      <c r="DY51" s="1029"/>
      <c r="DZ51" s="1030"/>
      <c r="EA51" s="226"/>
    </row>
    <row r="52" spans="1:131" ht="26.25" customHeight="1" x14ac:dyDescent="0.2">
      <c r="A52" s="234">
        <v>25</v>
      </c>
      <c r="B52" s="1066"/>
      <c r="C52" s="1067"/>
      <c r="D52" s="1067"/>
      <c r="E52" s="1067"/>
      <c r="F52" s="1067"/>
      <c r="G52" s="1067"/>
      <c r="H52" s="1067"/>
      <c r="I52" s="1067"/>
      <c r="J52" s="1067"/>
      <c r="K52" s="1067"/>
      <c r="L52" s="1067"/>
      <c r="M52" s="1067"/>
      <c r="N52" s="1067"/>
      <c r="O52" s="1067"/>
      <c r="P52" s="1068"/>
      <c r="Q52" s="1069"/>
      <c r="R52" s="1061"/>
      <c r="S52" s="1061"/>
      <c r="T52" s="1061"/>
      <c r="U52" s="1061"/>
      <c r="V52" s="1061"/>
      <c r="W52" s="1061"/>
      <c r="X52" s="1061"/>
      <c r="Y52" s="1061"/>
      <c r="Z52" s="1061"/>
      <c r="AA52" s="1061"/>
      <c r="AB52" s="1061"/>
      <c r="AC52" s="1061"/>
      <c r="AD52" s="1061"/>
      <c r="AE52" s="1070"/>
      <c r="AF52" s="1071"/>
      <c r="AG52" s="1072"/>
      <c r="AH52" s="1072"/>
      <c r="AI52" s="1072"/>
      <c r="AJ52" s="1073"/>
      <c r="AK52" s="1060"/>
      <c r="AL52" s="1061"/>
      <c r="AM52" s="1061"/>
      <c r="AN52" s="1061"/>
      <c r="AO52" s="1061"/>
      <c r="AP52" s="1061"/>
      <c r="AQ52" s="1061"/>
      <c r="AR52" s="1061"/>
      <c r="AS52" s="1061"/>
      <c r="AT52" s="1061"/>
      <c r="AU52" s="1061"/>
      <c r="AV52" s="1061"/>
      <c r="AW52" s="1061"/>
      <c r="AX52" s="1061"/>
      <c r="AY52" s="1061"/>
      <c r="AZ52" s="1062"/>
      <c r="BA52" s="1062"/>
      <c r="BB52" s="1062"/>
      <c r="BC52" s="1062"/>
      <c r="BD52" s="1062"/>
      <c r="BE52" s="1008"/>
      <c r="BF52" s="1008"/>
      <c r="BG52" s="1008"/>
      <c r="BH52" s="1008"/>
      <c r="BI52" s="1009"/>
      <c r="BJ52" s="228"/>
      <c r="BK52" s="228"/>
      <c r="BL52" s="228"/>
      <c r="BM52" s="228"/>
      <c r="BN52" s="228"/>
      <c r="BO52" s="237"/>
      <c r="BP52" s="237"/>
      <c r="BQ52" s="234">
        <v>46</v>
      </c>
      <c r="BR52" s="235"/>
      <c r="BS52" s="1028"/>
      <c r="BT52" s="1029"/>
      <c r="BU52" s="1029"/>
      <c r="BV52" s="1029"/>
      <c r="BW52" s="1029"/>
      <c r="BX52" s="1029"/>
      <c r="BY52" s="1029"/>
      <c r="BZ52" s="1029"/>
      <c r="CA52" s="1029"/>
      <c r="CB52" s="1029"/>
      <c r="CC52" s="1029"/>
      <c r="CD52" s="1029"/>
      <c r="CE52" s="1029"/>
      <c r="CF52" s="1029"/>
      <c r="CG52" s="1050"/>
      <c r="CH52" s="1025"/>
      <c r="CI52" s="1026"/>
      <c r="CJ52" s="1026"/>
      <c r="CK52" s="1026"/>
      <c r="CL52" s="1027"/>
      <c r="CM52" s="1025"/>
      <c r="CN52" s="1026"/>
      <c r="CO52" s="1026"/>
      <c r="CP52" s="1026"/>
      <c r="CQ52" s="1027"/>
      <c r="CR52" s="1025"/>
      <c r="CS52" s="1026"/>
      <c r="CT52" s="1026"/>
      <c r="CU52" s="1026"/>
      <c r="CV52" s="1027"/>
      <c r="CW52" s="1025"/>
      <c r="CX52" s="1026"/>
      <c r="CY52" s="1026"/>
      <c r="CZ52" s="1026"/>
      <c r="DA52" s="1027"/>
      <c r="DB52" s="1025"/>
      <c r="DC52" s="1026"/>
      <c r="DD52" s="1026"/>
      <c r="DE52" s="1026"/>
      <c r="DF52" s="1027"/>
      <c r="DG52" s="1025"/>
      <c r="DH52" s="1026"/>
      <c r="DI52" s="1026"/>
      <c r="DJ52" s="1026"/>
      <c r="DK52" s="1027"/>
      <c r="DL52" s="1025"/>
      <c r="DM52" s="1026"/>
      <c r="DN52" s="1026"/>
      <c r="DO52" s="1026"/>
      <c r="DP52" s="1027"/>
      <c r="DQ52" s="1025"/>
      <c r="DR52" s="1026"/>
      <c r="DS52" s="1026"/>
      <c r="DT52" s="1026"/>
      <c r="DU52" s="1027"/>
      <c r="DV52" s="1028"/>
      <c r="DW52" s="1029"/>
      <c r="DX52" s="1029"/>
      <c r="DY52" s="1029"/>
      <c r="DZ52" s="1030"/>
      <c r="EA52" s="226"/>
    </row>
    <row r="53" spans="1:131" ht="26.25" customHeight="1" x14ac:dyDescent="0.2">
      <c r="A53" s="234">
        <v>26</v>
      </c>
      <c r="B53" s="1066"/>
      <c r="C53" s="1067"/>
      <c r="D53" s="1067"/>
      <c r="E53" s="1067"/>
      <c r="F53" s="1067"/>
      <c r="G53" s="1067"/>
      <c r="H53" s="1067"/>
      <c r="I53" s="1067"/>
      <c r="J53" s="1067"/>
      <c r="K53" s="1067"/>
      <c r="L53" s="1067"/>
      <c r="M53" s="1067"/>
      <c r="N53" s="1067"/>
      <c r="O53" s="1067"/>
      <c r="P53" s="1068"/>
      <c r="Q53" s="1069"/>
      <c r="R53" s="1061"/>
      <c r="S53" s="1061"/>
      <c r="T53" s="1061"/>
      <c r="U53" s="1061"/>
      <c r="V53" s="1061"/>
      <c r="W53" s="1061"/>
      <c r="X53" s="1061"/>
      <c r="Y53" s="1061"/>
      <c r="Z53" s="1061"/>
      <c r="AA53" s="1061"/>
      <c r="AB53" s="1061"/>
      <c r="AC53" s="1061"/>
      <c r="AD53" s="1061"/>
      <c r="AE53" s="1070"/>
      <c r="AF53" s="1071"/>
      <c r="AG53" s="1072"/>
      <c r="AH53" s="1072"/>
      <c r="AI53" s="1072"/>
      <c r="AJ53" s="1073"/>
      <c r="AK53" s="1060"/>
      <c r="AL53" s="1061"/>
      <c r="AM53" s="1061"/>
      <c r="AN53" s="1061"/>
      <c r="AO53" s="1061"/>
      <c r="AP53" s="1061"/>
      <c r="AQ53" s="1061"/>
      <c r="AR53" s="1061"/>
      <c r="AS53" s="1061"/>
      <c r="AT53" s="1061"/>
      <c r="AU53" s="1061"/>
      <c r="AV53" s="1061"/>
      <c r="AW53" s="1061"/>
      <c r="AX53" s="1061"/>
      <c r="AY53" s="1061"/>
      <c r="AZ53" s="1062"/>
      <c r="BA53" s="1062"/>
      <c r="BB53" s="1062"/>
      <c r="BC53" s="1062"/>
      <c r="BD53" s="1062"/>
      <c r="BE53" s="1008"/>
      <c r="BF53" s="1008"/>
      <c r="BG53" s="1008"/>
      <c r="BH53" s="1008"/>
      <c r="BI53" s="1009"/>
      <c r="BJ53" s="228"/>
      <c r="BK53" s="228"/>
      <c r="BL53" s="228"/>
      <c r="BM53" s="228"/>
      <c r="BN53" s="228"/>
      <c r="BO53" s="237"/>
      <c r="BP53" s="237"/>
      <c r="BQ53" s="234">
        <v>47</v>
      </c>
      <c r="BR53" s="235"/>
      <c r="BS53" s="1028"/>
      <c r="BT53" s="1029"/>
      <c r="BU53" s="1029"/>
      <c r="BV53" s="1029"/>
      <c r="BW53" s="1029"/>
      <c r="BX53" s="1029"/>
      <c r="BY53" s="1029"/>
      <c r="BZ53" s="1029"/>
      <c r="CA53" s="1029"/>
      <c r="CB53" s="1029"/>
      <c r="CC53" s="1029"/>
      <c r="CD53" s="1029"/>
      <c r="CE53" s="1029"/>
      <c r="CF53" s="1029"/>
      <c r="CG53" s="1050"/>
      <c r="CH53" s="1025"/>
      <c r="CI53" s="1026"/>
      <c r="CJ53" s="1026"/>
      <c r="CK53" s="1026"/>
      <c r="CL53" s="1027"/>
      <c r="CM53" s="1025"/>
      <c r="CN53" s="1026"/>
      <c r="CO53" s="1026"/>
      <c r="CP53" s="1026"/>
      <c r="CQ53" s="1027"/>
      <c r="CR53" s="1025"/>
      <c r="CS53" s="1026"/>
      <c r="CT53" s="1026"/>
      <c r="CU53" s="1026"/>
      <c r="CV53" s="1027"/>
      <c r="CW53" s="1025"/>
      <c r="CX53" s="1026"/>
      <c r="CY53" s="1026"/>
      <c r="CZ53" s="1026"/>
      <c r="DA53" s="1027"/>
      <c r="DB53" s="1025"/>
      <c r="DC53" s="1026"/>
      <c r="DD53" s="1026"/>
      <c r="DE53" s="1026"/>
      <c r="DF53" s="1027"/>
      <c r="DG53" s="1025"/>
      <c r="DH53" s="1026"/>
      <c r="DI53" s="1026"/>
      <c r="DJ53" s="1026"/>
      <c r="DK53" s="1027"/>
      <c r="DL53" s="1025"/>
      <c r="DM53" s="1026"/>
      <c r="DN53" s="1026"/>
      <c r="DO53" s="1026"/>
      <c r="DP53" s="1027"/>
      <c r="DQ53" s="1025"/>
      <c r="DR53" s="1026"/>
      <c r="DS53" s="1026"/>
      <c r="DT53" s="1026"/>
      <c r="DU53" s="1027"/>
      <c r="DV53" s="1028"/>
      <c r="DW53" s="1029"/>
      <c r="DX53" s="1029"/>
      <c r="DY53" s="1029"/>
      <c r="DZ53" s="1030"/>
      <c r="EA53" s="226"/>
    </row>
    <row r="54" spans="1:131" ht="26.25" customHeight="1" x14ac:dyDescent="0.2">
      <c r="A54" s="234">
        <v>27</v>
      </c>
      <c r="B54" s="1066"/>
      <c r="C54" s="1067"/>
      <c r="D54" s="1067"/>
      <c r="E54" s="1067"/>
      <c r="F54" s="1067"/>
      <c r="G54" s="1067"/>
      <c r="H54" s="1067"/>
      <c r="I54" s="1067"/>
      <c r="J54" s="1067"/>
      <c r="K54" s="1067"/>
      <c r="L54" s="1067"/>
      <c r="M54" s="1067"/>
      <c r="N54" s="1067"/>
      <c r="O54" s="1067"/>
      <c r="P54" s="1068"/>
      <c r="Q54" s="1069"/>
      <c r="R54" s="1061"/>
      <c r="S54" s="1061"/>
      <c r="T54" s="1061"/>
      <c r="U54" s="1061"/>
      <c r="V54" s="1061"/>
      <c r="W54" s="1061"/>
      <c r="X54" s="1061"/>
      <c r="Y54" s="1061"/>
      <c r="Z54" s="1061"/>
      <c r="AA54" s="1061"/>
      <c r="AB54" s="1061"/>
      <c r="AC54" s="1061"/>
      <c r="AD54" s="1061"/>
      <c r="AE54" s="1070"/>
      <c r="AF54" s="1071"/>
      <c r="AG54" s="1072"/>
      <c r="AH54" s="1072"/>
      <c r="AI54" s="1072"/>
      <c r="AJ54" s="1073"/>
      <c r="AK54" s="1060"/>
      <c r="AL54" s="1061"/>
      <c r="AM54" s="1061"/>
      <c r="AN54" s="1061"/>
      <c r="AO54" s="1061"/>
      <c r="AP54" s="1061"/>
      <c r="AQ54" s="1061"/>
      <c r="AR54" s="1061"/>
      <c r="AS54" s="1061"/>
      <c r="AT54" s="1061"/>
      <c r="AU54" s="1061"/>
      <c r="AV54" s="1061"/>
      <c r="AW54" s="1061"/>
      <c r="AX54" s="1061"/>
      <c r="AY54" s="1061"/>
      <c r="AZ54" s="1062"/>
      <c r="BA54" s="1062"/>
      <c r="BB54" s="1062"/>
      <c r="BC54" s="1062"/>
      <c r="BD54" s="1062"/>
      <c r="BE54" s="1008"/>
      <c r="BF54" s="1008"/>
      <c r="BG54" s="1008"/>
      <c r="BH54" s="1008"/>
      <c r="BI54" s="1009"/>
      <c r="BJ54" s="228"/>
      <c r="BK54" s="228"/>
      <c r="BL54" s="228"/>
      <c r="BM54" s="228"/>
      <c r="BN54" s="228"/>
      <c r="BO54" s="237"/>
      <c r="BP54" s="237"/>
      <c r="BQ54" s="234">
        <v>48</v>
      </c>
      <c r="BR54" s="235"/>
      <c r="BS54" s="1028"/>
      <c r="BT54" s="1029"/>
      <c r="BU54" s="1029"/>
      <c r="BV54" s="1029"/>
      <c r="BW54" s="1029"/>
      <c r="BX54" s="1029"/>
      <c r="BY54" s="1029"/>
      <c r="BZ54" s="1029"/>
      <c r="CA54" s="1029"/>
      <c r="CB54" s="1029"/>
      <c r="CC54" s="1029"/>
      <c r="CD54" s="1029"/>
      <c r="CE54" s="1029"/>
      <c r="CF54" s="1029"/>
      <c r="CG54" s="1050"/>
      <c r="CH54" s="1025"/>
      <c r="CI54" s="1026"/>
      <c r="CJ54" s="1026"/>
      <c r="CK54" s="1026"/>
      <c r="CL54" s="1027"/>
      <c r="CM54" s="1025"/>
      <c r="CN54" s="1026"/>
      <c r="CO54" s="1026"/>
      <c r="CP54" s="1026"/>
      <c r="CQ54" s="1027"/>
      <c r="CR54" s="1025"/>
      <c r="CS54" s="1026"/>
      <c r="CT54" s="1026"/>
      <c r="CU54" s="1026"/>
      <c r="CV54" s="1027"/>
      <c r="CW54" s="1025"/>
      <c r="CX54" s="1026"/>
      <c r="CY54" s="1026"/>
      <c r="CZ54" s="1026"/>
      <c r="DA54" s="1027"/>
      <c r="DB54" s="1025"/>
      <c r="DC54" s="1026"/>
      <c r="DD54" s="1026"/>
      <c r="DE54" s="1026"/>
      <c r="DF54" s="1027"/>
      <c r="DG54" s="1025"/>
      <c r="DH54" s="1026"/>
      <c r="DI54" s="1026"/>
      <c r="DJ54" s="1026"/>
      <c r="DK54" s="1027"/>
      <c r="DL54" s="1025"/>
      <c r="DM54" s="1026"/>
      <c r="DN54" s="1026"/>
      <c r="DO54" s="1026"/>
      <c r="DP54" s="1027"/>
      <c r="DQ54" s="1025"/>
      <c r="DR54" s="1026"/>
      <c r="DS54" s="1026"/>
      <c r="DT54" s="1026"/>
      <c r="DU54" s="1027"/>
      <c r="DV54" s="1028"/>
      <c r="DW54" s="1029"/>
      <c r="DX54" s="1029"/>
      <c r="DY54" s="1029"/>
      <c r="DZ54" s="1030"/>
      <c r="EA54" s="226"/>
    </row>
    <row r="55" spans="1:131" ht="26.25" customHeight="1" x14ac:dyDescent="0.2">
      <c r="A55" s="234">
        <v>28</v>
      </c>
      <c r="B55" s="1066"/>
      <c r="C55" s="1067"/>
      <c r="D55" s="1067"/>
      <c r="E55" s="1067"/>
      <c r="F55" s="1067"/>
      <c r="G55" s="1067"/>
      <c r="H55" s="1067"/>
      <c r="I55" s="1067"/>
      <c r="J55" s="1067"/>
      <c r="K55" s="1067"/>
      <c r="L55" s="1067"/>
      <c r="M55" s="1067"/>
      <c r="N55" s="1067"/>
      <c r="O55" s="1067"/>
      <c r="P55" s="1068"/>
      <c r="Q55" s="1069"/>
      <c r="R55" s="1061"/>
      <c r="S55" s="1061"/>
      <c r="T55" s="1061"/>
      <c r="U55" s="1061"/>
      <c r="V55" s="1061"/>
      <c r="W55" s="1061"/>
      <c r="X55" s="1061"/>
      <c r="Y55" s="1061"/>
      <c r="Z55" s="1061"/>
      <c r="AA55" s="1061"/>
      <c r="AB55" s="1061"/>
      <c r="AC55" s="1061"/>
      <c r="AD55" s="1061"/>
      <c r="AE55" s="1070"/>
      <c r="AF55" s="1071"/>
      <c r="AG55" s="1072"/>
      <c r="AH55" s="1072"/>
      <c r="AI55" s="1072"/>
      <c r="AJ55" s="1073"/>
      <c r="AK55" s="1060"/>
      <c r="AL55" s="1061"/>
      <c r="AM55" s="1061"/>
      <c r="AN55" s="1061"/>
      <c r="AO55" s="1061"/>
      <c r="AP55" s="1061"/>
      <c r="AQ55" s="1061"/>
      <c r="AR55" s="1061"/>
      <c r="AS55" s="1061"/>
      <c r="AT55" s="1061"/>
      <c r="AU55" s="1061"/>
      <c r="AV55" s="1061"/>
      <c r="AW55" s="1061"/>
      <c r="AX55" s="1061"/>
      <c r="AY55" s="1061"/>
      <c r="AZ55" s="1062"/>
      <c r="BA55" s="1062"/>
      <c r="BB55" s="1062"/>
      <c r="BC55" s="1062"/>
      <c r="BD55" s="1062"/>
      <c r="BE55" s="1008"/>
      <c r="BF55" s="1008"/>
      <c r="BG55" s="1008"/>
      <c r="BH55" s="1008"/>
      <c r="BI55" s="1009"/>
      <c r="BJ55" s="228"/>
      <c r="BK55" s="228"/>
      <c r="BL55" s="228"/>
      <c r="BM55" s="228"/>
      <c r="BN55" s="228"/>
      <c r="BO55" s="237"/>
      <c r="BP55" s="237"/>
      <c r="BQ55" s="234">
        <v>49</v>
      </c>
      <c r="BR55" s="235"/>
      <c r="BS55" s="1028"/>
      <c r="BT55" s="1029"/>
      <c r="BU55" s="1029"/>
      <c r="BV55" s="1029"/>
      <c r="BW55" s="1029"/>
      <c r="BX55" s="1029"/>
      <c r="BY55" s="1029"/>
      <c r="BZ55" s="1029"/>
      <c r="CA55" s="1029"/>
      <c r="CB55" s="1029"/>
      <c r="CC55" s="1029"/>
      <c r="CD55" s="1029"/>
      <c r="CE55" s="1029"/>
      <c r="CF55" s="1029"/>
      <c r="CG55" s="1050"/>
      <c r="CH55" s="1025"/>
      <c r="CI55" s="1026"/>
      <c r="CJ55" s="1026"/>
      <c r="CK55" s="1026"/>
      <c r="CL55" s="1027"/>
      <c r="CM55" s="1025"/>
      <c r="CN55" s="1026"/>
      <c r="CO55" s="1026"/>
      <c r="CP55" s="1026"/>
      <c r="CQ55" s="1027"/>
      <c r="CR55" s="1025"/>
      <c r="CS55" s="1026"/>
      <c r="CT55" s="1026"/>
      <c r="CU55" s="1026"/>
      <c r="CV55" s="1027"/>
      <c r="CW55" s="1025"/>
      <c r="CX55" s="1026"/>
      <c r="CY55" s="1026"/>
      <c r="CZ55" s="1026"/>
      <c r="DA55" s="1027"/>
      <c r="DB55" s="1025"/>
      <c r="DC55" s="1026"/>
      <c r="DD55" s="1026"/>
      <c r="DE55" s="1026"/>
      <c r="DF55" s="1027"/>
      <c r="DG55" s="1025"/>
      <c r="DH55" s="1026"/>
      <c r="DI55" s="1026"/>
      <c r="DJ55" s="1026"/>
      <c r="DK55" s="1027"/>
      <c r="DL55" s="1025"/>
      <c r="DM55" s="1026"/>
      <c r="DN55" s="1026"/>
      <c r="DO55" s="1026"/>
      <c r="DP55" s="1027"/>
      <c r="DQ55" s="1025"/>
      <c r="DR55" s="1026"/>
      <c r="DS55" s="1026"/>
      <c r="DT55" s="1026"/>
      <c r="DU55" s="1027"/>
      <c r="DV55" s="1028"/>
      <c r="DW55" s="1029"/>
      <c r="DX55" s="1029"/>
      <c r="DY55" s="1029"/>
      <c r="DZ55" s="1030"/>
      <c r="EA55" s="226"/>
    </row>
    <row r="56" spans="1:131" ht="26.25" customHeight="1" x14ac:dyDescent="0.2">
      <c r="A56" s="234">
        <v>29</v>
      </c>
      <c r="B56" s="1066"/>
      <c r="C56" s="1067"/>
      <c r="D56" s="1067"/>
      <c r="E56" s="1067"/>
      <c r="F56" s="1067"/>
      <c r="G56" s="1067"/>
      <c r="H56" s="1067"/>
      <c r="I56" s="1067"/>
      <c r="J56" s="1067"/>
      <c r="K56" s="1067"/>
      <c r="L56" s="1067"/>
      <c r="M56" s="1067"/>
      <c r="N56" s="1067"/>
      <c r="O56" s="1067"/>
      <c r="P56" s="1068"/>
      <c r="Q56" s="1069"/>
      <c r="R56" s="1061"/>
      <c r="S56" s="1061"/>
      <c r="T56" s="1061"/>
      <c r="U56" s="1061"/>
      <c r="V56" s="1061"/>
      <c r="W56" s="1061"/>
      <c r="X56" s="1061"/>
      <c r="Y56" s="1061"/>
      <c r="Z56" s="1061"/>
      <c r="AA56" s="1061"/>
      <c r="AB56" s="1061"/>
      <c r="AC56" s="1061"/>
      <c r="AD56" s="1061"/>
      <c r="AE56" s="1070"/>
      <c r="AF56" s="1071"/>
      <c r="AG56" s="1072"/>
      <c r="AH56" s="1072"/>
      <c r="AI56" s="1072"/>
      <c r="AJ56" s="1073"/>
      <c r="AK56" s="1060"/>
      <c r="AL56" s="1061"/>
      <c r="AM56" s="1061"/>
      <c r="AN56" s="1061"/>
      <c r="AO56" s="1061"/>
      <c r="AP56" s="1061"/>
      <c r="AQ56" s="1061"/>
      <c r="AR56" s="1061"/>
      <c r="AS56" s="1061"/>
      <c r="AT56" s="1061"/>
      <c r="AU56" s="1061"/>
      <c r="AV56" s="1061"/>
      <c r="AW56" s="1061"/>
      <c r="AX56" s="1061"/>
      <c r="AY56" s="1061"/>
      <c r="AZ56" s="1062"/>
      <c r="BA56" s="1062"/>
      <c r="BB56" s="1062"/>
      <c r="BC56" s="1062"/>
      <c r="BD56" s="1062"/>
      <c r="BE56" s="1008"/>
      <c r="BF56" s="1008"/>
      <c r="BG56" s="1008"/>
      <c r="BH56" s="1008"/>
      <c r="BI56" s="1009"/>
      <c r="BJ56" s="228"/>
      <c r="BK56" s="228"/>
      <c r="BL56" s="228"/>
      <c r="BM56" s="228"/>
      <c r="BN56" s="228"/>
      <c r="BO56" s="237"/>
      <c r="BP56" s="237"/>
      <c r="BQ56" s="234">
        <v>50</v>
      </c>
      <c r="BR56" s="235"/>
      <c r="BS56" s="1028"/>
      <c r="BT56" s="1029"/>
      <c r="BU56" s="1029"/>
      <c r="BV56" s="1029"/>
      <c r="BW56" s="1029"/>
      <c r="BX56" s="1029"/>
      <c r="BY56" s="1029"/>
      <c r="BZ56" s="1029"/>
      <c r="CA56" s="1029"/>
      <c r="CB56" s="1029"/>
      <c r="CC56" s="1029"/>
      <c r="CD56" s="1029"/>
      <c r="CE56" s="1029"/>
      <c r="CF56" s="1029"/>
      <c r="CG56" s="1050"/>
      <c r="CH56" s="1025"/>
      <c r="CI56" s="1026"/>
      <c r="CJ56" s="1026"/>
      <c r="CK56" s="1026"/>
      <c r="CL56" s="1027"/>
      <c r="CM56" s="1025"/>
      <c r="CN56" s="1026"/>
      <c r="CO56" s="1026"/>
      <c r="CP56" s="1026"/>
      <c r="CQ56" s="1027"/>
      <c r="CR56" s="1025"/>
      <c r="CS56" s="1026"/>
      <c r="CT56" s="1026"/>
      <c r="CU56" s="1026"/>
      <c r="CV56" s="1027"/>
      <c r="CW56" s="1025"/>
      <c r="CX56" s="1026"/>
      <c r="CY56" s="1026"/>
      <c r="CZ56" s="1026"/>
      <c r="DA56" s="1027"/>
      <c r="DB56" s="1025"/>
      <c r="DC56" s="1026"/>
      <c r="DD56" s="1026"/>
      <c r="DE56" s="1026"/>
      <c r="DF56" s="1027"/>
      <c r="DG56" s="1025"/>
      <c r="DH56" s="1026"/>
      <c r="DI56" s="1026"/>
      <c r="DJ56" s="1026"/>
      <c r="DK56" s="1027"/>
      <c r="DL56" s="1025"/>
      <c r="DM56" s="1026"/>
      <c r="DN56" s="1026"/>
      <c r="DO56" s="1026"/>
      <c r="DP56" s="1027"/>
      <c r="DQ56" s="1025"/>
      <c r="DR56" s="1026"/>
      <c r="DS56" s="1026"/>
      <c r="DT56" s="1026"/>
      <c r="DU56" s="1027"/>
      <c r="DV56" s="1028"/>
      <c r="DW56" s="1029"/>
      <c r="DX56" s="1029"/>
      <c r="DY56" s="1029"/>
      <c r="DZ56" s="1030"/>
      <c r="EA56" s="226"/>
    </row>
    <row r="57" spans="1:131" ht="26.25" customHeight="1" x14ac:dyDescent="0.2">
      <c r="A57" s="234">
        <v>30</v>
      </c>
      <c r="B57" s="1066"/>
      <c r="C57" s="1067"/>
      <c r="D57" s="1067"/>
      <c r="E57" s="1067"/>
      <c r="F57" s="1067"/>
      <c r="G57" s="1067"/>
      <c r="H57" s="1067"/>
      <c r="I57" s="1067"/>
      <c r="J57" s="1067"/>
      <c r="K57" s="1067"/>
      <c r="L57" s="1067"/>
      <c r="M57" s="1067"/>
      <c r="N57" s="1067"/>
      <c r="O57" s="1067"/>
      <c r="P57" s="1068"/>
      <c r="Q57" s="1069"/>
      <c r="R57" s="1061"/>
      <c r="S57" s="1061"/>
      <c r="T57" s="1061"/>
      <c r="U57" s="1061"/>
      <c r="V57" s="1061"/>
      <c r="W57" s="1061"/>
      <c r="X57" s="1061"/>
      <c r="Y57" s="1061"/>
      <c r="Z57" s="1061"/>
      <c r="AA57" s="1061"/>
      <c r="AB57" s="1061"/>
      <c r="AC57" s="1061"/>
      <c r="AD57" s="1061"/>
      <c r="AE57" s="1070"/>
      <c r="AF57" s="1071"/>
      <c r="AG57" s="1072"/>
      <c r="AH57" s="1072"/>
      <c r="AI57" s="1072"/>
      <c r="AJ57" s="1073"/>
      <c r="AK57" s="1060"/>
      <c r="AL57" s="1061"/>
      <c r="AM57" s="1061"/>
      <c r="AN57" s="1061"/>
      <c r="AO57" s="1061"/>
      <c r="AP57" s="1061"/>
      <c r="AQ57" s="1061"/>
      <c r="AR57" s="1061"/>
      <c r="AS57" s="1061"/>
      <c r="AT57" s="1061"/>
      <c r="AU57" s="1061"/>
      <c r="AV57" s="1061"/>
      <c r="AW57" s="1061"/>
      <c r="AX57" s="1061"/>
      <c r="AY57" s="1061"/>
      <c r="AZ57" s="1062"/>
      <c r="BA57" s="1062"/>
      <c r="BB57" s="1062"/>
      <c r="BC57" s="1062"/>
      <c r="BD57" s="1062"/>
      <c r="BE57" s="1008"/>
      <c r="BF57" s="1008"/>
      <c r="BG57" s="1008"/>
      <c r="BH57" s="1008"/>
      <c r="BI57" s="1009"/>
      <c r="BJ57" s="228"/>
      <c r="BK57" s="228"/>
      <c r="BL57" s="228"/>
      <c r="BM57" s="228"/>
      <c r="BN57" s="228"/>
      <c r="BO57" s="237"/>
      <c r="BP57" s="237"/>
      <c r="BQ57" s="234">
        <v>51</v>
      </c>
      <c r="BR57" s="235"/>
      <c r="BS57" s="1028"/>
      <c r="BT57" s="1029"/>
      <c r="BU57" s="1029"/>
      <c r="BV57" s="1029"/>
      <c r="BW57" s="1029"/>
      <c r="BX57" s="1029"/>
      <c r="BY57" s="1029"/>
      <c r="BZ57" s="1029"/>
      <c r="CA57" s="1029"/>
      <c r="CB57" s="1029"/>
      <c r="CC57" s="1029"/>
      <c r="CD57" s="1029"/>
      <c r="CE57" s="1029"/>
      <c r="CF57" s="1029"/>
      <c r="CG57" s="1050"/>
      <c r="CH57" s="1025"/>
      <c r="CI57" s="1026"/>
      <c r="CJ57" s="1026"/>
      <c r="CK57" s="1026"/>
      <c r="CL57" s="1027"/>
      <c r="CM57" s="1025"/>
      <c r="CN57" s="1026"/>
      <c r="CO57" s="1026"/>
      <c r="CP57" s="1026"/>
      <c r="CQ57" s="1027"/>
      <c r="CR57" s="1025"/>
      <c r="CS57" s="1026"/>
      <c r="CT57" s="1026"/>
      <c r="CU57" s="1026"/>
      <c r="CV57" s="1027"/>
      <c r="CW57" s="1025"/>
      <c r="CX57" s="1026"/>
      <c r="CY57" s="1026"/>
      <c r="CZ57" s="1026"/>
      <c r="DA57" s="1027"/>
      <c r="DB57" s="1025"/>
      <c r="DC57" s="1026"/>
      <c r="DD57" s="1026"/>
      <c r="DE57" s="1026"/>
      <c r="DF57" s="1027"/>
      <c r="DG57" s="1025"/>
      <c r="DH57" s="1026"/>
      <c r="DI57" s="1026"/>
      <c r="DJ57" s="1026"/>
      <c r="DK57" s="1027"/>
      <c r="DL57" s="1025"/>
      <c r="DM57" s="1026"/>
      <c r="DN57" s="1026"/>
      <c r="DO57" s="1026"/>
      <c r="DP57" s="1027"/>
      <c r="DQ57" s="1025"/>
      <c r="DR57" s="1026"/>
      <c r="DS57" s="1026"/>
      <c r="DT57" s="1026"/>
      <c r="DU57" s="1027"/>
      <c r="DV57" s="1028"/>
      <c r="DW57" s="1029"/>
      <c r="DX57" s="1029"/>
      <c r="DY57" s="1029"/>
      <c r="DZ57" s="1030"/>
      <c r="EA57" s="226"/>
    </row>
    <row r="58" spans="1:131" ht="26.25" customHeight="1" x14ac:dyDescent="0.2">
      <c r="A58" s="234">
        <v>31</v>
      </c>
      <c r="B58" s="1066"/>
      <c r="C58" s="1067"/>
      <c r="D58" s="1067"/>
      <c r="E58" s="1067"/>
      <c r="F58" s="1067"/>
      <c r="G58" s="1067"/>
      <c r="H58" s="1067"/>
      <c r="I58" s="1067"/>
      <c r="J58" s="1067"/>
      <c r="K58" s="1067"/>
      <c r="L58" s="1067"/>
      <c r="M58" s="1067"/>
      <c r="N58" s="1067"/>
      <c r="O58" s="1067"/>
      <c r="P58" s="1068"/>
      <c r="Q58" s="1069"/>
      <c r="R58" s="1061"/>
      <c r="S58" s="1061"/>
      <c r="T58" s="1061"/>
      <c r="U58" s="1061"/>
      <c r="V58" s="1061"/>
      <c r="W58" s="1061"/>
      <c r="X58" s="1061"/>
      <c r="Y58" s="1061"/>
      <c r="Z58" s="1061"/>
      <c r="AA58" s="1061"/>
      <c r="AB58" s="1061"/>
      <c r="AC58" s="1061"/>
      <c r="AD58" s="1061"/>
      <c r="AE58" s="1070"/>
      <c r="AF58" s="1071"/>
      <c r="AG58" s="1072"/>
      <c r="AH58" s="1072"/>
      <c r="AI58" s="1072"/>
      <c r="AJ58" s="1073"/>
      <c r="AK58" s="1060"/>
      <c r="AL58" s="1061"/>
      <c r="AM58" s="1061"/>
      <c r="AN58" s="1061"/>
      <c r="AO58" s="1061"/>
      <c r="AP58" s="1061"/>
      <c r="AQ58" s="1061"/>
      <c r="AR58" s="1061"/>
      <c r="AS58" s="1061"/>
      <c r="AT58" s="1061"/>
      <c r="AU58" s="1061"/>
      <c r="AV58" s="1061"/>
      <c r="AW58" s="1061"/>
      <c r="AX58" s="1061"/>
      <c r="AY58" s="1061"/>
      <c r="AZ58" s="1062"/>
      <c r="BA58" s="1062"/>
      <c r="BB58" s="1062"/>
      <c r="BC58" s="1062"/>
      <c r="BD58" s="1062"/>
      <c r="BE58" s="1008"/>
      <c r="BF58" s="1008"/>
      <c r="BG58" s="1008"/>
      <c r="BH58" s="1008"/>
      <c r="BI58" s="1009"/>
      <c r="BJ58" s="228"/>
      <c r="BK58" s="228"/>
      <c r="BL58" s="228"/>
      <c r="BM58" s="228"/>
      <c r="BN58" s="228"/>
      <c r="BO58" s="237"/>
      <c r="BP58" s="237"/>
      <c r="BQ58" s="234">
        <v>52</v>
      </c>
      <c r="BR58" s="235"/>
      <c r="BS58" s="1028"/>
      <c r="BT58" s="1029"/>
      <c r="BU58" s="1029"/>
      <c r="BV58" s="1029"/>
      <c r="BW58" s="1029"/>
      <c r="BX58" s="1029"/>
      <c r="BY58" s="1029"/>
      <c r="BZ58" s="1029"/>
      <c r="CA58" s="1029"/>
      <c r="CB58" s="1029"/>
      <c r="CC58" s="1029"/>
      <c r="CD58" s="1029"/>
      <c r="CE58" s="1029"/>
      <c r="CF58" s="1029"/>
      <c r="CG58" s="1050"/>
      <c r="CH58" s="1025"/>
      <c r="CI58" s="1026"/>
      <c r="CJ58" s="1026"/>
      <c r="CK58" s="1026"/>
      <c r="CL58" s="1027"/>
      <c r="CM58" s="1025"/>
      <c r="CN58" s="1026"/>
      <c r="CO58" s="1026"/>
      <c r="CP58" s="1026"/>
      <c r="CQ58" s="1027"/>
      <c r="CR58" s="1025"/>
      <c r="CS58" s="1026"/>
      <c r="CT58" s="1026"/>
      <c r="CU58" s="1026"/>
      <c r="CV58" s="1027"/>
      <c r="CW58" s="1025"/>
      <c r="CX58" s="1026"/>
      <c r="CY58" s="1026"/>
      <c r="CZ58" s="1026"/>
      <c r="DA58" s="1027"/>
      <c r="DB58" s="1025"/>
      <c r="DC58" s="1026"/>
      <c r="DD58" s="1026"/>
      <c r="DE58" s="1026"/>
      <c r="DF58" s="1027"/>
      <c r="DG58" s="1025"/>
      <c r="DH58" s="1026"/>
      <c r="DI58" s="1026"/>
      <c r="DJ58" s="1026"/>
      <c r="DK58" s="1027"/>
      <c r="DL58" s="1025"/>
      <c r="DM58" s="1026"/>
      <c r="DN58" s="1026"/>
      <c r="DO58" s="1026"/>
      <c r="DP58" s="1027"/>
      <c r="DQ58" s="1025"/>
      <c r="DR58" s="1026"/>
      <c r="DS58" s="1026"/>
      <c r="DT58" s="1026"/>
      <c r="DU58" s="1027"/>
      <c r="DV58" s="1028"/>
      <c r="DW58" s="1029"/>
      <c r="DX58" s="1029"/>
      <c r="DY58" s="1029"/>
      <c r="DZ58" s="1030"/>
      <c r="EA58" s="226"/>
    </row>
    <row r="59" spans="1:131" ht="26.25" customHeight="1" x14ac:dyDescent="0.2">
      <c r="A59" s="234">
        <v>32</v>
      </c>
      <c r="B59" s="1066"/>
      <c r="C59" s="1067"/>
      <c r="D59" s="1067"/>
      <c r="E59" s="1067"/>
      <c r="F59" s="1067"/>
      <c r="G59" s="1067"/>
      <c r="H59" s="1067"/>
      <c r="I59" s="1067"/>
      <c r="J59" s="1067"/>
      <c r="K59" s="1067"/>
      <c r="L59" s="1067"/>
      <c r="M59" s="1067"/>
      <c r="N59" s="1067"/>
      <c r="O59" s="1067"/>
      <c r="P59" s="1068"/>
      <c r="Q59" s="1069"/>
      <c r="R59" s="1061"/>
      <c r="S59" s="1061"/>
      <c r="T59" s="1061"/>
      <c r="U59" s="1061"/>
      <c r="V59" s="1061"/>
      <c r="W59" s="1061"/>
      <c r="X59" s="1061"/>
      <c r="Y59" s="1061"/>
      <c r="Z59" s="1061"/>
      <c r="AA59" s="1061"/>
      <c r="AB59" s="1061"/>
      <c r="AC59" s="1061"/>
      <c r="AD59" s="1061"/>
      <c r="AE59" s="1070"/>
      <c r="AF59" s="1071"/>
      <c r="AG59" s="1072"/>
      <c r="AH59" s="1072"/>
      <c r="AI59" s="1072"/>
      <c r="AJ59" s="1073"/>
      <c r="AK59" s="1060"/>
      <c r="AL59" s="1061"/>
      <c r="AM59" s="1061"/>
      <c r="AN59" s="1061"/>
      <c r="AO59" s="1061"/>
      <c r="AP59" s="1061"/>
      <c r="AQ59" s="1061"/>
      <c r="AR59" s="1061"/>
      <c r="AS59" s="1061"/>
      <c r="AT59" s="1061"/>
      <c r="AU59" s="1061"/>
      <c r="AV59" s="1061"/>
      <c r="AW59" s="1061"/>
      <c r="AX59" s="1061"/>
      <c r="AY59" s="1061"/>
      <c r="AZ59" s="1062"/>
      <c r="BA59" s="1062"/>
      <c r="BB59" s="1062"/>
      <c r="BC59" s="1062"/>
      <c r="BD59" s="1062"/>
      <c r="BE59" s="1008"/>
      <c r="BF59" s="1008"/>
      <c r="BG59" s="1008"/>
      <c r="BH59" s="1008"/>
      <c r="BI59" s="1009"/>
      <c r="BJ59" s="228"/>
      <c r="BK59" s="228"/>
      <c r="BL59" s="228"/>
      <c r="BM59" s="228"/>
      <c r="BN59" s="228"/>
      <c r="BO59" s="237"/>
      <c r="BP59" s="237"/>
      <c r="BQ59" s="234">
        <v>53</v>
      </c>
      <c r="BR59" s="235"/>
      <c r="BS59" s="1028"/>
      <c r="BT59" s="1029"/>
      <c r="BU59" s="1029"/>
      <c r="BV59" s="1029"/>
      <c r="BW59" s="1029"/>
      <c r="BX59" s="1029"/>
      <c r="BY59" s="1029"/>
      <c r="BZ59" s="1029"/>
      <c r="CA59" s="1029"/>
      <c r="CB59" s="1029"/>
      <c r="CC59" s="1029"/>
      <c r="CD59" s="1029"/>
      <c r="CE59" s="1029"/>
      <c r="CF59" s="1029"/>
      <c r="CG59" s="1050"/>
      <c r="CH59" s="1025"/>
      <c r="CI59" s="1026"/>
      <c r="CJ59" s="1026"/>
      <c r="CK59" s="1026"/>
      <c r="CL59" s="1027"/>
      <c r="CM59" s="1025"/>
      <c r="CN59" s="1026"/>
      <c r="CO59" s="1026"/>
      <c r="CP59" s="1026"/>
      <c r="CQ59" s="1027"/>
      <c r="CR59" s="1025"/>
      <c r="CS59" s="1026"/>
      <c r="CT59" s="1026"/>
      <c r="CU59" s="1026"/>
      <c r="CV59" s="1027"/>
      <c r="CW59" s="1025"/>
      <c r="CX59" s="1026"/>
      <c r="CY59" s="1026"/>
      <c r="CZ59" s="1026"/>
      <c r="DA59" s="1027"/>
      <c r="DB59" s="1025"/>
      <c r="DC59" s="1026"/>
      <c r="DD59" s="1026"/>
      <c r="DE59" s="1026"/>
      <c r="DF59" s="1027"/>
      <c r="DG59" s="1025"/>
      <c r="DH59" s="1026"/>
      <c r="DI59" s="1026"/>
      <c r="DJ59" s="1026"/>
      <c r="DK59" s="1027"/>
      <c r="DL59" s="1025"/>
      <c r="DM59" s="1026"/>
      <c r="DN59" s="1026"/>
      <c r="DO59" s="1026"/>
      <c r="DP59" s="1027"/>
      <c r="DQ59" s="1025"/>
      <c r="DR59" s="1026"/>
      <c r="DS59" s="1026"/>
      <c r="DT59" s="1026"/>
      <c r="DU59" s="1027"/>
      <c r="DV59" s="1028"/>
      <c r="DW59" s="1029"/>
      <c r="DX59" s="1029"/>
      <c r="DY59" s="1029"/>
      <c r="DZ59" s="1030"/>
      <c r="EA59" s="226"/>
    </row>
    <row r="60" spans="1:131" ht="26.25" customHeight="1" x14ac:dyDescent="0.2">
      <c r="A60" s="234">
        <v>33</v>
      </c>
      <c r="B60" s="1066"/>
      <c r="C60" s="1067"/>
      <c r="D60" s="1067"/>
      <c r="E60" s="1067"/>
      <c r="F60" s="1067"/>
      <c r="G60" s="1067"/>
      <c r="H60" s="1067"/>
      <c r="I60" s="1067"/>
      <c r="J60" s="1067"/>
      <c r="K60" s="1067"/>
      <c r="L60" s="1067"/>
      <c r="M60" s="1067"/>
      <c r="N60" s="1067"/>
      <c r="O60" s="1067"/>
      <c r="P60" s="1068"/>
      <c r="Q60" s="1069"/>
      <c r="R60" s="1061"/>
      <c r="S60" s="1061"/>
      <c r="T60" s="1061"/>
      <c r="U60" s="1061"/>
      <c r="V60" s="1061"/>
      <c r="W60" s="1061"/>
      <c r="X60" s="1061"/>
      <c r="Y60" s="1061"/>
      <c r="Z60" s="1061"/>
      <c r="AA60" s="1061"/>
      <c r="AB60" s="1061"/>
      <c r="AC60" s="1061"/>
      <c r="AD60" s="1061"/>
      <c r="AE60" s="1070"/>
      <c r="AF60" s="1071"/>
      <c r="AG60" s="1072"/>
      <c r="AH60" s="1072"/>
      <c r="AI60" s="1072"/>
      <c r="AJ60" s="1073"/>
      <c r="AK60" s="1060"/>
      <c r="AL60" s="1061"/>
      <c r="AM60" s="1061"/>
      <c r="AN60" s="1061"/>
      <c r="AO60" s="1061"/>
      <c r="AP60" s="1061"/>
      <c r="AQ60" s="1061"/>
      <c r="AR60" s="1061"/>
      <c r="AS60" s="1061"/>
      <c r="AT60" s="1061"/>
      <c r="AU60" s="1061"/>
      <c r="AV60" s="1061"/>
      <c r="AW60" s="1061"/>
      <c r="AX60" s="1061"/>
      <c r="AY60" s="1061"/>
      <c r="AZ60" s="1062"/>
      <c r="BA60" s="1062"/>
      <c r="BB60" s="1062"/>
      <c r="BC60" s="1062"/>
      <c r="BD60" s="1062"/>
      <c r="BE60" s="1008"/>
      <c r="BF60" s="1008"/>
      <c r="BG60" s="1008"/>
      <c r="BH60" s="1008"/>
      <c r="BI60" s="1009"/>
      <c r="BJ60" s="228"/>
      <c r="BK60" s="228"/>
      <c r="BL60" s="228"/>
      <c r="BM60" s="228"/>
      <c r="BN60" s="228"/>
      <c r="BO60" s="237"/>
      <c r="BP60" s="237"/>
      <c r="BQ60" s="234">
        <v>54</v>
      </c>
      <c r="BR60" s="235"/>
      <c r="BS60" s="1028"/>
      <c r="BT60" s="1029"/>
      <c r="BU60" s="1029"/>
      <c r="BV60" s="1029"/>
      <c r="BW60" s="1029"/>
      <c r="BX60" s="1029"/>
      <c r="BY60" s="1029"/>
      <c r="BZ60" s="1029"/>
      <c r="CA60" s="1029"/>
      <c r="CB60" s="1029"/>
      <c r="CC60" s="1029"/>
      <c r="CD60" s="1029"/>
      <c r="CE60" s="1029"/>
      <c r="CF60" s="1029"/>
      <c r="CG60" s="1050"/>
      <c r="CH60" s="1025"/>
      <c r="CI60" s="1026"/>
      <c r="CJ60" s="1026"/>
      <c r="CK60" s="1026"/>
      <c r="CL60" s="1027"/>
      <c r="CM60" s="1025"/>
      <c r="CN60" s="1026"/>
      <c r="CO60" s="1026"/>
      <c r="CP60" s="1026"/>
      <c r="CQ60" s="1027"/>
      <c r="CR60" s="1025"/>
      <c r="CS60" s="1026"/>
      <c r="CT60" s="1026"/>
      <c r="CU60" s="1026"/>
      <c r="CV60" s="1027"/>
      <c r="CW60" s="1025"/>
      <c r="CX60" s="1026"/>
      <c r="CY60" s="1026"/>
      <c r="CZ60" s="1026"/>
      <c r="DA60" s="1027"/>
      <c r="DB60" s="1025"/>
      <c r="DC60" s="1026"/>
      <c r="DD60" s="1026"/>
      <c r="DE60" s="1026"/>
      <c r="DF60" s="1027"/>
      <c r="DG60" s="1025"/>
      <c r="DH60" s="1026"/>
      <c r="DI60" s="1026"/>
      <c r="DJ60" s="1026"/>
      <c r="DK60" s="1027"/>
      <c r="DL60" s="1025"/>
      <c r="DM60" s="1026"/>
      <c r="DN60" s="1026"/>
      <c r="DO60" s="1026"/>
      <c r="DP60" s="1027"/>
      <c r="DQ60" s="1025"/>
      <c r="DR60" s="1026"/>
      <c r="DS60" s="1026"/>
      <c r="DT60" s="1026"/>
      <c r="DU60" s="1027"/>
      <c r="DV60" s="1028"/>
      <c r="DW60" s="1029"/>
      <c r="DX60" s="1029"/>
      <c r="DY60" s="1029"/>
      <c r="DZ60" s="1030"/>
      <c r="EA60" s="226"/>
    </row>
    <row r="61" spans="1:131" ht="26.25" customHeight="1" thickBot="1" x14ac:dyDescent="0.25">
      <c r="A61" s="234">
        <v>34</v>
      </c>
      <c r="B61" s="1066"/>
      <c r="C61" s="1067"/>
      <c r="D61" s="1067"/>
      <c r="E61" s="1067"/>
      <c r="F61" s="1067"/>
      <c r="G61" s="1067"/>
      <c r="H61" s="1067"/>
      <c r="I61" s="1067"/>
      <c r="J61" s="1067"/>
      <c r="K61" s="1067"/>
      <c r="L61" s="1067"/>
      <c r="M61" s="1067"/>
      <c r="N61" s="1067"/>
      <c r="O61" s="1067"/>
      <c r="P61" s="1068"/>
      <c r="Q61" s="1069"/>
      <c r="R61" s="1061"/>
      <c r="S61" s="1061"/>
      <c r="T61" s="1061"/>
      <c r="U61" s="1061"/>
      <c r="V61" s="1061"/>
      <c r="W61" s="1061"/>
      <c r="X61" s="1061"/>
      <c r="Y61" s="1061"/>
      <c r="Z61" s="1061"/>
      <c r="AA61" s="1061"/>
      <c r="AB61" s="1061"/>
      <c r="AC61" s="1061"/>
      <c r="AD61" s="1061"/>
      <c r="AE61" s="1070"/>
      <c r="AF61" s="1071"/>
      <c r="AG61" s="1072"/>
      <c r="AH61" s="1072"/>
      <c r="AI61" s="1072"/>
      <c r="AJ61" s="1073"/>
      <c r="AK61" s="1060"/>
      <c r="AL61" s="1061"/>
      <c r="AM61" s="1061"/>
      <c r="AN61" s="1061"/>
      <c r="AO61" s="1061"/>
      <c r="AP61" s="1061"/>
      <c r="AQ61" s="1061"/>
      <c r="AR61" s="1061"/>
      <c r="AS61" s="1061"/>
      <c r="AT61" s="1061"/>
      <c r="AU61" s="1061"/>
      <c r="AV61" s="1061"/>
      <c r="AW61" s="1061"/>
      <c r="AX61" s="1061"/>
      <c r="AY61" s="1061"/>
      <c r="AZ61" s="1062"/>
      <c r="BA61" s="1062"/>
      <c r="BB61" s="1062"/>
      <c r="BC61" s="1062"/>
      <c r="BD61" s="1062"/>
      <c r="BE61" s="1008"/>
      <c r="BF61" s="1008"/>
      <c r="BG61" s="1008"/>
      <c r="BH61" s="1008"/>
      <c r="BI61" s="1009"/>
      <c r="BJ61" s="228"/>
      <c r="BK61" s="228"/>
      <c r="BL61" s="228"/>
      <c r="BM61" s="228"/>
      <c r="BN61" s="228"/>
      <c r="BO61" s="237"/>
      <c r="BP61" s="237"/>
      <c r="BQ61" s="234">
        <v>55</v>
      </c>
      <c r="BR61" s="235"/>
      <c r="BS61" s="1028"/>
      <c r="BT61" s="1029"/>
      <c r="BU61" s="1029"/>
      <c r="BV61" s="1029"/>
      <c r="BW61" s="1029"/>
      <c r="BX61" s="1029"/>
      <c r="BY61" s="1029"/>
      <c r="BZ61" s="1029"/>
      <c r="CA61" s="1029"/>
      <c r="CB61" s="1029"/>
      <c r="CC61" s="1029"/>
      <c r="CD61" s="1029"/>
      <c r="CE61" s="1029"/>
      <c r="CF61" s="1029"/>
      <c r="CG61" s="1050"/>
      <c r="CH61" s="1025"/>
      <c r="CI61" s="1026"/>
      <c r="CJ61" s="1026"/>
      <c r="CK61" s="1026"/>
      <c r="CL61" s="1027"/>
      <c r="CM61" s="1025"/>
      <c r="CN61" s="1026"/>
      <c r="CO61" s="1026"/>
      <c r="CP61" s="1026"/>
      <c r="CQ61" s="1027"/>
      <c r="CR61" s="1025"/>
      <c r="CS61" s="1026"/>
      <c r="CT61" s="1026"/>
      <c r="CU61" s="1026"/>
      <c r="CV61" s="1027"/>
      <c r="CW61" s="1025"/>
      <c r="CX61" s="1026"/>
      <c r="CY61" s="1026"/>
      <c r="CZ61" s="1026"/>
      <c r="DA61" s="1027"/>
      <c r="DB61" s="1025"/>
      <c r="DC61" s="1026"/>
      <c r="DD61" s="1026"/>
      <c r="DE61" s="1026"/>
      <c r="DF61" s="1027"/>
      <c r="DG61" s="1025"/>
      <c r="DH61" s="1026"/>
      <c r="DI61" s="1026"/>
      <c r="DJ61" s="1026"/>
      <c r="DK61" s="1027"/>
      <c r="DL61" s="1025"/>
      <c r="DM61" s="1026"/>
      <c r="DN61" s="1026"/>
      <c r="DO61" s="1026"/>
      <c r="DP61" s="1027"/>
      <c r="DQ61" s="1025"/>
      <c r="DR61" s="1026"/>
      <c r="DS61" s="1026"/>
      <c r="DT61" s="1026"/>
      <c r="DU61" s="1027"/>
      <c r="DV61" s="1028"/>
      <c r="DW61" s="1029"/>
      <c r="DX61" s="1029"/>
      <c r="DY61" s="1029"/>
      <c r="DZ61" s="1030"/>
      <c r="EA61" s="226"/>
    </row>
    <row r="62" spans="1:131" ht="26.25" customHeight="1" x14ac:dyDescent="0.2">
      <c r="A62" s="234">
        <v>35</v>
      </c>
      <c r="B62" s="1066"/>
      <c r="C62" s="1067"/>
      <c r="D62" s="1067"/>
      <c r="E62" s="1067"/>
      <c r="F62" s="1067"/>
      <c r="G62" s="1067"/>
      <c r="H62" s="1067"/>
      <c r="I62" s="1067"/>
      <c r="J62" s="1067"/>
      <c r="K62" s="1067"/>
      <c r="L62" s="1067"/>
      <c r="M62" s="1067"/>
      <c r="N62" s="1067"/>
      <c r="O62" s="1067"/>
      <c r="P62" s="1068"/>
      <c r="Q62" s="1069"/>
      <c r="R62" s="1061"/>
      <c r="S62" s="1061"/>
      <c r="T62" s="1061"/>
      <c r="U62" s="1061"/>
      <c r="V62" s="1061"/>
      <c r="W62" s="1061"/>
      <c r="X62" s="1061"/>
      <c r="Y62" s="1061"/>
      <c r="Z62" s="1061"/>
      <c r="AA62" s="1061"/>
      <c r="AB62" s="1061"/>
      <c r="AC62" s="1061"/>
      <c r="AD62" s="1061"/>
      <c r="AE62" s="1070"/>
      <c r="AF62" s="1071"/>
      <c r="AG62" s="1072"/>
      <c r="AH62" s="1072"/>
      <c r="AI62" s="1072"/>
      <c r="AJ62" s="1073"/>
      <c r="AK62" s="1060"/>
      <c r="AL62" s="1061"/>
      <c r="AM62" s="1061"/>
      <c r="AN62" s="1061"/>
      <c r="AO62" s="1061"/>
      <c r="AP62" s="1061"/>
      <c r="AQ62" s="1061"/>
      <c r="AR62" s="1061"/>
      <c r="AS62" s="1061"/>
      <c r="AT62" s="1061"/>
      <c r="AU62" s="1061"/>
      <c r="AV62" s="1061"/>
      <c r="AW62" s="1061"/>
      <c r="AX62" s="1061"/>
      <c r="AY62" s="1061"/>
      <c r="AZ62" s="1062"/>
      <c r="BA62" s="1062"/>
      <c r="BB62" s="1062"/>
      <c r="BC62" s="1062"/>
      <c r="BD62" s="1062"/>
      <c r="BE62" s="1008"/>
      <c r="BF62" s="1008"/>
      <c r="BG62" s="1008"/>
      <c r="BH62" s="1008"/>
      <c r="BI62" s="1009"/>
      <c r="BJ62" s="1063" t="s">
        <v>420</v>
      </c>
      <c r="BK62" s="1064"/>
      <c r="BL62" s="1064"/>
      <c r="BM62" s="1064"/>
      <c r="BN62" s="1065"/>
      <c r="BO62" s="237"/>
      <c r="BP62" s="237"/>
      <c r="BQ62" s="234">
        <v>56</v>
      </c>
      <c r="BR62" s="235"/>
      <c r="BS62" s="1028"/>
      <c r="BT62" s="1029"/>
      <c r="BU62" s="1029"/>
      <c r="BV62" s="1029"/>
      <c r="BW62" s="1029"/>
      <c r="BX62" s="1029"/>
      <c r="BY62" s="1029"/>
      <c r="BZ62" s="1029"/>
      <c r="CA62" s="1029"/>
      <c r="CB62" s="1029"/>
      <c r="CC62" s="1029"/>
      <c r="CD62" s="1029"/>
      <c r="CE62" s="1029"/>
      <c r="CF62" s="1029"/>
      <c r="CG62" s="1050"/>
      <c r="CH62" s="1025"/>
      <c r="CI62" s="1026"/>
      <c r="CJ62" s="1026"/>
      <c r="CK62" s="1026"/>
      <c r="CL62" s="1027"/>
      <c r="CM62" s="1025"/>
      <c r="CN62" s="1026"/>
      <c r="CO62" s="1026"/>
      <c r="CP62" s="1026"/>
      <c r="CQ62" s="1027"/>
      <c r="CR62" s="1025"/>
      <c r="CS62" s="1026"/>
      <c r="CT62" s="1026"/>
      <c r="CU62" s="1026"/>
      <c r="CV62" s="1027"/>
      <c r="CW62" s="1025"/>
      <c r="CX62" s="1026"/>
      <c r="CY62" s="1026"/>
      <c r="CZ62" s="1026"/>
      <c r="DA62" s="1027"/>
      <c r="DB62" s="1025"/>
      <c r="DC62" s="1026"/>
      <c r="DD62" s="1026"/>
      <c r="DE62" s="1026"/>
      <c r="DF62" s="1027"/>
      <c r="DG62" s="1025"/>
      <c r="DH62" s="1026"/>
      <c r="DI62" s="1026"/>
      <c r="DJ62" s="1026"/>
      <c r="DK62" s="1027"/>
      <c r="DL62" s="1025"/>
      <c r="DM62" s="1026"/>
      <c r="DN62" s="1026"/>
      <c r="DO62" s="1026"/>
      <c r="DP62" s="1027"/>
      <c r="DQ62" s="1025"/>
      <c r="DR62" s="1026"/>
      <c r="DS62" s="1026"/>
      <c r="DT62" s="1026"/>
      <c r="DU62" s="1027"/>
      <c r="DV62" s="1028"/>
      <c r="DW62" s="1029"/>
      <c r="DX62" s="1029"/>
      <c r="DY62" s="1029"/>
      <c r="DZ62" s="1030"/>
      <c r="EA62" s="226"/>
    </row>
    <row r="63" spans="1:131" ht="26.25" customHeight="1" thickBot="1" x14ac:dyDescent="0.25">
      <c r="A63" s="236" t="s">
        <v>398</v>
      </c>
      <c r="B63" s="973" t="s">
        <v>421</v>
      </c>
      <c r="C63" s="974"/>
      <c r="D63" s="974"/>
      <c r="E63" s="974"/>
      <c r="F63" s="974"/>
      <c r="G63" s="974"/>
      <c r="H63" s="974"/>
      <c r="I63" s="974"/>
      <c r="J63" s="974"/>
      <c r="K63" s="974"/>
      <c r="L63" s="974"/>
      <c r="M63" s="974"/>
      <c r="N63" s="974"/>
      <c r="O63" s="974"/>
      <c r="P63" s="984"/>
      <c r="Q63" s="998"/>
      <c r="R63" s="999"/>
      <c r="S63" s="999"/>
      <c r="T63" s="999"/>
      <c r="U63" s="999"/>
      <c r="V63" s="999"/>
      <c r="W63" s="999"/>
      <c r="X63" s="999"/>
      <c r="Y63" s="999"/>
      <c r="Z63" s="999"/>
      <c r="AA63" s="999"/>
      <c r="AB63" s="999"/>
      <c r="AC63" s="999"/>
      <c r="AD63" s="999"/>
      <c r="AE63" s="1056"/>
      <c r="AF63" s="1057">
        <v>137</v>
      </c>
      <c r="AG63" s="995"/>
      <c r="AH63" s="995"/>
      <c r="AI63" s="995"/>
      <c r="AJ63" s="1058"/>
      <c r="AK63" s="1059"/>
      <c r="AL63" s="999"/>
      <c r="AM63" s="999"/>
      <c r="AN63" s="999"/>
      <c r="AO63" s="999"/>
      <c r="AP63" s="995">
        <v>2295</v>
      </c>
      <c r="AQ63" s="995"/>
      <c r="AR63" s="995"/>
      <c r="AS63" s="995"/>
      <c r="AT63" s="995"/>
      <c r="AU63" s="995">
        <v>1498</v>
      </c>
      <c r="AV63" s="995"/>
      <c r="AW63" s="995"/>
      <c r="AX63" s="995"/>
      <c r="AY63" s="995"/>
      <c r="AZ63" s="1053"/>
      <c r="BA63" s="1053"/>
      <c r="BB63" s="1053"/>
      <c r="BC63" s="1053"/>
      <c r="BD63" s="1053"/>
      <c r="BE63" s="996"/>
      <c r="BF63" s="996"/>
      <c r="BG63" s="996"/>
      <c r="BH63" s="996"/>
      <c r="BI63" s="997"/>
      <c r="BJ63" s="1054" t="s">
        <v>140</v>
      </c>
      <c r="BK63" s="989"/>
      <c r="BL63" s="989"/>
      <c r="BM63" s="989"/>
      <c r="BN63" s="1055"/>
      <c r="BO63" s="237"/>
      <c r="BP63" s="237"/>
      <c r="BQ63" s="234">
        <v>57</v>
      </c>
      <c r="BR63" s="235"/>
      <c r="BS63" s="1028"/>
      <c r="BT63" s="1029"/>
      <c r="BU63" s="1029"/>
      <c r="BV63" s="1029"/>
      <c r="BW63" s="1029"/>
      <c r="BX63" s="1029"/>
      <c r="BY63" s="1029"/>
      <c r="BZ63" s="1029"/>
      <c r="CA63" s="1029"/>
      <c r="CB63" s="1029"/>
      <c r="CC63" s="1029"/>
      <c r="CD63" s="1029"/>
      <c r="CE63" s="1029"/>
      <c r="CF63" s="1029"/>
      <c r="CG63" s="1050"/>
      <c r="CH63" s="1025"/>
      <c r="CI63" s="1026"/>
      <c r="CJ63" s="1026"/>
      <c r="CK63" s="1026"/>
      <c r="CL63" s="1027"/>
      <c r="CM63" s="1025"/>
      <c r="CN63" s="1026"/>
      <c r="CO63" s="1026"/>
      <c r="CP63" s="1026"/>
      <c r="CQ63" s="1027"/>
      <c r="CR63" s="1025"/>
      <c r="CS63" s="1026"/>
      <c r="CT63" s="1026"/>
      <c r="CU63" s="1026"/>
      <c r="CV63" s="1027"/>
      <c r="CW63" s="1025"/>
      <c r="CX63" s="1026"/>
      <c r="CY63" s="1026"/>
      <c r="CZ63" s="1026"/>
      <c r="DA63" s="1027"/>
      <c r="DB63" s="1025"/>
      <c r="DC63" s="1026"/>
      <c r="DD63" s="1026"/>
      <c r="DE63" s="1026"/>
      <c r="DF63" s="1027"/>
      <c r="DG63" s="1025"/>
      <c r="DH63" s="1026"/>
      <c r="DI63" s="1026"/>
      <c r="DJ63" s="1026"/>
      <c r="DK63" s="1027"/>
      <c r="DL63" s="1025"/>
      <c r="DM63" s="1026"/>
      <c r="DN63" s="1026"/>
      <c r="DO63" s="1026"/>
      <c r="DP63" s="1027"/>
      <c r="DQ63" s="1025"/>
      <c r="DR63" s="1026"/>
      <c r="DS63" s="1026"/>
      <c r="DT63" s="1026"/>
      <c r="DU63" s="1027"/>
      <c r="DV63" s="1028"/>
      <c r="DW63" s="1029"/>
      <c r="DX63" s="1029"/>
      <c r="DY63" s="1029"/>
      <c r="DZ63" s="1030"/>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1028"/>
      <c r="BT64" s="1029"/>
      <c r="BU64" s="1029"/>
      <c r="BV64" s="1029"/>
      <c r="BW64" s="1029"/>
      <c r="BX64" s="1029"/>
      <c r="BY64" s="1029"/>
      <c r="BZ64" s="1029"/>
      <c r="CA64" s="1029"/>
      <c r="CB64" s="1029"/>
      <c r="CC64" s="1029"/>
      <c r="CD64" s="1029"/>
      <c r="CE64" s="1029"/>
      <c r="CF64" s="1029"/>
      <c r="CG64" s="1050"/>
      <c r="CH64" s="1025"/>
      <c r="CI64" s="1026"/>
      <c r="CJ64" s="1026"/>
      <c r="CK64" s="1026"/>
      <c r="CL64" s="1027"/>
      <c r="CM64" s="1025"/>
      <c r="CN64" s="1026"/>
      <c r="CO64" s="1026"/>
      <c r="CP64" s="1026"/>
      <c r="CQ64" s="1027"/>
      <c r="CR64" s="1025"/>
      <c r="CS64" s="1026"/>
      <c r="CT64" s="1026"/>
      <c r="CU64" s="1026"/>
      <c r="CV64" s="1027"/>
      <c r="CW64" s="1025"/>
      <c r="CX64" s="1026"/>
      <c r="CY64" s="1026"/>
      <c r="CZ64" s="1026"/>
      <c r="DA64" s="1027"/>
      <c r="DB64" s="1025"/>
      <c r="DC64" s="1026"/>
      <c r="DD64" s="1026"/>
      <c r="DE64" s="1026"/>
      <c r="DF64" s="1027"/>
      <c r="DG64" s="1025"/>
      <c r="DH64" s="1026"/>
      <c r="DI64" s="1026"/>
      <c r="DJ64" s="1026"/>
      <c r="DK64" s="1027"/>
      <c r="DL64" s="1025"/>
      <c r="DM64" s="1026"/>
      <c r="DN64" s="1026"/>
      <c r="DO64" s="1026"/>
      <c r="DP64" s="1027"/>
      <c r="DQ64" s="1025"/>
      <c r="DR64" s="1026"/>
      <c r="DS64" s="1026"/>
      <c r="DT64" s="1026"/>
      <c r="DU64" s="1027"/>
      <c r="DV64" s="1028"/>
      <c r="DW64" s="1029"/>
      <c r="DX64" s="1029"/>
      <c r="DY64" s="1029"/>
      <c r="DZ64" s="1030"/>
      <c r="EA64" s="226"/>
    </row>
    <row r="65" spans="1:131" ht="26.25" customHeight="1" thickBot="1" x14ac:dyDescent="0.25">
      <c r="A65" s="228" t="s">
        <v>422</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1028"/>
      <c r="BT65" s="1029"/>
      <c r="BU65" s="1029"/>
      <c r="BV65" s="1029"/>
      <c r="BW65" s="1029"/>
      <c r="BX65" s="1029"/>
      <c r="BY65" s="1029"/>
      <c r="BZ65" s="1029"/>
      <c r="CA65" s="1029"/>
      <c r="CB65" s="1029"/>
      <c r="CC65" s="1029"/>
      <c r="CD65" s="1029"/>
      <c r="CE65" s="1029"/>
      <c r="CF65" s="1029"/>
      <c r="CG65" s="1050"/>
      <c r="CH65" s="1025"/>
      <c r="CI65" s="1026"/>
      <c r="CJ65" s="1026"/>
      <c r="CK65" s="1026"/>
      <c r="CL65" s="1027"/>
      <c r="CM65" s="1025"/>
      <c r="CN65" s="1026"/>
      <c r="CO65" s="1026"/>
      <c r="CP65" s="1026"/>
      <c r="CQ65" s="1027"/>
      <c r="CR65" s="1025"/>
      <c r="CS65" s="1026"/>
      <c r="CT65" s="1026"/>
      <c r="CU65" s="1026"/>
      <c r="CV65" s="1027"/>
      <c r="CW65" s="1025"/>
      <c r="CX65" s="1026"/>
      <c r="CY65" s="1026"/>
      <c r="CZ65" s="1026"/>
      <c r="DA65" s="1027"/>
      <c r="DB65" s="1025"/>
      <c r="DC65" s="1026"/>
      <c r="DD65" s="1026"/>
      <c r="DE65" s="1026"/>
      <c r="DF65" s="1027"/>
      <c r="DG65" s="1025"/>
      <c r="DH65" s="1026"/>
      <c r="DI65" s="1026"/>
      <c r="DJ65" s="1026"/>
      <c r="DK65" s="1027"/>
      <c r="DL65" s="1025"/>
      <c r="DM65" s="1026"/>
      <c r="DN65" s="1026"/>
      <c r="DO65" s="1026"/>
      <c r="DP65" s="1027"/>
      <c r="DQ65" s="1025"/>
      <c r="DR65" s="1026"/>
      <c r="DS65" s="1026"/>
      <c r="DT65" s="1026"/>
      <c r="DU65" s="1027"/>
      <c r="DV65" s="1028"/>
      <c r="DW65" s="1029"/>
      <c r="DX65" s="1029"/>
      <c r="DY65" s="1029"/>
      <c r="DZ65" s="1030"/>
      <c r="EA65" s="226"/>
    </row>
    <row r="66" spans="1:131" ht="26.25" customHeight="1" x14ac:dyDescent="0.2">
      <c r="A66" s="1031" t="s">
        <v>423</v>
      </c>
      <c r="B66" s="1032"/>
      <c r="C66" s="1032"/>
      <c r="D66" s="1032"/>
      <c r="E66" s="1032"/>
      <c r="F66" s="1032"/>
      <c r="G66" s="1032"/>
      <c r="H66" s="1032"/>
      <c r="I66" s="1032"/>
      <c r="J66" s="1032"/>
      <c r="K66" s="1032"/>
      <c r="L66" s="1032"/>
      <c r="M66" s="1032"/>
      <c r="N66" s="1032"/>
      <c r="O66" s="1032"/>
      <c r="P66" s="1033"/>
      <c r="Q66" s="1037" t="s">
        <v>424</v>
      </c>
      <c r="R66" s="1038"/>
      <c r="S66" s="1038"/>
      <c r="T66" s="1038"/>
      <c r="U66" s="1039"/>
      <c r="V66" s="1037" t="s">
        <v>425</v>
      </c>
      <c r="W66" s="1038"/>
      <c r="X66" s="1038"/>
      <c r="Y66" s="1038"/>
      <c r="Z66" s="1039"/>
      <c r="AA66" s="1037" t="s">
        <v>426</v>
      </c>
      <c r="AB66" s="1038"/>
      <c r="AC66" s="1038"/>
      <c r="AD66" s="1038"/>
      <c r="AE66" s="1039"/>
      <c r="AF66" s="1043" t="s">
        <v>427</v>
      </c>
      <c r="AG66" s="1044"/>
      <c r="AH66" s="1044"/>
      <c r="AI66" s="1044"/>
      <c r="AJ66" s="1045"/>
      <c r="AK66" s="1037" t="s">
        <v>407</v>
      </c>
      <c r="AL66" s="1032"/>
      <c r="AM66" s="1032"/>
      <c r="AN66" s="1032"/>
      <c r="AO66" s="1033"/>
      <c r="AP66" s="1037" t="s">
        <v>428</v>
      </c>
      <c r="AQ66" s="1038"/>
      <c r="AR66" s="1038"/>
      <c r="AS66" s="1038"/>
      <c r="AT66" s="1039"/>
      <c r="AU66" s="1037" t="s">
        <v>429</v>
      </c>
      <c r="AV66" s="1038"/>
      <c r="AW66" s="1038"/>
      <c r="AX66" s="1038"/>
      <c r="AY66" s="1039"/>
      <c r="AZ66" s="1037" t="s">
        <v>385</v>
      </c>
      <c r="BA66" s="1038"/>
      <c r="BB66" s="1038"/>
      <c r="BC66" s="1038"/>
      <c r="BD66" s="1051"/>
      <c r="BE66" s="237"/>
      <c r="BF66" s="237"/>
      <c r="BG66" s="237"/>
      <c r="BH66" s="237"/>
      <c r="BI66" s="237"/>
      <c r="BJ66" s="237"/>
      <c r="BK66" s="237"/>
      <c r="BL66" s="237"/>
      <c r="BM66" s="237"/>
      <c r="BN66" s="237"/>
      <c r="BO66" s="237"/>
      <c r="BP66" s="237"/>
      <c r="BQ66" s="234">
        <v>60</v>
      </c>
      <c r="BR66" s="239"/>
      <c r="BS66" s="981"/>
      <c r="BT66" s="982"/>
      <c r="BU66" s="982"/>
      <c r="BV66" s="982"/>
      <c r="BW66" s="982"/>
      <c r="BX66" s="982"/>
      <c r="BY66" s="982"/>
      <c r="BZ66" s="982"/>
      <c r="CA66" s="982"/>
      <c r="CB66" s="982"/>
      <c r="CC66" s="982"/>
      <c r="CD66" s="982"/>
      <c r="CE66" s="982"/>
      <c r="CF66" s="982"/>
      <c r="CG66" s="991"/>
      <c r="CH66" s="992"/>
      <c r="CI66" s="993"/>
      <c r="CJ66" s="993"/>
      <c r="CK66" s="993"/>
      <c r="CL66" s="994"/>
      <c r="CM66" s="992"/>
      <c r="CN66" s="993"/>
      <c r="CO66" s="993"/>
      <c r="CP66" s="993"/>
      <c r="CQ66" s="994"/>
      <c r="CR66" s="992"/>
      <c r="CS66" s="993"/>
      <c r="CT66" s="993"/>
      <c r="CU66" s="993"/>
      <c r="CV66" s="994"/>
      <c r="CW66" s="992"/>
      <c r="CX66" s="993"/>
      <c r="CY66" s="993"/>
      <c r="CZ66" s="993"/>
      <c r="DA66" s="994"/>
      <c r="DB66" s="992"/>
      <c r="DC66" s="993"/>
      <c r="DD66" s="993"/>
      <c r="DE66" s="993"/>
      <c r="DF66" s="994"/>
      <c r="DG66" s="992"/>
      <c r="DH66" s="993"/>
      <c r="DI66" s="993"/>
      <c r="DJ66" s="993"/>
      <c r="DK66" s="994"/>
      <c r="DL66" s="992"/>
      <c r="DM66" s="993"/>
      <c r="DN66" s="993"/>
      <c r="DO66" s="993"/>
      <c r="DP66" s="994"/>
      <c r="DQ66" s="992"/>
      <c r="DR66" s="993"/>
      <c r="DS66" s="993"/>
      <c r="DT66" s="993"/>
      <c r="DU66" s="994"/>
      <c r="DV66" s="981"/>
      <c r="DW66" s="982"/>
      <c r="DX66" s="982"/>
      <c r="DY66" s="982"/>
      <c r="DZ66" s="983"/>
      <c r="EA66" s="226"/>
    </row>
    <row r="67" spans="1:131" ht="26.25" customHeight="1" thickBot="1" x14ac:dyDescent="0.25">
      <c r="A67" s="1034"/>
      <c r="B67" s="1035"/>
      <c r="C67" s="1035"/>
      <c r="D67" s="1035"/>
      <c r="E67" s="1035"/>
      <c r="F67" s="1035"/>
      <c r="G67" s="1035"/>
      <c r="H67" s="1035"/>
      <c r="I67" s="1035"/>
      <c r="J67" s="1035"/>
      <c r="K67" s="1035"/>
      <c r="L67" s="1035"/>
      <c r="M67" s="1035"/>
      <c r="N67" s="1035"/>
      <c r="O67" s="1035"/>
      <c r="P67" s="1036"/>
      <c r="Q67" s="1040"/>
      <c r="R67" s="1041"/>
      <c r="S67" s="1041"/>
      <c r="T67" s="1041"/>
      <c r="U67" s="1042"/>
      <c r="V67" s="1040"/>
      <c r="W67" s="1041"/>
      <c r="X67" s="1041"/>
      <c r="Y67" s="1041"/>
      <c r="Z67" s="1042"/>
      <c r="AA67" s="1040"/>
      <c r="AB67" s="1041"/>
      <c r="AC67" s="1041"/>
      <c r="AD67" s="1041"/>
      <c r="AE67" s="1042"/>
      <c r="AF67" s="1046"/>
      <c r="AG67" s="1047"/>
      <c r="AH67" s="1047"/>
      <c r="AI67" s="1047"/>
      <c r="AJ67" s="1048"/>
      <c r="AK67" s="1049"/>
      <c r="AL67" s="1035"/>
      <c r="AM67" s="1035"/>
      <c r="AN67" s="1035"/>
      <c r="AO67" s="1036"/>
      <c r="AP67" s="1040"/>
      <c r="AQ67" s="1041"/>
      <c r="AR67" s="1041"/>
      <c r="AS67" s="1041"/>
      <c r="AT67" s="1042"/>
      <c r="AU67" s="1040"/>
      <c r="AV67" s="1041"/>
      <c r="AW67" s="1041"/>
      <c r="AX67" s="1041"/>
      <c r="AY67" s="1042"/>
      <c r="AZ67" s="1040"/>
      <c r="BA67" s="1041"/>
      <c r="BB67" s="1041"/>
      <c r="BC67" s="1041"/>
      <c r="BD67" s="1052"/>
      <c r="BE67" s="237"/>
      <c r="BF67" s="237"/>
      <c r="BG67" s="237"/>
      <c r="BH67" s="237"/>
      <c r="BI67" s="237"/>
      <c r="BJ67" s="237"/>
      <c r="BK67" s="237"/>
      <c r="BL67" s="237"/>
      <c r="BM67" s="237"/>
      <c r="BN67" s="237"/>
      <c r="BO67" s="237"/>
      <c r="BP67" s="237"/>
      <c r="BQ67" s="234">
        <v>61</v>
      </c>
      <c r="BR67" s="239"/>
      <c r="BS67" s="981"/>
      <c r="BT67" s="982"/>
      <c r="BU67" s="982"/>
      <c r="BV67" s="982"/>
      <c r="BW67" s="982"/>
      <c r="BX67" s="982"/>
      <c r="BY67" s="982"/>
      <c r="BZ67" s="982"/>
      <c r="CA67" s="982"/>
      <c r="CB67" s="982"/>
      <c r="CC67" s="982"/>
      <c r="CD67" s="982"/>
      <c r="CE67" s="982"/>
      <c r="CF67" s="982"/>
      <c r="CG67" s="991"/>
      <c r="CH67" s="992"/>
      <c r="CI67" s="993"/>
      <c r="CJ67" s="993"/>
      <c r="CK67" s="993"/>
      <c r="CL67" s="994"/>
      <c r="CM67" s="992"/>
      <c r="CN67" s="993"/>
      <c r="CO67" s="993"/>
      <c r="CP67" s="993"/>
      <c r="CQ67" s="994"/>
      <c r="CR67" s="992"/>
      <c r="CS67" s="993"/>
      <c r="CT67" s="993"/>
      <c r="CU67" s="993"/>
      <c r="CV67" s="994"/>
      <c r="CW67" s="992"/>
      <c r="CX67" s="993"/>
      <c r="CY67" s="993"/>
      <c r="CZ67" s="993"/>
      <c r="DA67" s="994"/>
      <c r="DB67" s="992"/>
      <c r="DC67" s="993"/>
      <c r="DD67" s="993"/>
      <c r="DE67" s="993"/>
      <c r="DF67" s="994"/>
      <c r="DG67" s="992"/>
      <c r="DH67" s="993"/>
      <c r="DI67" s="993"/>
      <c r="DJ67" s="993"/>
      <c r="DK67" s="994"/>
      <c r="DL67" s="992"/>
      <c r="DM67" s="993"/>
      <c r="DN67" s="993"/>
      <c r="DO67" s="993"/>
      <c r="DP67" s="994"/>
      <c r="DQ67" s="992"/>
      <c r="DR67" s="993"/>
      <c r="DS67" s="993"/>
      <c r="DT67" s="993"/>
      <c r="DU67" s="994"/>
      <c r="DV67" s="981"/>
      <c r="DW67" s="982"/>
      <c r="DX67" s="982"/>
      <c r="DY67" s="982"/>
      <c r="DZ67" s="983"/>
      <c r="EA67" s="226"/>
    </row>
    <row r="68" spans="1:131" ht="26.25" customHeight="1" thickTop="1" x14ac:dyDescent="0.2">
      <c r="A68" s="232">
        <v>1</v>
      </c>
      <c r="B68" s="1021" t="s">
        <v>597</v>
      </c>
      <c r="C68" s="1022"/>
      <c r="D68" s="1022"/>
      <c r="E68" s="1022"/>
      <c r="F68" s="1022"/>
      <c r="G68" s="1022"/>
      <c r="H68" s="1022"/>
      <c r="I68" s="1022"/>
      <c r="J68" s="1022"/>
      <c r="K68" s="1022"/>
      <c r="L68" s="1022"/>
      <c r="M68" s="1022"/>
      <c r="N68" s="1022"/>
      <c r="O68" s="1022"/>
      <c r="P68" s="1023"/>
      <c r="Q68" s="1024">
        <v>1201</v>
      </c>
      <c r="R68" s="1018"/>
      <c r="S68" s="1018"/>
      <c r="T68" s="1018"/>
      <c r="U68" s="1018"/>
      <c r="V68" s="1018">
        <v>1165</v>
      </c>
      <c r="W68" s="1018"/>
      <c r="X68" s="1018"/>
      <c r="Y68" s="1018"/>
      <c r="Z68" s="1018"/>
      <c r="AA68" s="1018">
        <v>36</v>
      </c>
      <c r="AB68" s="1018"/>
      <c r="AC68" s="1018"/>
      <c r="AD68" s="1018"/>
      <c r="AE68" s="1018"/>
      <c r="AF68" s="1018">
        <v>21</v>
      </c>
      <c r="AG68" s="1018"/>
      <c r="AH68" s="1018"/>
      <c r="AI68" s="1018"/>
      <c r="AJ68" s="1018"/>
      <c r="AK68" s="1018">
        <v>40</v>
      </c>
      <c r="AL68" s="1018"/>
      <c r="AM68" s="1018"/>
      <c r="AN68" s="1018"/>
      <c r="AO68" s="1018"/>
      <c r="AP68" s="1018">
        <v>4837</v>
      </c>
      <c r="AQ68" s="1018"/>
      <c r="AR68" s="1018"/>
      <c r="AS68" s="1018"/>
      <c r="AT68" s="1018"/>
      <c r="AU68" s="1018">
        <v>690</v>
      </c>
      <c r="AV68" s="1018"/>
      <c r="AW68" s="1018"/>
      <c r="AX68" s="1018"/>
      <c r="AY68" s="1018"/>
      <c r="AZ68" s="1019"/>
      <c r="BA68" s="1019"/>
      <c r="BB68" s="1019"/>
      <c r="BC68" s="1019"/>
      <c r="BD68" s="1020"/>
      <c r="BE68" s="237"/>
      <c r="BF68" s="237"/>
      <c r="BG68" s="237"/>
      <c r="BH68" s="237"/>
      <c r="BI68" s="237"/>
      <c r="BJ68" s="237"/>
      <c r="BK68" s="237"/>
      <c r="BL68" s="237"/>
      <c r="BM68" s="237"/>
      <c r="BN68" s="237"/>
      <c r="BO68" s="237"/>
      <c r="BP68" s="237"/>
      <c r="BQ68" s="234">
        <v>62</v>
      </c>
      <c r="BR68" s="239"/>
      <c r="BS68" s="981"/>
      <c r="BT68" s="982"/>
      <c r="BU68" s="982"/>
      <c r="BV68" s="982"/>
      <c r="BW68" s="982"/>
      <c r="BX68" s="982"/>
      <c r="BY68" s="982"/>
      <c r="BZ68" s="982"/>
      <c r="CA68" s="982"/>
      <c r="CB68" s="982"/>
      <c r="CC68" s="982"/>
      <c r="CD68" s="982"/>
      <c r="CE68" s="982"/>
      <c r="CF68" s="982"/>
      <c r="CG68" s="991"/>
      <c r="CH68" s="992"/>
      <c r="CI68" s="993"/>
      <c r="CJ68" s="993"/>
      <c r="CK68" s="993"/>
      <c r="CL68" s="994"/>
      <c r="CM68" s="992"/>
      <c r="CN68" s="993"/>
      <c r="CO68" s="993"/>
      <c r="CP68" s="993"/>
      <c r="CQ68" s="994"/>
      <c r="CR68" s="992"/>
      <c r="CS68" s="993"/>
      <c r="CT68" s="993"/>
      <c r="CU68" s="993"/>
      <c r="CV68" s="994"/>
      <c r="CW68" s="992"/>
      <c r="CX68" s="993"/>
      <c r="CY68" s="993"/>
      <c r="CZ68" s="993"/>
      <c r="DA68" s="994"/>
      <c r="DB68" s="992"/>
      <c r="DC68" s="993"/>
      <c r="DD68" s="993"/>
      <c r="DE68" s="993"/>
      <c r="DF68" s="994"/>
      <c r="DG68" s="992"/>
      <c r="DH68" s="993"/>
      <c r="DI68" s="993"/>
      <c r="DJ68" s="993"/>
      <c r="DK68" s="994"/>
      <c r="DL68" s="992"/>
      <c r="DM68" s="993"/>
      <c r="DN68" s="993"/>
      <c r="DO68" s="993"/>
      <c r="DP68" s="994"/>
      <c r="DQ68" s="992"/>
      <c r="DR68" s="993"/>
      <c r="DS68" s="993"/>
      <c r="DT68" s="993"/>
      <c r="DU68" s="994"/>
      <c r="DV68" s="981"/>
      <c r="DW68" s="982"/>
      <c r="DX68" s="982"/>
      <c r="DY68" s="982"/>
      <c r="DZ68" s="983"/>
      <c r="EA68" s="226"/>
    </row>
    <row r="69" spans="1:131" ht="26.25" customHeight="1" x14ac:dyDescent="0.2">
      <c r="A69" s="234">
        <v>2</v>
      </c>
      <c r="B69" s="1010" t="s">
        <v>598</v>
      </c>
      <c r="C69" s="1011"/>
      <c r="D69" s="1011"/>
      <c r="E69" s="1011"/>
      <c r="F69" s="1011"/>
      <c r="G69" s="1011"/>
      <c r="H69" s="1011"/>
      <c r="I69" s="1011"/>
      <c r="J69" s="1011"/>
      <c r="K69" s="1011"/>
      <c r="L69" s="1011"/>
      <c r="M69" s="1011"/>
      <c r="N69" s="1011"/>
      <c r="O69" s="1011"/>
      <c r="P69" s="1012"/>
      <c r="Q69" s="1013">
        <v>3303</v>
      </c>
      <c r="R69" s="1007"/>
      <c r="S69" s="1007"/>
      <c r="T69" s="1007"/>
      <c r="U69" s="1007"/>
      <c r="V69" s="1007">
        <v>3104</v>
      </c>
      <c r="W69" s="1007"/>
      <c r="X69" s="1007"/>
      <c r="Y69" s="1007"/>
      <c r="Z69" s="1007"/>
      <c r="AA69" s="1007">
        <v>199</v>
      </c>
      <c r="AB69" s="1007"/>
      <c r="AC69" s="1007"/>
      <c r="AD69" s="1007"/>
      <c r="AE69" s="1007"/>
      <c r="AF69" s="1007">
        <v>199</v>
      </c>
      <c r="AG69" s="1007"/>
      <c r="AH69" s="1007"/>
      <c r="AI69" s="1007"/>
      <c r="AJ69" s="1007"/>
      <c r="AK69" s="1007" t="s">
        <v>596</v>
      </c>
      <c r="AL69" s="1007"/>
      <c r="AM69" s="1007"/>
      <c r="AN69" s="1007"/>
      <c r="AO69" s="1007"/>
      <c r="AP69" s="1007" t="s">
        <v>596</v>
      </c>
      <c r="AQ69" s="1007"/>
      <c r="AR69" s="1007"/>
      <c r="AS69" s="1007"/>
      <c r="AT69" s="1007"/>
      <c r="AU69" s="1007" t="s">
        <v>596</v>
      </c>
      <c r="AV69" s="1007"/>
      <c r="AW69" s="1007"/>
      <c r="AX69" s="1007"/>
      <c r="AY69" s="1007"/>
      <c r="AZ69" s="1008"/>
      <c r="BA69" s="1008"/>
      <c r="BB69" s="1008"/>
      <c r="BC69" s="1008"/>
      <c r="BD69" s="1009"/>
      <c r="BE69" s="237"/>
      <c r="BF69" s="237"/>
      <c r="BG69" s="237"/>
      <c r="BH69" s="237"/>
      <c r="BI69" s="237"/>
      <c r="BJ69" s="237"/>
      <c r="BK69" s="237"/>
      <c r="BL69" s="237"/>
      <c r="BM69" s="237"/>
      <c r="BN69" s="237"/>
      <c r="BO69" s="237"/>
      <c r="BP69" s="237"/>
      <c r="BQ69" s="234">
        <v>63</v>
      </c>
      <c r="BR69" s="239"/>
      <c r="BS69" s="981"/>
      <c r="BT69" s="982"/>
      <c r="BU69" s="982"/>
      <c r="BV69" s="982"/>
      <c r="BW69" s="982"/>
      <c r="BX69" s="982"/>
      <c r="BY69" s="982"/>
      <c r="BZ69" s="982"/>
      <c r="CA69" s="982"/>
      <c r="CB69" s="982"/>
      <c r="CC69" s="982"/>
      <c r="CD69" s="982"/>
      <c r="CE69" s="982"/>
      <c r="CF69" s="982"/>
      <c r="CG69" s="991"/>
      <c r="CH69" s="992"/>
      <c r="CI69" s="993"/>
      <c r="CJ69" s="993"/>
      <c r="CK69" s="993"/>
      <c r="CL69" s="994"/>
      <c r="CM69" s="992"/>
      <c r="CN69" s="993"/>
      <c r="CO69" s="993"/>
      <c r="CP69" s="993"/>
      <c r="CQ69" s="994"/>
      <c r="CR69" s="992"/>
      <c r="CS69" s="993"/>
      <c r="CT69" s="993"/>
      <c r="CU69" s="993"/>
      <c r="CV69" s="994"/>
      <c r="CW69" s="992"/>
      <c r="CX69" s="993"/>
      <c r="CY69" s="993"/>
      <c r="CZ69" s="993"/>
      <c r="DA69" s="994"/>
      <c r="DB69" s="992"/>
      <c r="DC69" s="993"/>
      <c r="DD69" s="993"/>
      <c r="DE69" s="993"/>
      <c r="DF69" s="994"/>
      <c r="DG69" s="992"/>
      <c r="DH69" s="993"/>
      <c r="DI69" s="993"/>
      <c r="DJ69" s="993"/>
      <c r="DK69" s="994"/>
      <c r="DL69" s="992"/>
      <c r="DM69" s="993"/>
      <c r="DN69" s="993"/>
      <c r="DO69" s="993"/>
      <c r="DP69" s="994"/>
      <c r="DQ69" s="992"/>
      <c r="DR69" s="993"/>
      <c r="DS69" s="993"/>
      <c r="DT69" s="993"/>
      <c r="DU69" s="994"/>
      <c r="DV69" s="981"/>
      <c r="DW69" s="982"/>
      <c r="DX69" s="982"/>
      <c r="DY69" s="982"/>
      <c r="DZ69" s="983"/>
      <c r="EA69" s="226"/>
    </row>
    <row r="70" spans="1:131" ht="26.25" customHeight="1" x14ac:dyDescent="0.2">
      <c r="A70" s="234">
        <v>3</v>
      </c>
      <c r="B70" s="1010" t="s">
        <v>599</v>
      </c>
      <c r="C70" s="1011"/>
      <c r="D70" s="1011"/>
      <c r="E70" s="1011"/>
      <c r="F70" s="1011"/>
      <c r="G70" s="1011"/>
      <c r="H70" s="1011"/>
      <c r="I70" s="1011"/>
      <c r="J70" s="1011"/>
      <c r="K70" s="1011"/>
      <c r="L70" s="1011"/>
      <c r="M70" s="1011"/>
      <c r="N70" s="1011"/>
      <c r="O70" s="1011"/>
      <c r="P70" s="1012"/>
      <c r="Q70" s="1013">
        <v>4957</v>
      </c>
      <c r="R70" s="1007"/>
      <c r="S70" s="1007"/>
      <c r="T70" s="1007"/>
      <c r="U70" s="1007"/>
      <c r="V70" s="1007">
        <v>4411</v>
      </c>
      <c r="W70" s="1007"/>
      <c r="X70" s="1007"/>
      <c r="Y70" s="1007"/>
      <c r="Z70" s="1007"/>
      <c r="AA70" s="1007">
        <v>546</v>
      </c>
      <c r="AB70" s="1007"/>
      <c r="AC70" s="1007"/>
      <c r="AD70" s="1007"/>
      <c r="AE70" s="1007"/>
      <c r="AF70" s="1007">
        <v>546</v>
      </c>
      <c r="AG70" s="1007"/>
      <c r="AH70" s="1007"/>
      <c r="AI70" s="1007"/>
      <c r="AJ70" s="1007"/>
      <c r="AK70" s="1007">
        <v>543</v>
      </c>
      <c r="AL70" s="1007"/>
      <c r="AM70" s="1007"/>
      <c r="AN70" s="1007"/>
      <c r="AO70" s="1007"/>
      <c r="AP70" s="1007" t="s">
        <v>596</v>
      </c>
      <c r="AQ70" s="1007"/>
      <c r="AR70" s="1007"/>
      <c r="AS70" s="1007"/>
      <c r="AT70" s="1007"/>
      <c r="AU70" s="1007" t="s">
        <v>596</v>
      </c>
      <c r="AV70" s="1007"/>
      <c r="AW70" s="1007"/>
      <c r="AX70" s="1007"/>
      <c r="AY70" s="1007"/>
      <c r="AZ70" s="1008"/>
      <c r="BA70" s="1008"/>
      <c r="BB70" s="1008"/>
      <c r="BC70" s="1008"/>
      <c r="BD70" s="1009"/>
      <c r="BE70" s="237"/>
      <c r="BF70" s="237"/>
      <c r="BG70" s="237"/>
      <c r="BH70" s="237"/>
      <c r="BI70" s="237"/>
      <c r="BJ70" s="237"/>
      <c r="BK70" s="237"/>
      <c r="BL70" s="237"/>
      <c r="BM70" s="237"/>
      <c r="BN70" s="237"/>
      <c r="BO70" s="237"/>
      <c r="BP70" s="237"/>
      <c r="BQ70" s="234">
        <v>64</v>
      </c>
      <c r="BR70" s="239"/>
      <c r="BS70" s="981"/>
      <c r="BT70" s="982"/>
      <c r="BU70" s="982"/>
      <c r="BV70" s="982"/>
      <c r="BW70" s="982"/>
      <c r="BX70" s="982"/>
      <c r="BY70" s="982"/>
      <c r="BZ70" s="982"/>
      <c r="CA70" s="982"/>
      <c r="CB70" s="982"/>
      <c r="CC70" s="982"/>
      <c r="CD70" s="982"/>
      <c r="CE70" s="982"/>
      <c r="CF70" s="982"/>
      <c r="CG70" s="991"/>
      <c r="CH70" s="992"/>
      <c r="CI70" s="993"/>
      <c r="CJ70" s="993"/>
      <c r="CK70" s="993"/>
      <c r="CL70" s="994"/>
      <c r="CM70" s="992"/>
      <c r="CN70" s="993"/>
      <c r="CO70" s="993"/>
      <c r="CP70" s="993"/>
      <c r="CQ70" s="994"/>
      <c r="CR70" s="992"/>
      <c r="CS70" s="993"/>
      <c r="CT70" s="993"/>
      <c r="CU70" s="993"/>
      <c r="CV70" s="994"/>
      <c r="CW70" s="992"/>
      <c r="CX70" s="993"/>
      <c r="CY70" s="993"/>
      <c r="CZ70" s="993"/>
      <c r="DA70" s="994"/>
      <c r="DB70" s="992"/>
      <c r="DC70" s="993"/>
      <c r="DD70" s="993"/>
      <c r="DE70" s="993"/>
      <c r="DF70" s="994"/>
      <c r="DG70" s="992"/>
      <c r="DH70" s="993"/>
      <c r="DI70" s="993"/>
      <c r="DJ70" s="993"/>
      <c r="DK70" s="994"/>
      <c r="DL70" s="992"/>
      <c r="DM70" s="993"/>
      <c r="DN70" s="993"/>
      <c r="DO70" s="993"/>
      <c r="DP70" s="994"/>
      <c r="DQ70" s="992"/>
      <c r="DR70" s="993"/>
      <c r="DS70" s="993"/>
      <c r="DT70" s="993"/>
      <c r="DU70" s="994"/>
      <c r="DV70" s="981"/>
      <c r="DW70" s="982"/>
      <c r="DX70" s="982"/>
      <c r="DY70" s="982"/>
      <c r="DZ70" s="983"/>
      <c r="EA70" s="226"/>
    </row>
    <row r="71" spans="1:131" ht="26.25" customHeight="1" x14ac:dyDescent="0.2">
      <c r="A71" s="234">
        <v>4</v>
      </c>
      <c r="B71" s="1010" t="s">
        <v>600</v>
      </c>
      <c r="C71" s="1011"/>
      <c r="D71" s="1011"/>
      <c r="E71" s="1011"/>
      <c r="F71" s="1011"/>
      <c r="G71" s="1011"/>
      <c r="H71" s="1011"/>
      <c r="I71" s="1011"/>
      <c r="J71" s="1011"/>
      <c r="K71" s="1011"/>
      <c r="L71" s="1011"/>
      <c r="M71" s="1011"/>
      <c r="N71" s="1011"/>
      <c r="O71" s="1011"/>
      <c r="P71" s="1012"/>
      <c r="Q71" s="1013">
        <v>1038597</v>
      </c>
      <c r="R71" s="1007"/>
      <c r="S71" s="1007"/>
      <c r="T71" s="1007"/>
      <c r="U71" s="1007"/>
      <c r="V71" s="1007">
        <v>1027785</v>
      </c>
      <c r="W71" s="1007"/>
      <c r="X71" s="1007"/>
      <c r="Y71" s="1007"/>
      <c r="Z71" s="1007"/>
      <c r="AA71" s="1007">
        <v>10811</v>
      </c>
      <c r="AB71" s="1007"/>
      <c r="AC71" s="1007"/>
      <c r="AD71" s="1007"/>
      <c r="AE71" s="1007"/>
      <c r="AF71" s="1007">
        <v>10811</v>
      </c>
      <c r="AG71" s="1007"/>
      <c r="AH71" s="1007"/>
      <c r="AI71" s="1007"/>
      <c r="AJ71" s="1007"/>
      <c r="AK71" s="1007">
        <v>7967</v>
      </c>
      <c r="AL71" s="1007"/>
      <c r="AM71" s="1007"/>
      <c r="AN71" s="1007"/>
      <c r="AO71" s="1007"/>
      <c r="AP71" s="1007" t="s">
        <v>596</v>
      </c>
      <c r="AQ71" s="1007"/>
      <c r="AR71" s="1007"/>
      <c r="AS71" s="1007"/>
      <c r="AT71" s="1007"/>
      <c r="AU71" s="1007" t="s">
        <v>596</v>
      </c>
      <c r="AV71" s="1007"/>
      <c r="AW71" s="1007"/>
      <c r="AX71" s="1007"/>
      <c r="AY71" s="1007"/>
      <c r="AZ71" s="1008"/>
      <c r="BA71" s="1008"/>
      <c r="BB71" s="1008"/>
      <c r="BC71" s="1008"/>
      <c r="BD71" s="1009"/>
      <c r="BE71" s="237"/>
      <c r="BF71" s="237"/>
      <c r="BG71" s="237"/>
      <c r="BH71" s="237"/>
      <c r="BI71" s="237"/>
      <c r="BJ71" s="237"/>
      <c r="BK71" s="237"/>
      <c r="BL71" s="237"/>
      <c r="BM71" s="237"/>
      <c r="BN71" s="237"/>
      <c r="BO71" s="237"/>
      <c r="BP71" s="237"/>
      <c r="BQ71" s="234">
        <v>65</v>
      </c>
      <c r="BR71" s="239"/>
      <c r="BS71" s="981"/>
      <c r="BT71" s="982"/>
      <c r="BU71" s="982"/>
      <c r="BV71" s="982"/>
      <c r="BW71" s="982"/>
      <c r="BX71" s="982"/>
      <c r="BY71" s="982"/>
      <c r="BZ71" s="982"/>
      <c r="CA71" s="982"/>
      <c r="CB71" s="982"/>
      <c r="CC71" s="982"/>
      <c r="CD71" s="982"/>
      <c r="CE71" s="982"/>
      <c r="CF71" s="982"/>
      <c r="CG71" s="991"/>
      <c r="CH71" s="992"/>
      <c r="CI71" s="993"/>
      <c r="CJ71" s="993"/>
      <c r="CK71" s="993"/>
      <c r="CL71" s="994"/>
      <c r="CM71" s="992"/>
      <c r="CN71" s="993"/>
      <c r="CO71" s="993"/>
      <c r="CP71" s="993"/>
      <c r="CQ71" s="994"/>
      <c r="CR71" s="992"/>
      <c r="CS71" s="993"/>
      <c r="CT71" s="993"/>
      <c r="CU71" s="993"/>
      <c r="CV71" s="994"/>
      <c r="CW71" s="992"/>
      <c r="CX71" s="993"/>
      <c r="CY71" s="993"/>
      <c r="CZ71" s="993"/>
      <c r="DA71" s="994"/>
      <c r="DB71" s="992"/>
      <c r="DC71" s="993"/>
      <c r="DD71" s="993"/>
      <c r="DE71" s="993"/>
      <c r="DF71" s="994"/>
      <c r="DG71" s="992"/>
      <c r="DH71" s="993"/>
      <c r="DI71" s="993"/>
      <c r="DJ71" s="993"/>
      <c r="DK71" s="994"/>
      <c r="DL71" s="992"/>
      <c r="DM71" s="993"/>
      <c r="DN71" s="993"/>
      <c r="DO71" s="993"/>
      <c r="DP71" s="994"/>
      <c r="DQ71" s="992"/>
      <c r="DR71" s="993"/>
      <c r="DS71" s="993"/>
      <c r="DT71" s="993"/>
      <c r="DU71" s="994"/>
      <c r="DV71" s="981"/>
      <c r="DW71" s="982"/>
      <c r="DX71" s="982"/>
      <c r="DY71" s="982"/>
      <c r="DZ71" s="983"/>
      <c r="EA71" s="226"/>
    </row>
    <row r="72" spans="1:131" ht="26.25" customHeight="1" x14ac:dyDescent="0.2">
      <c r="A72" s="234">
        <v>5</v>
      </c>
      <c r="B72" s="1010" t="s">
        <v>601</v>
      </c>
      <c r="C72" s="1011"/>
      <c r="D72" s="1011"/>
      <c r="E72" s="1011"/>
      <c r="F72" s="1011"/>
      <c r="G72" s="1011"/>
      <c r="H72" s="1011"/>
      <c r="I72" s="1011"/>
      <c r="J72" s="1011"/>
      <c r="K72" s="1011"/>
      <c r="L72" s="1011"/>
      <c r="M72" s="1011"/>
      <c r="N72" s="1011"/>
      <c r="O72" s="1011"/>
      <c r="P72" s="1012"/>
      <c r="Q72" s="1013">
        <v>1142</v>
      </c>
      <c r="R72" s="1007"/>
      <c r="S72" s="1007"/>
      <c r="T72" s="1007"/>
      <c r="U72" s="1007"/>
      <c r="V72" s="1007">
        <v>1103</v>
      </c>
      <c r="W72" s="1007"/>
      <c r="X72" s="1007"/>
      <c r="Y72" s="1007"/>
      <c r="Z72" s="1007"/>
      <c r="AA72" s="1007">
        <v>38</v>
      </c>
      <c r="AB72" s="1007"/>
      <c r="AC72" s="1007"/>
      <c r="AD72" s="1007"/>
      <c r="AE72" s="1007"/>
      <c r="AF72" s="1007">
        <v>38</v>
      </c>
      <c r="AG72" s="1007"/>
      <c r="AH72" s="1007"/>
      <c r="AI72" s="1007"/>
      <c r="AJ72" s="1007"/>
      <c r="AK72" s="1007" t="s">
        <v>596</v>
      </c>
      <c r="AL72" s="1007"/>
      <c r="AM72" s="1007"/>
      <c r="AN72" s="1007"/>
      <c r="AO72" s="1007"/>
      <c r="AP72" s="1007" t="s">
        <v>596</v>
      </c>
      <c r="AQ72" s="1007"/>
      <c r="AR72" s="1007"/>
      <c r="AS72" s="1007"/>
      <c r="AT72" s="1007"/>
      <c r="AU72" s="1007" t="s">
        <v>596</v>
      </c>
      <c r="AV72" s="1007"/>
      <c r="AW72" s="1007"/>
      <c r="AX72" s="1007"/>
      <c r="AY72" s="1007"/>
      <c r="AZ72" s="1008"/>
      <c r="BA72" s="1008"/>
      <c r="BB72" s="1008"/>
      <c r="BC72" s="1008"/>
      <c r="BD72" s="1009"/>
      <c r="BE72" s="237"/>
      <c r="BF72" s="237"/>
      <c r="BG72" s="237"/>
      <c r="BH72" s="237"/>
      <c r="BI72" s="237"/>
      <c r="BJ72" s="237"/>
      <c r="BK72" s="237"/>
      <c r="BL72" s="237"/>
      <c r="BM72" s="237"/>
      <c r="BN72" s="237"/>
      <c r="BO72" s="237"/>
      <c r="BP72" s="237"/>
      <c r="BQ72" s="234">
        <v>66</v>
      </c>
      <c r="BR72" s="239"/>
      <c r="BS72" s="981"/>
      <c r="BT72" s="982"/>
      <c r="BU72" s="982"/>
      <c r="BV72" s="982"/>
      <c r="BW72" s="982"/>
      <c r="BX72" s="982"/>
      <c r="BY72" s="982"/>
      <c r="BZ72" s="982"/>
      <c r="CA72" s="982"/>
      <c r="CB72" s="982"/>
      <c r="CC72" s="982"/>
      <c r="CD72" s="982"/>
      <c r="CE72" s="982"/>
      <c r="CF72" s="982"/>
      <c r="CG72" s="991"/>
      <c r="CH72" s="992"/>
      <c r="CI72" s="993"/>
      <c r="CJ72" s="993"/>
      <c r="CK72" s="993"/>
      <c r="CL72" s="994"/>
      <c r="CM72" s="992"/>
      <c r="CN72" s="993"/>
      <c r="CO72" s="993"/>
      <c r="CP72" s="993"/>
      <c r="CQ72" s="994"/>
      <c r="CR72" s="992"/>
      <c r="CS72" s="993"/>
      <c r="CT72" s="993"/>
      <c r="CU72" s="993"/>
      <c r="CV72" s="994"/>
      <c r="CW72" s="992"/>
      <c r="CX72" s="993"/>
      <c r="CY72" s="993"/>
      <c r="CZ72" s="993"/>
      <c r="DA72" s="994"/>
      <c r="DB72" s="992"/>
      <c r="DC72" s="993"/>
      <c r="DD72" s="993"/>
      <c r="DE72" s="993"/>
      <c r="DF72" s="994"/>
      <c r="DG72" s="992"/>
      <c r="DH72" s="993"/>
      <c r="DI72" s="993"/>
      <c r="DJ72" s="993"/>
      <c r="DK72" s="994"/>
      <c r="DL72" s="992"/>
      <c r="DM72" s="993"/>
      <c r="DN72" s="993"/>
      <c r="DO72" s="993"/>
      <c r="DP72" s="994"/>
      <c r="DQ72" s="992"/>
      <c r="DR72" s="993"/>
      <c r="DS72" s="993"/>
      <c r="DT72" s="993"/>
      <c r="DU72" s="994"/>
      <c r="DV72" s="981"/>
      <c r="DW72" s="982"/>
      <c r="DX72" s="982"/>
      <c r="DY72" s="982"/>
      <c r="DZ72" s="983"/>
      <c r="EA72" s="226"/>
    </row>
    <row r="73" spans="1:131" ht="26.25" customHeight="1" x14ac:dyDescent="0.2">
      <c r="A73" s="234">
        <v>6</v>
      </c>
      <c r="B73" s="1010"/>
      <c r="C73" s="1011"/>
      <c r="D73" s="1011"/>
      <c r="E73" s="1011"/>
      <c r="F73" s="1011"/>
      <c r="G73" s="1011"/>
      <c r="H73" s="1011"/>
      <c r="I73" s="1011"/>
      <c r="J73" s="1011"/>
      <c r="K73" s="1011"/>
      <c r="L73" s="1011"/>
      <c r="M73" s="1011"/>
      <c r="N73" s="1011"/>
      <c r="O73" s="1011"/>
      <c r="P73" s="1012"/>
      <c r="Q73" s="1013"/>
      <c r="R73" s="1007"/>
      <c r="S73" s="1007"/>
      <c r="T73" s="1007"/>
      <c r="U73" s="1007"/>
      <c r="V73" s="1007"/>
      <c r="W73" s="1007"/>
      <c r="X73" s="1007"/>
      <c r="Y73" s="1007"/>
      <c r="Z73" s="1007"/>
      <c r="AA73" s="1007"/>
      <c r="AB73" s="1007"/>
      <c r="AC73" s="1007"/>
      <c r="AD73" s="1007"/>
      <c r="AE73" s="1007"/>
      <c r="AF73" s="1007"/>
      <c r="AG73" s="1007"/>
      <c r="AH73" s="1007"/>
      <c r="AI73" s="1007"/>
      <c r="AJ73" s="1007"/>
      <c r="AK73" s="1007"/>
      <c r="AL73" s="1007"/>
      <c r="AM73" s="1007"/>
      <c r="AN73" s="1007"/>
      <c r="AO73" s="1007"/>
      <c r="AP73" s="1007"/>
      <c r="AQ73" s="1007"/>
      <c r="AR73" s="1007"/>
      <c r="AS73" s="1007"/>
      <c r="AT73" s="1007"/>
      <c r="AU73" s="1007"/>
      <c r="AV73" s="1007"/>
      <c r="AW73" s="1007"/>
      <c r="AX73" s="1007"/>
      <c r="AY73" s="1007"/>
      <c r="AZ73" s="1008"/>
      <c r="BA73" s="1008"/>
      <c r="BB73" s="1008"/>
      <c r="BC73" s="1008"/>
      <c r="BD73" s="1009"/>
      <c r="BE73" s="237"/>
      <c r="BF73" s="237"/>
      <c r="BG73" s="237"/>
      <c r="BH73" s="237"/>
      <c r="BI73" s="237"/>
      <c r="BJ73" s="237"/>
      <c r="BK73" s="237"/>
      <c r="BL73" s="237"/>
      <c r="BM73" s="237"/>
      <c r="BN73" s="237"/>
      <c r="BO73" s="237"/>
      <c r="BP73" s="237"/>
      <c r="BQ73" s="234">
        <v>67</v>
      </c>
      <c r="BR73" s="239"/>
      <c r="BS73" s="981"/>
      <c r="BT73" s="982"/>
      <c r="BU73" s="982"/>
      <c r="BV73" s="982"/>
      <c r="BW73" s="982"/>
      <c r="BX73" s="982"/>
      <c r="BY73" s="982"/>
      <c r="BZ73" s="982"/>
      <c r="CA73" s="982"/>
      <c r="CB73" s="982"/>
      <c r="CC73" s="982"/>
      <c r="CD73" s="982"/>
      <c r="CE73" s="982"/>
      <c r="CF73" s="982"/>
      <c r="CG73" s="991"/>
      <c r="CH73" s="992"/>
      <c r="CI73" s="993"/>
      <c r="CJ73" s="993"/>
      <c r="CK73" s="993"/>
      <c r="CL73" s="994"/>
      <c r="CM73" s="992"/>
      <c r="CN73" s="993"/>
      <c r="CO73" s="993"/>
      <c r="CP73" s="993"/>
      <c r="CQ73" s="994"/>
      <c r="CR73" s="992"/>
      <c r="CS73" s="993"/>
      <c r="CT73" s="993"/>
      <c r="CU73" s="993"/>
      <c r="CV73" s="994"/>
      <c r="CW73" s="992"/>
      <c r="CX73" s="993"/>
      <c r="CY73" s="993"/>
      <c r="CZ73" s="993"/>
      <c r="DA73" s="994"/>
      <c r="DB73" s="992"/>
      <c r="DC73" s="993"/>
      <c r="DD73" s="993"/>
      <c r="DE73" s="993"/>
      <c r="DF73" s="994"/>
      <c r="DG73" s="992"/>
      <c r="DH73" s="993"/>
      <c r="DI73" s="993"/>
      <c r="DJ73" s="993"/>
      <c r="DK73" s="994"/>
      <c r="DL73" s="992"/>
      <c r="DM73" s="993"/>
      <c r="DN73" s="993"/>
      <c r="DO73" s="993"/>
      <c r="DP73" s="994"/>
      <c r="DQ73" s="992"/>
      <c r="DR73" s="993"/>
      <c r="DS73" s="993"/>
      <c r="DT73" s="993"/>
      <c r="DU73" s="994"/>
      <c r="DV73" s="981"/>
      <c r="DW73" s="982"/>
      <c r="DX73" s="982"/>
      <c r="DY73" s="982"/>
      <c r="DZ73" s="983"/>
      <c r="EA73" s="226"/>
    </row>
    <row r="74" spans="1:131" ht="26.25" customHeight="1" x14ac:dyDescent="0.2">
      <c r="A74" s="234">
        <v>7</v>
      </c>
      <c r="B74" s="1010"/>
      <c r="C74" s="1011"/>
      <c r="D74" s="1011"/>
      <c r="E74" s="1011"/>
      <c r="F74" s="1011"/>
      <c r="G74" s="1011"/>
      <c r="H74" s="1011"/>
      <c r="I74" s="1011"/>
      <c r="J74" s="1011"/>
      <c r="K74" s="1011"/>
      <c r="L74" s="1011"/>
      <c r="M74" s="1011"/>
      <c r="N74" s="1011"/>
      <c r="O74" s="1011"/>
      <c r="P74" s="1012"/>
      <c r="Q74" s="1013"/>
      <c r="R74" s="1007"/>
      <c r="S74" s="1007"/>
      <c r="T74" s="1007"/>
      <c r="U74" s="1007"/>
      <c r="V74" s="1007"/>
      <c r="W74" s="1007"/>
      <c r="X74" s="1007"/>
      <c r="Y74" s="1007"/>
      <c r="Z74" s="1007"/>
      <c r="AA74" s="1007"/>
      <c r="AB74" s="1007"/>
      <c r="AC74" s="1007"/>
      <c r="AD74" s="1007"/>
      <c r="AE74" s="1007"/>
      <c r="AF74" s="1007"/>
      <c r="AG74" s="1007"/>
      <c r="AH74" s="1007"/>
      <c r="AI74" s="1007"/>
      <c r="AJ74" s="1007"/>
      <c r="AK74" s="1007"/>
      <c r="AL74" s="1007"/>
      <c r="AM74" s="1007"/>
      <c r="AN74" s="1007"/>
      <c r="AO74" s="1007"/>
      <c r="AP74" s="1007"/>
      <c r="AQ74" s="1007"/>
      <c r="AR74" s="1007"/>
      <c r="AS74" s="1007"/>
      <c r="AT74" s="1007"/>
      <c r="AU74" s="1007"/>
      <c r="AV74" s="1007"/>
      <c r="AW74" s="1007"/>
      <c r="AX74" s="1007"/>
      <c r="AY74" s="1007"/>
      <c r="AZ74" s="1008"/>
      <c r="BA74" s="1008"/>
      <c r="BB74" s="1008"/>
      <c r="BC74" s="1008"/>
      <c r="BD74" s="1009"/>
      <c r="BE74" s="237"/>
      <c r="BF74" s="237"/>
      <c r="BG74" s="237"/>
      <c r="BH74" s="237"/>
      <c r="BI74" s="237"/>
      <c r="BJ74" s="237"/>
      <c r="BK74" s="237"/>
      <c r="BL74" s="237"/>
      <c r="BM74" s="237"/>
      <c r="BN74" s="237"/>
      <c r="BO74" s="237"/>
      <c r="BP74" s="237"/>
      <c r="BQ74" s="234">
        <v>68</v>
      </c>
      <c r="BR74" s="239"/>
      <c r="BS74" s="981"/>
      <c r="BT74" s="982"/>
      <c r="BU74" s="982"/>
      <c r="BV74" s="982"/>
      <c r="BW74" s="982"/>
      <c r="BX74" s="982"/>
      <c r="BY74" s="982"/>
      <c r="BZ74" s="982"/>
      <c r="CA74" s="982"/>
      <c r="CB74" s="982"/>
      <c r="CC74" s="982"/>
      <c r="CD74" s="982"/>
      <c r="CE74" s="982"/>
      <c r="CF74" s="982"/>
      <c r="CG74" s="991"/>
      <c r="CH74" s="992"/>
      <c r="CI74" s="993"/>
      <c r="CJ74" s="993"/>
      <c r="CK74" s="993"/>
      <c r="CL74" s="994"/>
      <c r="CM74" s="992"/>
      <c r="CN74" s="993"/>
      <c r="CO74" s="993"/>
      <c r="CP74" s="993"/>
      <c r="CQ74" s="994"/>
      <c r="CR74" s="992"/>
      <c r="CS74" s="993"/>
      <c r="CT74" s="993"/>
      <c r="CU74" s="993"/>
      <c r="CV74" s="994"/>
      <c r="CW74" s="992"/>
      <c r="CX74" s="993"/>
      <c r="CY74" s="993"/>
      <c r="CZ74" s="993"/>
      <c r="DA74" s="994"/>
      <c r="DB74" s="992"/>
      <c r="DC74" s="993"/>
      <c r="DD74" s="993"/>
      <c r="DE74" s="993"/>
      <c r="DF74" s="994"/>
      <c r="DG74" s="992"/>
      <c r="DH74" s="993"/>
      <c r="DI74" s="993"/>
      <c r="DJ74" s="993"/>
      <c r="DK74" s="994"/>
      <c r="DL74" s="992"/>
      <c r="DM74" s="993"/>
      <c r="DN74" s="993"/>
      <c r="DO74" s="993"/>
      <c r="DP74" s="994"/>
      <c r="DQ74" s="992"/>
      <c r="DR74" s="993"/>
      <c r="DS74" s="993"/>
      <c r="DT74" s="993"/>
      <c r="DU74" s="994"/>
      <c r="DV74" s="981"/>
      <c r="DW74" s="982"/>
      <c r="DX74" s="982"/>
      <c r="DY74" s="982"/>
      <c r="DZ74" s="983"/>
      <c r="EA74" s="226"/>
    </row>
    <row r="75" spans="1:131" ht="26.25" customHeight="1" x14ac:dyDescent="0.2">
      <c r="A75" s="234">
        <v>8</v>
      </c>
      <c r="B75" s="1010"/>
      <c r="C75" s="1011"/>
      <c r="D75" s="1011"/>
      <c r="E75" s="1011"/>
      <c r="F75" s="1011"/>
      <c r="G75" s="1011"/>
      <c r="H75" s="1011"/>
      <c r="I75" s="1011"/>
      <c r="J75" s="1011"/>
      <c r="K75" s="1011"/>
      <c r="L75" s="1011"/>
      <c r="M75" s="1011"/>
      <c r="N75" s="1011"/>
      <c r="O75" s="1011"/>
      <c r="P75" s="1012"/>
      <c r="Q75" s="1014"/>
      <c r="R75" s="1015"/>
      <c r="S75" s="1015"/>
      <c r="T75" s="1015"/>
      <c r="U75" s="1016"/>
      <c r="V75" s="1017"/>
      <c r="W75" s="1015"/>
      <c r="X75" s="1015"/>
      <c r="Y75" s="1015"/>
      <c r="Z75" s="1016"/>
      <c r="AA75" s="1017"/>
      <c r="AB75" s="1015"/>
      <c r="AC75" s="1015"/>
      <c r="AD75" s="1015"/>
      <c r="AE75" s="1016"/>
      <c r="AF75" s="1017"/>
      <c r="AG75" s="1015"/>
      <c r="AH75" s="1015"/>
      <c r="AI75" s="1015"/>
      <c r="AJ75" s="1016"/>
      <c r="AK75" s="1017"/>
      <c r="AL75" s="1015"/>
      <c r="AM75" s="1015"/>
      <c r="AN75" s="1015"/>
      <c r="AO75" s="1016"/>
      <c r="AP75" s="1017"/>
      <c r="AQ75" s="1015"/>
      <c r="AR75" s="1015"/>
      <c r="AS75" s="1015"/>
      <c r="AT75" s="1016"/>
      <c r="AU75" s="1017"/>
      <c r="AV75" s="1015"/>
      <c r="AW75" s="1015"/>
      <c r="AX75" s="1015"/>
      <c r="AY75" s="1016"/>
      <c r="AZ75" s="1008"/>
      <c r="BA75" s="1008"/>
      <c r="BB75" s="1008"/>
      <c r="BC75" s="1008"/>
      <c r="BD75" s="1009"/>
      <c r="BE75" s="237"/>
      <c r="BF75" s="237"/>
      <c r="BG75" s="237"/>
      <c r="BH75" s="237"/>
      <c r="BI75" s="237"/>
      <c r="BJ75" s="237"/>
      <c r="BK75" s="237"/>
      <c r="BL75" s="237"/>
      <c r="BM75" s="237"/>
      <c r="BN75" s="237"/>
      <c r="BO75" s="237"/>
      <c r="BP75" s="237"/>
      <c r="BQ75" s="234">
        <v>69</v>
      </c>
      <c r="BR75" s="239"/>
      <c r="BS75" s="981"/>
      <c r="BT75" s="982"/>
      <c r="BU75" s="982"/>
      <c r="BV75" s="982"/>
      <c r="BW75" s="982"/>
      <c r="BX75" s="982"/>
      <c r="BY75" s="982"/>
      <c r="BZ75" s="982"/>
      <c r="CA75" s="982"/>
      <c r="CB75" s="982"/>
      <c r="CC75" s="982"/>
      <c r="CD75" s="982"/>
      <c r="CE75" s="982"/>
      <c r="CF75" s="982"/>
      <c r="CG75" s="991"/>
      <c r="CH75" s="992"/>
      <c r="CI75" s="993"/>
      <c r="CJ75" s="993"/>
      <c r="CK75" s="993"/>
      <c r="CL75" s="994"/>
      <c r="CM75" s="992"/>
      <c r="CN75" s="993"/>
      <c r="CO75" s="993"/>
      <c r="CP75" s="993"/>
      <c r="CQ75" s="994"/>
      <c r="CR75" s="992"/>
      <c r="CS75" s="993"/>
      <c r="CT75" s="993"/>
      <c r="CU75" s="993"/>
      <c r="CV75" s="994"/>
      <c r="CW75" s="992"/>
      <c r="CX75" s="993"/>
      <c r="CY75" s="993"/>
      <c r="CZ75" s="993"/>
      <c r="DA75" s="994"/>
      <c r="DB75" s="992"/>
      <c r="DC75" s="993"/>
      <c r="DD75" s="993"/>
      <c r="DE75" s="993"/>
      <c r="DF75" s="994"/>
      <c r="DG75" s="992"/>
      <c r="DH75" s="993"/>
      <c r="DI75" s="993"/>
      <c r="DJ75" s="993"/>
      <c r="DK75" s="994"/>
      <c r="DL75" s="992"/>
      <c r="DM75" s="993"/>
      <c r="DN75" s="993"/>
      <c r="DO75" s="993"/>
      <c r="DP75" s="994"/>
      <c r="DQ75" s="992"/>
      <c r="DR75" s="993"/>
      <c r="DS75" s="993"/>
      <c r="DT75" s="993"/>
      <c r="DU75" s="994"/>
      <c r="DV75" s="981"/>
      <c r="DW75" s="982"/>
      <c r="DX75" s="982"/>
      <c r="DY75" s="982"/>
      <c r="DZ75" s="983"/>
      <c r="EA75" s="226"/>
    </row>
    <row r="76" spans="1:131" ht="26.25" customHeight="1" x14ac:dyDescent="0.2">
      <c r="A76" s="234">
        <v>9</v>
      </c>
      <c r="B76" s="1010"/>
      <c r="C76" s="1011"/>
      <c r="D76" s="1011"/>
      <c r="E76" s="1011"/>
      <c r="F76" s="1011"/>
      <c r="G76" s="1011"/>
      <c r="H76" s="1011"/>
      <c r="I76" s="1011"/>
      <c r="J76" s="1011"/>
      <c r="K76" s="1011"/>
      <c r="L76" s="1011"/>
      <c r="M76" s="1011"/>
      <c r="N76" s="1011"/>
      <c r="O76" s="1011"/>
      <c r="P76" s="1012"/>
      <c r="Q76" s="1014"/>
      <c r="R76" s="1015"/>
      <c r="S76" s="1015"/>
      <c r="T76" s="1015"/>
      <c r="U76" s="1016"/>
      <c r="V76" s="1017"/>
      <c r="W76" s="1015"/>
      <c r="X76" s="1015"/>
      <c r="Y76" s="1015"/>
      <c r="Z76" s="1016"/>
      <c r="AA76" s="1017"/>
      <c r="AB76" s="1015"/>
      <c r="AC76" s="1015"/>
      <c r="AD76" s="1015"/>
      <c r="AE76" s="1016"/>
      <c r="AF76" s="1017"/>
      <c r="AG76" s="1015"/>
      <c r="AH76" s="1015"/>
      <c r="AI76" s="1015"/>
      <c r="AJ76" s="1016"/>
      <c r="AK76" s="1017"/>
      <c r="AL76" s="1015"/>
      <c r="AM76" s="1015"/>
      <c r="AN76" s="1015"/>
      <c r="AO76" s="1016"/>
      <c r="AP76" s="1017"/>
      <c r="AQ76" s="1015"/>
      <c r="AR76" s="1015"/>
      <c r="AS76" s="1015"/>
      <c r="AT76" s="1016"/>
      <c r="AU76" s="1017"/>
      <c r="AV76" s="1015"/>
      <c r="AW76" s="1015"/>
      <c r="AX76" s="1015"/>
      <c r="AY76" s="1016"/>
      <c r="AZ76" s="1008"/>
      <c r="BA76" s="1008"/>
      <c r="BB76" s="1008"/>
      <c r="BC76" s="1008"/>
      <c r="BD76" s="1009"/>
      <c r="BE76" s="237"/>
      <c r="BF76" s="237"/>
      <c r="BG76" s="237"/>
      <c r="BH76" s="237"/>
      <c r="BI76" s="237"/>
      <c r="BJ76" s="237"/>
      <c r="BK76" s="237"/>
      <c r="BL76" s="237"/>
      <c r="BM76" s="237"/>
      <c r="BN76" s="237"/>
      <c r="BO76" s="237"/>
      <c r="BP76" s="237"/>
      <c r="BQ76" s="234">
        <v>70</v>
      </c>
      <c r="BR76" s="239"/>
      <c r="BS76" s="981"/>
      <c r="BT76" s="982"/>
      <c r="BU76" s="982"/>
      <c r="BV76" s="982"/>
      <c r="BW76" s="982"/>
      <c r="BX76" s="982"/>
      <c r="BY76" s="982"/>
      <c r="BZ76" s="982"/>
      <c r="CA76" s="982"/>
      <c r="CB76" s="982"/>
      <c r="CC76" s="982"/>
      <c r="CD76" s="982"/>
      <c r="CE76" s="982"/>
      <c r="CF76" s="982"/>
      <c r="CG76" s="991"/>
      <c r="CH76" s="992"/>
      <c r="CI76" s="993"/>
      <c r="CJ76" s="993"/>
      <c r="CK76" s="993"/>
      <c r="CL76" s="994"/>
      <c r="CM76" s="992"/>
      <c r="CN76" s="993"/>
      <c r="CO76" s="993"/>
      <c r="CP76" s="993"/>
      <c r="CQ76" s="994"/>
      <c r="CR76" s="992"/>
      <c r="CS76" s="993"/>
      <c r="CT76" s="993"/>
      <c r="CU76" s="993"/>
      <c r="CV76" s="994"/>
      <c r="CW76" s="992"/>
      <c r="CX76" s="993"/>
      <c r="CY76" s="993"/>
      <c r="CZ76" s="993"/>
      <c r="DA76" s="994"/>
      <c r="DB76" s="992"/>
      <c r="DC76" s="993"/>
      <c r="DD76" s="993"/>
      <c r="DE76" s="993"/>
      <c r="DF76" s="994"/>
      <c r="DG76" s="992"/>
      <c r="DH76" s="993"/>
      <c r="DI76" s="993"/>
      <c r="DJ76" s="993"/>
      <c r="DK76" s="994"/>
      <c r="DL76" s="992"/>
      <c r="DM76" s="993"/>
      <c r="DN76" s="993"/>
      <c r="DO76" s="993"/>
      <c r="DP76" s="994"/>
      <c r="DQ76" s="992"/>
      <c r="DR76" s="993"/>
      <c r="DS76" s="993"/>
      <c r="DT76" s="993"/>
      <c r="DU76" s="994"/>
      <c r="DV76" s="981"/>
      <c r="DW76" s="982"/>
      <c r="DX76" s="982"/>
      <c r="DY76" s="982"/>
      <c r="DZ76" s="983"/>
      <c r="EA76" s="226"/>
    </row>
    <row r="77" spans="1:131" ht="26.25" customHeight="1" x14ac:dyDescent="0.2">
      <c r="A77" s="234">
        <v>10</v>
      </c>
      <c r="B77" s="1010"/>
      <c r="C77" s="1011"/>
      <c r="D77" s="1011"/>
      <c r="E77" s="1011"/>
      <c r="F77" s="1011"/>
      <c r="G77" s="1011"/>
      <c r="H77" s="1011"/>
      <c r="I77" s="1011"/>
      <c r="J77" s="1011"/>
      <c r="K77" s="1011"/>
      <c r="L77" s="1011"/>
      <c r="M77" s="1011"/>
      <c r="N77" s="1011"/>
      <c r="O77" s="1011"/>
      <c r="P77" s="1012"/>
      <c r="Q77" s="1014"/>
      <c r="R77" s="1015"/>
      <c r="S77" s="1015"/>
      <c r="T77" s="1015"/>
      <c r="U77" s="1016"/>
      <c r="V77" s="1017"/>
      <c r="W77" s="1015"/>
      <c r="X77" s="1015"/>
      <c r="Y77" s="1015"/>
      <c r="Z77" s="1016"/>
      <c r="AA77" s="1017"/>
      <c r="AB77" s="1015"/>
      <c r="AC77" s="1015"/>
      <c r="AD77" s="1015"/>
      <c r="AE77" s="1016"/>
      <c r="AF77" s="1017"/>
      <c r="AG77" s="1015"/>
      <c r="AH77" s="1015"/>
      <c r="AI77" s="1015"/>
      <c r="AJ77" s="1016"/>
      <c r="AK77" s="1017"/>
      <c r="AL77" s="1015"/>
      <c r="AM77" s="1015"/>
      <c r="AN77" s="1015"/>
      <c r="AO77" s="1016"/>
      <c r="AP77" s="1017"/>
      <c r="AQ77" s="1015"/>
      <c r="AR77" s="1015"/>
      <c r="AS77" s="1015"/>
      <c r="AT77" s="1016"/>
      <c r="AU77" s="1017"/>
      <c r="AV77" s="1015"/>
      <c r="AW77" s="1015"/>
      <c r="AX77" s="1015"/>
      <c r="AY77" s="1016"/>
      <c r="AZ77" s="1008"/>
      <c r="BA77" s="1008"/>
      <c r="BB77" s="1008"/>
      <c r="BC77" s="1008"/>
      <c r="BD77" s="1009"/>
      <c r="BE77" s="237"/>
      <c r="BF77" s="237"/>
      <c r="BG77" s="237"/>
      <c r="BH77" s="237"/>
      <c r="BI77" s="237"/>
      <c r="BJ77" s="237"/>
      <c r="BK77" s="237"/>
      <c r="BL77" s="237"/>
      <c r="BM77" s="237"/>
      <c r="BN77" s="237"/>
      <c r="BO77" s="237"/>
      <c r="BP77" s="237"/>
      <c r="BQ77" s="234">
        <v>71</v>
      </c>
      <c r="BR77" s="239"/>
      <c r="BS77" s="981"/>
      <c r="BT77" s="982"/>
      <c r="BU77" s="982"/>
      <c r="BV77" s="982"/>
      <c r="BW77" s="982"/>
      <c r="BX77" s="982"/>
      <c r="BY77" s="982"/>
      <c r="BZ77" s="982"/>
      <c r="CA77" s="982"/>
      <c r="CB77" s="982"/>
      <c r="CC77" s="982"/>
      <c r="CD77" s="982"/>
      <c r="CE77" s="982"/>
      <c r="CF77" s="982"/>
      <c r="CG77" s="991"/>
      <c r="CH77" s="992"/>
      <c r="CI77" s="993"/>
      <c r="CJ77" s="993"/>
      <c r="CK77" s="993"/>
      <c r="CL77" s="994"/>
      <c r="CM77" s="992"/>
      <c r="CN77" s="993"/>
      <c r="CO77" s="993"/>
      <c r="CP77" s="993"/>
      <c r="CQ77" s="994"/>
      <c r="CR77" s="992"/>
      <c r="CS77" s="993"/>
      <c r="CT77" s="993"/>
      <c r="CU77" s="993"/>
      <c r="CV77" s="994"/>
      <c r="CW77" s="992"/>
      <c r="CX77" s="993"/>
      <c r="CY77" s="993"/>
      <c r="CZ77" s="993"/>
      <c r="DA77" s="994"/>
      <c r="DB77" s="992"/>
      <c r="DC77" s="993"/>
      <c r="DD77" s="993"/>
      <c r="DE77" s="993"/>
      <c r="DF77" s="994"/>
      <c r="DG77" s="992"/>
      <c r="DH77" s="993"/>
      <c r="DI77" s="993"/>
      <c r="DJ77" s="993"/>
      <c r="DK77" s="994"/>
      <c r="DL77" s="992"/>
      <c r="DM77" s="993"/>
      <c r="DN77" s="993"/>
      <c r="DO77" s="993"/>
      <c r="DP77" s="994"/>
      <c r="DQ77" s="992"/>
      <c r="DR77" s="993"/>
      <c r="DS77" s="993"/>
      <c r="DT77" s="993"/>
      <c r="DU77" s="994"/>
      <c r="DV77" s="981"/>
      <c r="DW77" s="982"/>
      <c r="DX77" s="982"/>
      <c r="DY77" s="982"/>
      <c r="DZ77" s="983"/>
      <c r="EA77" s="226"/>
    </row>
    <row r="78" spans="1:131" ht="26.25" customHeight="1" x14ac:dyDescent="0.2">
      <c r="A78" s="234">
        <v>11</v>
      </c>
      <c r="B78" s="1010"/>
      <c r="C78" s="1011"/>
      <c r="D78" s="1011"/>
      <c r="E78" s="1011"/>
      <c r="F78" s="1011"/>
      <c r="G78" s="1011"/>
      <c r="H78" s="1011"/>
      <c r="I78" s="1011"/>
      <c r="J78" s="1011"/>
      <c r="K78" s="1011"/>
      <c r="L78" s="1011"/>
      <c r="M78" s="1011"/>
      <c r="N78" s="1011"/>
      <c r="O78" s="1011"/>
      <c r="P78" s="1012"/>
      <c r="Q78" s="1013"/>
      <c r="R78" s="1007"/>
      <c r="S78" s="1007"/>
      <c r="T78" s="1007"/>
      <c r="U78" s="1007"/>
      <c r="V78" s="1007"/>
      <c r="W78" s="1007"/>
      <c r="X78" s="1007"/>
      <c r="Y78" s="1007"/>
      <c r="Z78" s="1007"/>
      <c r="AA78" s="1007"/>
      <c r="AB78" s="1007"/>
      <c r="AC78" s="1007"/>
      <c r="AD78" s="1007"/>
      <c r="AE78" s="1007"/>
      <c r="AF78" s="1007"/>
      <c r="AG78" s="1007"/>
      <c r="AH78" s="1007"/>
      <c r="AI78" s="1007"/>
      <c r="AJ78" s="1007"/>
      <c r="AK78" s="1007"/>
      <c r="AL78" s="1007"/>
      <c r="AM78" s="1007"/>
      <c r="AN78" s="1007"/>
      <c r="AO78" s="1007"/>
      <c r="AP78" s="1007"/>
      <c r="AQ78" s="1007"/>
      <c r="AR78" s="1007"/>
      <c r="AS78" s="1007"/>
      <c r="AT78" s="1007"/>
      <c r="AU78" s="1007"/>
      <c r="AV78" s="1007"/>
      <c r="AW78" s="1007"/>
      <c r="AX78" s="1007"/>
      <c r="AY78" s="1007"/>
      <c r="AZ78" s="1008"/>
      <c r="BA78" s="1008"/>
      <c r="BB78" s="1008"/>
      <c r="BC78" s="1008"/>
      <c r="BD78" s="1009"/>
      <c r="BE78" s="237"/>
      <c r="BF78" s="237"/>
      <c r="BG78" s="237"/>
      <c r="BH78" s="237"/>
      <c r="BI78" s="237"/>
      <c r="BJ78" s="226"/>
      <c r="BK78" s="226"/>
      <c r="BL78" s="226"/>
      <c r="BM78" s="226"/>
      <c r="BN78" s="226"/>
      <c r="BO78" s="237"/>
      <c r="BP78" s="237"/>
      <c r="BQ78" s="234">
        <v>72</v>
      </c>
      <c r="BR78" s="239"/>
      <c r="BS78" s="981"/>
      <c r="BT78" s="982"/>
      <c r="BU78" s="982"/>
      <c r="BV78" s="982"/>
      <c r="BW78" s="982"/>
      <c r="BX78" s="982"/>
      <c r="BY78" s="982"/>
      <c r="BZ78" s="982"/>
      <c r="CA78" s="982"/>
      <c r="CB78" s="982"/>
      <c r="CC78" s="982"/>
      <c r="CD78" s="982"/>
      <c r="CE78" s="982"/>
      <c r="CF78" s="982"/>
      <c r="CG78" s="991"/>
      <c r="CH78" s="992"/>
      <c r="CI78" s="993"/>
      <c r="CJ78" s="993"/>
      <c r="CK78" s="993"/>
      <c r="CL78" s="994"/>
      <c r="CM78" s="992"/>
      <c r="CN78" s="993"/>
      <c r="CO78" s="993"/>
      <c r="CP78" s="993"/>
      <c r="CQ78" s="994"/>
      <c r="CR78" s="992"/>
      <c r="CS78" s="993"/>
      <c r="CT78" s="993"/>
      <c r="CU78" s="993"/>
      <c r="CV78" s="994"/>
      <c r="CW78" s="992"/>
      <c r="CX78" s="993"/>
      <c r="CY78" s="993"/>
      <c r="CZ78" s="993"/>
      <c r="DA78" s="994"/>
      <c r="DB78" s="992"/>
      <c r="DC78" s="993"/>
      <c r="DD78" s="993"/>
      <c r="DE78" s="993"/>
      <c r="DF78" s="994"/>
      <c r="DG78" s="992"/>
      <c r="DH78" s="993"/>
      <c r="DI78" s="993"/>
      <c r="DJ78" s="993"/>
      <c r="DK78" s="994"/>
      <c r="DL78" s="992"/>
      <c r="DM78" s="993"/>
      <c r="DN78" s="993"/>
      <c r="DO78" s="993"/>
      <c r="DP78" s="994"/>
      <c r="DQ78" s="992"/>
      <c r="DR78" s="993"/>
      <c r="DS78" s="993"/>
      <c r="DT78" s="993"/>
      <c r="DU78" s="994"/>
      <c r="DV78" s="981"/>
      <c r="DW78" s="982"/>
      <c r="DX78" s="982"/>
      <c r="DY78" s="982"/>
      <c r="DZ78" s="983"/>
      <c r="EA78" s="226"/>
    </row>
    <row r="79" spans="1:131" ht="26.25" customHeight="1" x14ac:dyDescent="0.2">
      <c r="A79" s="234">
        <v>12</v>
      </c>
      <c r="B79" s="1010"/>
      <c r="C79" s="1011"/>
      <c r="D79" s="1011"/>
      <c r="E79" s="1011"/>
      <c r="F79" s="1011"/>
      <c r="G79" s="1011"/>
      <c r="H79" s="1011"/>
      <c r="I79" s="1011"/>
      <c r="J79" s="1011"/>
      <c r="K79" s="1011"/>
      <c r="L79" s="1011"/>
      <c r="M79" s="1011"/>
      <c r="N79" s="1011"/>
      <c r="O79" s="1011"/>
      <c r="P79" s="1012"/>
      <c r="Q79" s="1013"/>
      <c r="R79" s="1007"/>
      <c r="S79" s="1007"/>
      <c r="T79" s="1007"/>
      <c r="U79" s="1007"/>
      <c r="V79" s="1007"/>
      <c r="W79" s="1007"/>
      <c r="X79" s="1007"/>
      <c r="Y79" s="1007"/>
      <c r="Z79" s="1007"/>
      <c r="AA79" s="1007"/>
      <c r="AB79" s="1007"/>
      <c r="AC79" s="1007"/>
      <c r="AD79" s="1007"/>
      <c r="AE79" s="1007"/>
      <c r="AF79" s="1007"/>
      <c r="AG79" s="1007"/>
      <c r="AH79" s="1007"/>
      <c r="AI79" s="1007"/>
      <c r="AJ79" s="1007"/>
      <c r="AK79" s="1007"/>
      <c r="AL79" s="1007"/>
      <c r="AM79" s="1007"/>
      <c r="AN79" s="1007"/>
      <c r="AO79" s="1007"/>
      <c r="AP79" s="1007"/>
      <c r="AQ79" s="1007"/>
      <c r="AR79" s="1007"/>
      <c r="AS79" s="1007"/>
      <c r="AT79" s="1007"/>
      <c r="AU79" s="1007"/>
      <c r="AV79" s="1007"/>
      <c r="AW79" s="1007"/>
      <c r="AX79" s="1007"/>
      <c r="AY79" s="1007"/>
      <c r="AZ79" s="1008"/>
      <c r="BA79" s="1008"/>
      <c r="BB79" s="1008"/>
      <c r="BC79" s="1008"/>
      <c r="BD79" s="1009"/>
      <c r="BE79" s="237"/>
      <c r="BF79" s="237"/>
      <c r="BG79" s="237"/>
      <c r="BH79" s="237"/>
      <c r="BI79" s="237"/>
      <c r="BJ79" s="226"/>
      <c r="BK79" s="226"/>
      <c r="BL79" s="226"/>
      <c r="BM79" s="226"/>
      <c r="BN79" s="226"/>
      <c r="BO79" s="237"/>
      <c r="BP79" s="237"/>
      <c r="BQ79" s="234">
        <v>73</v>
      </c>
      <c r="BR79" s="239"/>
      <c r="BS79" s="981"/>
      <c r="BT79" s="982"/>
      <c r="BU79" s="982"/>
      <c r="BV79" s="982"/>
      <c r="BW79" s="982"/>
      <c r="BX79" s="982"/>
      <c r="BY79" s="982"/>
      <c r="BZ79" s="982"/>
      <c r="CA79" s="982"/>
      <c r="CB79" s="982"/>
      <c r="CC79" s="982"/>
      <c r="CD79" s="982"/>
      <c r="CE79" s="982"/>
      <c r="CF79" s="982"/>
      <c r="CG79" s="991"/>
      <c r="CH79" s="992"/>
      <c r="CI79" s="993"/>
      <c r="CJ79" s="993"/>
      <c r="CK79" s="993"/>
      <c r="CL79" s="994"/>
      <c r="CM79" s="992"/>
      <c r="CN79" s="993"/>
      <c r="CO79" s="993"/>
      <c r="CP79" s="993"/>
      <c r="CQ79" s="994"/>
      <c r="CR79" s="992"/>
      <c r="CS79" s="993"/>
      <c r="CT79" s="993"/>
      <c r="CU79" s="993"/>
      <c r="CV79" s="994"/>
      <c r="CW79" s="992"/>
      <c r="CX79" s="993"/>
      <c r="CY79" s="993"/>
      <c r="CZ79" s="993"/>
      <c r="DA79" s="994"/>
      <c r="DB79" s="992"/>
      <c r="DC79" s="993"/>
      <c r="DD79" s="993"/>
      <c r="DE79" s="993"/>
      <c r="DF79" s="994"/>
      <c r="DG79" s="992"/>
      <c r="DH79" s="993"/>
      <c r="DI79" s="993"/>
      <c r="DJ79" s="993"/>
      <c r="DK79" s="994"/>
      <c r="DL79" s="992"/>
      <c r="DM79" s="993"/>
      <c r="DN79" s="993"/>
      <c r="DO79" s="993"/>
      <c r="DP79" s="994"/>
      <c r="DQ79" s="992"/>
      <c r="DR79" s="993"/>
      <c r="DS79" s="993"/>
      <c r="DT79" s="993"/>
      <c r="DU79" s="994"/>
      <c r="DV79" s="981"/>
      <c r="DW79" s="982"/>
      <c r="DX79" s="982"/>
      <c r="DY79" s="982"/>
      <c r="DZ79" s="983"/>
      <c r="EA79" s="226"/>
    </row>
    <row r="80" spans="1:131" ht="26.25" customHeight="1" x14ac:dyDescent="0.2">
      <c r="A80" s="234">
        <v>13</v>
      </c>
      <c r="B80" s="1010"/>
      <c r="C80" s="1011"/>
      <c r="D80" s="1011"/>
      <c r="E80" s="1011"/>
      <c r="F80" s="1011"/>
      <c r="G80" s="1011"/>
      <c r="H80" s="1011"/>
      <c r="I80" s="1011"/>
      <c r="J80" s="1011"/>
      <c r="K80" s="1011"/>
      <c r="L80" s="1011"/>
      <c r="M80" s="1011"/>
      <c r="N80" s="1011"/>
      <c r="O80" s="1011"/>
      <c r="P80" s="1012"/>
      <c r="Q80" s="1013"/>
      <c r="R80" s="1007"/>
      <c r="S80" s="1007"/>
      <c r="T80" s="1007"/>
      <c r="U80" s="1007"/>
      <c r="V80" s="1007"/>
      <c r="W80" s="1007"/>
      <c r="X80" s="1007"/>
      <c r="Y80" s="1007"/>
      <c r="Z80" s="1007"/>
      <c r="AA80" s="1007"/>
      <c r="AB80" s="1007"/>
      <c r="AC80" s="1007"/>
      <c r="AD80" s="1007"/>
      <c r="AE80" s="1007"/>
      <c r="AF80" s="1007"/>
      <c r="AG80" s="1007"/>
      <c r="AH80" s="1007"/>
      <c r="AI80" s="1007"/>
      <c r="AJ80" s="1007"/>
      <c r="AK80" s="1007"/>
      <c r="AL80" s="1007"/>
      <c r="AM80" s="1007"/>
      <c r="AN80" s="1007"/>
      <c r="AO80" s="1007"/>
      <c r="AP80" s="1007"/>
      <c r="AQ80" s="1007"/>
      <c r="AR80" s="1007"/>
      <c r="AS80" s="1007"/>
      <c r="AT80" s="1007"/>
      <c r="AU80" s="1007"/>
      <c r="AV80" s="1007"/>
      <c r="AW80" s="1007"/>
      <c r="AX80" s="1007"/>
      <c r="AY80" s="1007"/>
      <c r="AZ80" s="1008"/>
      <c r="BA80" s="1008"/>
      <c r="BB80" s="1008"/>
      <c r="BC80" s="1008"/>
      <c r="BD80" s="1009"/>
      <c r="BE80" s="237"/>
      <c r="BF80" s="237"/>
      <c r="BG80" s="237"/>
      <c r="BH80" s="237"/>
      <c r="BI80" s="237"/>
      <c r="BJ80" s="237"/>
      <c r="BK80" s="237"/>
      <c r="BL80" s="237"/>
      <c r="BM80" s="237"/>
      <c r="BN80" s="237"/>
      <c r="BO80" s="237"/>
      <c r="BP80" s="237"/>
      <c r="BQ80" s="234">
        <v>74</v>
      </c>
      <c r="BR80" s="239"/>
      <c r="BS80" s="981"/>
      <c r="BT80" s="982"/>
      <c r="BU80" s="982"/>
      <c r="BV80" s="982"/>
      <c r="BW80" s="982"/>
      <c r="BX80" s="982"/>
      <c r="BY80" s="982"/>
      <c r="BZ80" s="982"/>
      <c r="CA80" s="982"/>
      <c r="CB80" s="982"/>
      <c r="CC80" s="982"/>
      <c r="CD80" s="982"/>
      <c r="CE80" s="982"/>
      <c r="CF80" s="982"/>
      <c r="CG80" s="991"/>
      <c r="CH80" s="992"/>
      <c r="CI80" s="993"/>
      <c r="CJ80" s="993"/>
      <c r="CK80" s="993"/>
      <c r="CL80" s="994"/>
      <c r="CM80" s="992"/>
      <c r="CN80" s="993"/>
      <c r="CO80" s="993"/>
      <c r="CP80" s="993"/>
      <c r="CQ80" s="994"/>
      <c r="CR80" s="992"/>
      <c r="CS80" s="993"/>
      <c r="CT80" s="993"/>
      <c r="CU80" s="993"/>
      <c r="CV80" s="994"/>
      <c r="CW80" s="992"/>
      <c r="CX80" s="993"/>
      <c r="CY80" s="993"/>
      <c r="CZ80" s="993"/>
      <c r="DA80" s="994"/>
      <c r="DB80" s="992"/>
      <c r="DC80" s="993"/>
      <c r="DD80" s="993"/>
      <c r="DE80" s="993"/>
      <c r="DF80" s="994"/>
      <c r="DG80" s="992"/>
      <c r="DH80" s="993"/>
      <c r="DI80" s="993"/>
      <c r="DJ80" s="993"/>
      <c r="DK80" s="994"/>
      <c r="DL80" s="992"/>
      <c r="DM80" s="993"/>
      <c r="DN80" s="993"/>
      <c r="DO80" s="993"/>
      <c r="DP80" s="994"/>
      <c r="DQ80" s="992"/>
      <c r="DR80" s="993"/>
      <c r="DS80" s="993"/>
      <c r="DT80" s="993"/>
      <c r="DU80" s="994"/>
      <c r="DV80" s="981"/>
      <c r="DW80" s="982"/>
      <c r="DX80" s="982"/>
      <c r="DY80" s="982"/>
      <c r="DZ80" s="983"/>
      <c r="EA80" s="226"/>
    </row>
    <row r="81" spans="1:131" ht="26.25" customHeight="1" x14ac:dyDescent="0.2">
      <c r="A81" s="234">
        <v>14</v>
      </c>
      <c r="B81" s="1010"/>
      <c r="C81" s="1011"/>
      <c r="D81" s="1011"/>
      <c r="E81" s="1011"/>
      <c r="F81" s="1011"/>
      <c r="G81" s="1011"/>
      <c r="H81" s="1011"/>
      <c r="I81" s="1011"/>
      <c r="J81" s="1011"/>
      <c r="K81" s="1011"/>
      <c r="L81" s="1011"/>
      <c r="M81" s="1011"/>
      <c r="N81" s="1011"/>
      <c r="O81" s="1011"/>
      <c r="P81" s="1012"/>
      <c r="Q81" s="1013"/>
      <c r="R81" s="1007"/>
      <c r="S81" s="1007"/>
      <c r="T81" s="1007"/>
      <c r="U81" s="1007"/>
      <c r="V81" s="1007"/>
      <c r="W81" s="1007"/>
      <c r="X81" s="1007"/>
      <c r="Y81" s="1007"/>
      <c r="Z81" s="1007"/>
      <c r="AA81" s="1007"/>
      <c r="AB81" s="1007"/>
      <c r="AC81" s="1007"/>
      <c r="AD81" s="1007"/>
      <c r="AE81" s="1007"/>
      <c r="AF81" s="1007"/>
      <c r="AG81" s="1007"/>
      <c r="AH81" s="1007"/>
      <c r="AI81" s="1007"/>
      <c r="AJ81" s="1007"/>
      <c r="AK81" s="1007"/>
      <c r="AL81" s="1007"/>
      <c r="AM81" s="1007"/>
      <c r="AN81" s="1007"/>
      <c r="AO81" s="1007"/>
      <c r="AP81" s="1007"/>
      <c r="AQ81" s="1007"/>
      <c r="AR81" s="1007"/>
      <c r="AS81" s="1007"/>
      <c r="AT81" s="1007"/>
      <c r="AU81" s="1007"/>
      <c r="AV81" s="1007"/>
      <c r="AW81" s="1007"/>
      <c r="AX81" s="1007"/>
      <c r="AY81" s="1007"/>
      <c r="AZ81" s="1008"/>
      <c r="BA81" s="1008"/>
      <c r="BB81" s="1008"/>
      <c r="BC81" s="1008"/>
      <c r="BD81" s="1009"/>
      <c r="BE81" s="237"/>
      <c r="BF81" s="237"/>
      <c r="BG81" s="237"/>
      <c r="BH81" s="237"/>
      <c r="BI81" s="237"/>
      <c r="BJ81" s="237"/>
      <c r="BK81" s="237"/>
      <c r="BL81" s="237"/>
      <c r="BM81" s="237"/>
      <c r="BN81" s="237"/>
      <c r="BO81" s="237"/>
      <c r="BP81" s="237"/>
      <c r="BQ81" s="234">
        <v>75</v>
      </c>
      <c r="BR81" s="239"/>
      <c r="BS81" s="981"/>
      <c r="BT81" s="982"/>
      <c r="BU81" s="982"/>
      <c r="BV81" s="982"/>
      <c r="BW81" s="982"/>
      <c r="BX81" s="982"/>
      <c r="BY81" s="982"/>
      <c r="BZ81" s="982"/>
      <c r="CA81" s="982"/>
      <c r="CB81" s="982"/>
      <c r="CC81" s="982"/>
      <c r="CD81" s="982"/>
      <c r="CE81" s="982"/>
      <c r="CF81" s="982"/>
      <c r="CG81" s="991"/>
      <c r="CH81" s="992"/>
      <c r="CI81" s="993"/>
      <c r="CJ81" s="993"/>
      <c r="CK81" s="993"/>
      <c r="CL81" s="994"/>
      <c r="CM81" s="992"/>
      <c r="CN81" s="993"/>
      <c r="CO81" s="993"/>
      <c r="CP81" s="993"/>
      <c r="CQ81" s="994"/>
      <c r="CR81" s="992"/>
      <c r="CS81" s="993"/>
      <c r="CT81" s="993"/>
      <c r="CU81" s="993"/>
      <c r="CV81" s="994"/>
      <c r="CW81" s="992"/>
      <c r="CX81" s="993"/>
      <c r="CY81" s="993"/>
      <c r="CZ81" s="993"/>
      <c r="DA81" s="994"/>
      <c r="DB81" s="992"/>
      <c r="DC81" s="993"/>
      <c r="DD81" s="993"/>
      <c r="DE81" s="993"/>
      <c r="DF81" s="994"/>
      <c r="DG81" s="992"/>
      <c r="DH81" s="993"/>
      <c r="DI81" s="993"/>
      <c r="DJ81" s="993"/>
      <c r="DK81" s="994"/>
      <c r="DL81" s="992"/>
      <c r="DM81" s="993"/>
      <c r="DN81" s="993"/>
      <c r="DO81" s="993"/>
      <c r="DP81" s="994"/>
      <c r="DQ81" s="992"/>
      <c r="DR81" s="993"/>
      <c r="DS81" s="993"/>
      <c r="DT81" s="993"/>
      <c r="DU81" s="994"/>
      <c r="DV81" s="981"/>
      <c r="DW81" s="982"/>
      <c r="DX81" s="982"/>
      <c r="DY81" s="982"/>
      <c r="DZ81" s="983"/>
      <c r="EA81" s="226"/>
    </row>
    <row r="82" spans="1:131" ht="26.25" customHeight="1" x14ac:dyDescent="0.2">
      <c r="A82" s="234">
        <v>15</v>
      </c>
      <c r="B82" s="1010"/>
      <c r="C82" s="1011"/>
      <c r="D82" s="1011"/>
      <c r="E82" s="1011"/>
      <c r="F82" s="1011"/>
      <c r="G82" s="1011"/>
      <c r="H82" s="1011"/>
      <c r="I82" s="1011"/>
      <c r="J82" s="1011"/>
      <c r="K82" s="1011"/>
      <c r="L82" s="1011"/>
      <c r="M82" s="1011"/>
      <c r="N82" s="1011"/>
      <c r="O82" s="1011"/>
      <c r="P82" s="1012"/>
      <c r="Q82" s="1013"/>
      <c r="R82" s="1007"/>
      <c r="S82" s="1007"/>
      <c r="T82" s="1007"/>
      <c r="U82" s="1007"/>
      <c r="V82" s="1007"/>
      <c r="W82" s="1007"/>
      <c r="X82" s="1007"/>
      <c r="Y82" s="1007"/>
      <c r="Z82" s="1007"/>
      <c r="AA82" s="1007"/>
      <c r="AB82" s="1007"/>
      <c r="AC82" s="1007"/>
      <c r="AD82" s="1007"/>
      <c r="AE82" s="1007"/>
      <c r="AF82" s="1007"/>
      <c r="AG82" s="1007"/>
      <c r="AH82" s="1007"/>
      <c r="AI82" s="1007"/>
      <c r="AJ82" s="1007"/>
      <c r="AK82" s="1007"/>
      <c r="AL82" s="1007"/>
      <c r="AM82" s="1007"/>
      <c r="AN82" s="1007"/>
      <c r="AO82" s="1007"/>
      <c r="AP82" s="1007"/>
      <c r="AQ82" s="1007"/>
      <c r="AR82" s="1007"/>
      <c r="AS82" s="1007"/>
      <c r="AT82" s="1007"/>
      <c r="AU82" s="1007"/>
      <c r="AV82" s="1007"/>
      <c r="AW82" s="1007"/>
      <c r="AX82" s="1007"/>
      <c r="AY82" s="1007"/>
      <c r="AZ82" s="1008"/>
      <c r="BA82" s="1008"/>
      <c r="BB82" s="1008"/>
      <c r="BC82" s="1008"/>
      <c r="BD82" s="1009"/>
      <c r="BE82" s="237"/>
      <c r="BF82" s="237"/>
      <c r="BG82" s="237"/>
      <c r="BH82" s="237"/>
      <c r="BI82" s="237"/>
      <c r="BJ82" s="237"/>
      <c r="BK82" s="237"/>
      <c r="BL82" s="237"/>
      <c r="BM82" s="237"/>
      <c r="BN82" s="237"/>
      <c r="BO82" s="237"/>
      <c r="BP82" s="237"/>
      <c r="BQ82" s="234">
        <v>76</v>
      </c>
      <c r="BR82" s="239"/>
      <c r="BS82" s="981"/>
      <c r="BT82" s="982"/>
      <c r="BU82" s="982"/>
      <c r="BV82" s="982"/>
      <c r="BW82" s="982"/>
      <c r="BX82" s="982"/>
      <c r="BY82" s="982"/>
      <c r="BZ82" s="982"/>
      <c r="CA82" s="982"/>
      <c r="CB82" s="982"/>
      <c r="CC82" s="982"/>
      <c r="CD82" s="982"/>
      <c r="CE82" s="982"/>
      <c r="CF82" s="982"/>
      <c r="CG82" s="991"/>
      <c r="CH82" s="992"/>
      <c r="CI82" s="993"/>
      <c r="CJ82" s="993"/>
      <c r="CK82" s="993"/>
      <c r="CL82" s="994"/>
      <c r="CM82" s="992"/>
      <c r="CN82" s="993"/>
      <c r="CO82" s="993"/>
      <c r="CP82" s="993"/>
      <c r="CQ82" s="994"/>
      <c r="CR82" s="992"/>
      <c r="CS82" s="993"/>
      <c r="CT82" s="993"/>
      <c r="CU82" s="993"/>
      <c r="CV82" s="994"/>
      <c r="CW82" s="992"/>
      <c r="CX82" s="993"/>
      <c r="CY82" s="993"/>
      <c r="CZ82" s="993"/>
      <c r="DA82" s="994"/>
      <c r="DB82" s="992"/>
      <c r="DC82" s="993"/>
      <c r="DD82" s="993"/>
      <c r="DE82" s="993"/>
      <c r="DF82" s="994"/>
      <c r="DG82" s="992"/>
      <c r="DH82" s="993"/>
      <c r="DI82" s="993"/>
      <c r="DJ82" s="993"/>
      <c r="DK82" s="994"/>
      <c r="DL82" s="992"/>
      <c r="DM82" s="993"/>
      <c r="DN82" s="993"/>
      <c r="DO82" s="993"/>
      <c r="DP82" s="994"/>
      <c r="DQ82" s="992"/>
      <c r="DR82" s="993"/>
      <c r="DS82" s="993"/>
      <c r="DT82" s="993"/>
      <c r="DU82" s="994"/>
      <c r="DV82" s="981"/>
      <c r="DW82" s="982"/>
      <c r="DX82" s="982"/>
      <c r="DY82" s="982"/>
      <c r="DZ82" s="983"/>
      <c r="EA82" s="226"/>
    </row>
    <row r="83" spans="1:131" ht="26.25" customHeight="1" x14ac:dyDescent="0.2">
      <c r="A83" s="234">
        <v>16</v>
      </c>
      <c r="B83" s="1010"/>
      <c r="C83" s="1011"/>
      <c r="D83" s="1011"/>
      <c r="E83" s="1011"/>
      <c r="F83" s="1011"/>
      <c r="G83" s="1011"/>
      <c r="H83" s="1011"/>
      <c r="I83" s="1011"/>
      <c r="J83" s="1011"/>
      <c r="K83" s="1011"/>
      <c r="L83" s="1011"/>
      <c r="M83" s="1011"/>
      <c r="N83" s="1011"/>
      <c r="O83" s="1011"/>
      <c r="P83" s="1012"/>
      <c r="Q83" s="1013"/>
      <c r="R83" s="1007"/>
      <c r="S83" s="1007"/>
      <c r="T83" s="1007"/>
      <c r="U83" s="1007"/>
      <c r="V83" s="1007"/>
      <c r="W83" s="1007"/>
      <c r="X83" s="1007"/>
      <c r="Y83" s="1007"/>
      <c r="Z83" s="1007"/>
      <c r="AA83" s="1007"/>
      <c r="AB83" s="1007"/>
      <c r="AC83" s="1007"/>
      <c r="AD83" s="1007"/>
      <c r="AE83" s="1007"/>
      <c r="AF83" s="1007"/>
      <c r="AG83" s="1007"/>
      <c r="AH83" s="1007"/>
      <c r="AI83" s="1007"/>
      <c r="AJ83" s="1007"/>
      <c r="AK83" s="1007"/>
      <c r="AL83" s="1007"/>
      <c r="AM83" s="1007"/>
      <c r="AN83" s="1007"/>
      <c r="AO83" s="1007"/>
      <c r="AP83" s="1007"/>
      <c r="AQ83" s="1007"/>
      <c r="AR83" s="1007"/>
      <c r="AS83" s="1007"/>
      <c r="AT83" s="1007"/>
      <c r="AU83" s="1007"/>
      <c r="AV83" s="1007"/>
      <c r="AW83" s="1007"/>
      <c r="AX83" s="1007"/>
      <c r="AY83" s="1007"/>
      <c r="AZ83" s="1008"/>
      <c r="BA83" s="1008"/>
      <c r="BB83" s="1008"/>
      <c r="BC83" s="1008"/>
      <c r="BD83" s="1009"/>
      <c r="BE83" s="237"/>
      <c r="BF83" s="237"/>
      <c r="BG83" s="237"/>
      <c r="BH83" s="237"/>
      <c r="BI83" s="237"/>
      <c r="BJ83" s="237"/>
      <c r="BK83" s="237"/>
      <c r="BL83" s="237"/>
      <c r="BM83" s="237"/>
      <c r="BN83" s="237"/>
      <c r="BO83" s="237"/>
      <c r="BP83" s="237"/>
      <c r="BQ83" s="234">
        <v>77</v>
      </c>
      <c r="BR83" s="239"/>
      <c r="BS83" s="981"/>
      <c r="BT83" s="982"/>
      <c r="BU83" s="982"/>
      <c r="BV83" s="982"/>
      <c r="BW83" s="982"/>
      <c r="BX83" s="982"/>
      <c r="BY83" s="982"/>
      <c r="BZ83" s="982"/>
      <c r="CA83" s="982"/>
      <c r="CB83" s="982"/>
      <c r="CC83" s="982"/>
      <c r="CD83" s="982"/>
      <c r="CE83" s="982"/>
      <c r="CF83" s="982"/>
      <c r="CG83" s="991"/>
      <c r="CH83" s="992"/>
      <c r="CI83" s="993"/>
      <c r="CJ83" s="993"/>
      <c r="CK83" s="993"/>
      <c r="CL83" s="994"/>
      <c r="CM83" s="992"/>
      <c r="CN83" s="993"/>
      <c r="CO83" s="993"/>
      <c r="CP83" s="993"/>
      <c r="CQ83" s="994"/>
      <c r="CR83" s="992"/>
      <c r="CS83" s="993"/>
      <c r="CT83" s="993"/>
      <c r="CU83" s="993"/>
      <c r="CV83" s="994"/>
      <c r="CW83" s="992"/>
      <c r="CX83" s="993"/>
      <c r="CY83" s="993"/>
      <c r="CZ83" s="993"/>
      <c r="DA83" s="994"/>
      <c r="DB83" s="992"/>
      <c r="DC83" s="993"/>
      <c r="DD83" s="993"/>
      <c r="DE83" s="993"/>
      <c r="DF83" s="994"/>
      <c r="DG83" s="992"/>
      <c r="DH83" s="993"/>
      <c r="DI83" s="993"/>
      <c r="DJ83" s="993"/>
      <c r="DK83" s="994"/>
      <c r="DL83" s="992"/>
      <c r="DM83" s="993"/>
      <c r="DN83" s="993"/>
      <c r="DO83" s="993"/>
      <c r="DP83" s="994"/>
      <c r="DQ83" s="992"/>
      <c r="DR83" s="993"/>
      <c r="DS83" s="993"/>
      <c r="DT83" s="993"/>
      <c r="DU83" s="994"/>
      <c r="DV83" s="981"/>
      <c r="DW83" s="982"/>
      <c r="DX83" s="982"/>
      <c r="DY83" s="982"/>
      <c r="DZ83" s="983"/>
      <c r="EA83" s="226"/>
    </row>
    <row r="84" spans="1:131" ht="26.25" customHeight="1" x14ac:dyDescent="0.2">
      <c r="A84" s="234">
        <v>17</v>
      </c>
      <c r="B84" s="1010"/>
      <c r="C84" s="1011"/>
      <c r="D84" s="1011"/>
      <c r="E84" s="1011"/>
      <c r="F84" s="1011"/>
      <c r="G84" s="1011"/>
      <c r="H84" s="1011"/>
      <c r="I84" s="1011"/>
      <c r="J84" s="1011"/>
      <c r="K84" s="1011"/>
      <c r="L84" s="1011"/>
      <c r="M84" s="1011"/>
      <c r="N84" s="1011"/>
      <c r="O84" s="1011"/>
      <c r="P84" s="1012"/>
      <c r="Q84" s="1013"/>
      <c r="R84" s="1007"/>
      <c r="S84" s="1007"/>
      <c r="T84" s="1007"/>
      <c r="U84" s="1007"/>
      <c r="V84" s="1007"/>
      <c r="W84" s="1007"/>
      <c r="X84" s="1007"/>
      <c r="Y84" s="1007"/>
      <c r="Z84" s="1007"/>
      <c r="AA84" s="1007"/>
      <c r="AB84" s="1007"/>
      <c r="AC84" s="1007"/>
      <c r="AD84" s="1007"/>
      <c r="AE84" s="1007"/>
      <c r="AF84" s="1007"/>
      <c r="AG84" s="1007"/>
      <c r="AH84" s="1007"/>
      <c r="AI84" s="1007"/>
      <c r="AJ84" s="1007"/>
      <c r="AK84" s="1007"/>
      <c r="AL84" s="1007"/>
      <c r="AM84" s="1007"/>
      <c r="AN84" s="1007"/>
      <c r="AO84" s="1007"/>
      <c r="AP84" s="1007"/>
      <c r="AQ84" s="1007"/>
      <c r="AR84" s="1007"/>
      <c r="AS84" s="1007"/>
      <c r="AT84" s="1007"/>
      <c r="AU84" s="1007"/>
      <c r="AV84" s="1007"/>
      <c r="AW84" s="1007"/>
      <c r="AX84" s="1007"/>
      <c r="AY84" s="1007"/>
      <c r="AZ84" s="1008"/>
      <c r="BA84" s="1008"/>
      <c r="BB84" s="1008"/>
      <c r="BC84" s="1008"/>
      <c r="BD84" s="1009"/>
      <c r="BE84" s="237"/>
      <c r="BF84" s="237"/>
      <c r="BG84" s="237"/>
      <c r="BH84" s="237"/>
      <c r="BI84" s="237"/>
      <c r="BJ84" s="237"/>
      <c r="BK84" s="237"/>
      <c r="BL84" s="237"/>
      <c r="BM84" s="237"/>
      <c r="BN84" s="237"/>
      <c r="BO84" s="237"/>
      <c r="BP84" s="237"/>
      <c r="BQ84" s="234">
        <v>78</v>
      </c>
      <c r="BR84" s="239"/>
      <c r="BS84" s="981"/>
      <c r="BT84" s="982"/>
      <c r="BU84" s="982"/>
      <c r="BV84" s="982"/>
      <c r="BW84" s="982"/>
      <c r="BX84" s="982"/>
      <c r="BY84" s="982"/>
      <c r="BZ84" s="982"/>
      <c r="CA84" s="982"/>
      <c r="CB84" s="982"/>
      <c r="CC84" s="982"/>
      <c r="CD84" s="982"/>
      <c r="CE84" s="982"/>
      <c r="CF84" s="982"/>
      <c r="CG84" s="991"/>
      <c r="CH84" s="992"/>
      <c r="CI84" s="993"/>
      <c r="CJ84" s="993"/>
      <c r="CK84" s="993"/>
      <c r="CL84" s="994"/>
      <c r="CM84" s="992"/>
      <c r="CN84" s="993"/>
      <c r="CO84" s="993"/>
      <c r="CP84" s="993"/>
      <c r="CQ84" s="994"/>
      <c r="CR84" s="992"/>
      <c r="CS84" s="993"/>
      <c r="CT84" s="993"/>
      <c r="CU84" s="993"/>
      <c r="CV84" s="994"/>
      <c r="CW84" s="992"/>
      <c r="CX84" s="993"/>
      <c r="CY84" s="993"/>
      <c r="CZ84" s="993"/>
      <c r="DA84" s="994"/>
      <c r="DB84" s="992"/>
      <c r="DC84" s="993"/>
      <c r="DD84" s="993"/>
      <c r="DE84" s="993"/>
      <c r="DF84" s="994"/>
      <c r="DG84" s="992"/>
      <c r="DH84" s="993"/>
      <c r="DI84" s="993"/>
      <c r="DJ84" s="993"/>
      <c r="DK84" s="994"/>
      <c r="DL84" s="992"/>
      <c r="DM84" s="993"/>
      <c r="DN84" s="993"/>
      <c r="DO84" s="993"/>
      <c r="DP84" s="994"/>
      <c r="DQ84" s="992"/>
      <c r="DR84" s="993"/>
      <c r="DS84" s="993"/>
      <c r="DT84" s="993"/>
      <c r="DU84" s="994"/>
      <c r="DV84" s="981"/>
      <c r="DW84" s="982"/>
      <c r="DX84" s="982"/>
      <c r="DY84" s="982"/>
      <c r="DZ84" s="983"/>
      <c r="EA84" s="226"/>
    </row>
    <row r="85" spans="1:131" ht="26.25" customHeight="1" x14ac:dyDescent="0.2">
      <c r="A85" s="234">
        <v>18</v>
      </c>
      <c r="B85" s="1010"/>
      <c r="C85" s="1011"/>
      <c r="D85" s="1011"/>
      <c r="E85" s="1011"/>
      <c r="F85" s="1011"/>
      <c r="G85" s="1011"/>
      <c r="H85" s="1011"/>
      <c r="I85" s="1011"/>
      <c r="J85" s="1011"/>
      <c r="K85" s="1011"/>
      <c r="L85" s="1011"/>
      <c r="M85" s="1011"/>
      <c r="N85" s="1011"/>
      <c r="O85" s="1011"/>
      <c r="P85" s="1012"/>
      <c r="Q85" s="1013"/>
      <c r="R85" s="1007"/>
      <c r="S85" s="1007"/>
      <c r="T85" s="1007"/>
      <c r="U85" s="1007"/>
      <c r="V85" s="1007"/>
      <c r="W85" s="1007"/>
      <c r="X85" s="1007"/>
      <c r="Y85" s="1007"/>
      <c r="Z85" s="1007"/>
      <c r="AA85" s="1007"/>
      <c r="AB85" s="1007"/>
      <c r="AC85" s="1007"/>
      <c r="AD85" s="1007"/>
      <c r="AE85" s="1007"/>
      <c r="AF85" s="1007"/>
      <c r="AG85" s="1007"/>
      <c r="AH85" s="1007"/>
      <c r="AI85" s="1007"/>
      <c r="AJ85" s="1007"/>
      <c r="AK85" s="1007"/>
      <c r="AL85" s="1007"/>
      <c r="AM85" s="1007"/>
      <c r="AN85" s="1007"/>
      <c r="AO85" s="1007"/>
      <c r="AP85" s="1007"/>
      <c r="AQ85" s="1007"/>
      <c r="AR85" s="1007"/>
      <c r="AS85" s="1007"/>
      <c r="AT85" s="1007"/>
      <c r="AU85" s="1007"/>
      <c r="AV85" s="1007"/>
      <c r="AW85" s="1007"/>
      <c r="AX85" s="1007"/>
      <c r="AY85" s="1007"/>
      <c r="AZ85" s="1008"/>
      <c r="BA85" s="1008"/>
      <c r="BB85" s="1008"/>
      <c r="BC85" s="1008"/>
      <c r="BD85" s="1009"/>
      <c r="BE85" s="237"/>
      <c r="BF85" s="237"/>
      <c r="BG85" s="237"/>
      <c r="BH85" s="237"/>
      <c r="BI85" s="237"/>
      <c r="BJ85" s="237"/>
      <c r="BK85" s="237"/>
      <c r="BL85" s="237"/>
      <c r="BM85" s="237"/>
      <c r="BN85" s="237"/>
      <c r="BO85" s="237"/>
      <c r="BP85" s="237"/>
      <c r="BQ85" s="234">
        <v>79</v>
      </c>
      <c r="BR85" s="239"/>
      <c r="BS85" s="981"/>
      <c r="BT85" s="982"/>
      <c r="BU85" s="982"/>
      <c r="BV85" s="982"/>
      <c r="BW85" s="982"/>
      <c r="BX85" s="982"/>
      <c r="BY85" s="982"/>
      <c r="BZ85" s="982"/>
      <c r="CA85" s="982"/>
      <c r="CB85" s="982"/>
      <c r="CC85" s="982"/>
      <c r="CD85" s="982"/>
      <c r="CE85" s="982"/>
      <c r="CF85" s="982"/>
      <c r="CG85" s="991"/>
      <c r="CH85" s="992"/>
      <c r="CI85" s="993"/>
      <c r="CJ85" s="993"/>
      <c r="CK85" s="993"/>
      <c r="CL85" s="994"/>
      <c r="CM85" s="992"/>
      <c r="CN85" s="993"/>
      <c r="CO85" s="993"/>
      <c r="CP85" s="993"/>
      <c r="CQ85" s="994"/>
      <c r="CR85" s="992"/>
      <c r="CS85" s="993"/>
      <c r="CT85" s="993"/>
      <c r="CU85" s="993"/>
      <c r="CV85" s="994"/>
      <c r="CW85" s="992"/>
      <c r="CX85" s="993"/>
      <c r="CY85" s="993"/>
      <c r="CZ85" s="993"/>
      <c r="DA85" s="994"/>
      <c r="DB85" s="992"/>
      <c r="DC85" s="993"/>
      <c r="DD85" s="993"/>
      <c r="DE85" s="993"/>
      <c r="DF85" s="994"/>
      <c r="DG85" s="992"/>
      <c r="DH85" s="993"/>
      <c r="DI85" s="993"/>
      <c r="DJ85" s="993"/>
      <c r="DK85" s="994"/>
      <c r="DL85" s="992"/>
      <c r="DM85" s="993"/>
      <c r="DN85" s="993"/>
      <c r="DO85" s="993"/>
      <c r="DP85" s="994"/>
      <c r="DQ85" s="992"/>
      <c r="DR85" s="993"/>
      <c r="DS85" s="993"/>
      <c r="DT85" s="993"/>
      <c r="DU85" s="994"/>
      <c r="DV85" s="981"/>
      <c r="DW85" s="982"/>
      <c r="DX85" s="982"/>
      <c r="DY85" s="982"/>
      <c r="DZ85" s="983"/>
      <c r="EA85" s="226"/>
    </row>
    <row r="86" spans="1:131" ht="26.25" customHeight="1" x14ac:dyDescent="0.2">
      <c r="A86" s="234">
        <v>19</v>
      </c>
      <c r="B86" s="1010"/>
      <c r="C86" s="1011"/>
      <c r="D86" s="1011"/>
      <c r="E86" s="1011"/>
      <c r="F86" s="1011"/>
      <c r="G86" s="1011"/>
      <c r="H86" s="1011"/>
      <c r="I86" s="1011"/>
      <c r="J86" s="1011"/>
      <c r="K86" s="1011"/>
      <c r="L86" s="1011"/>
      <c r="M86" s="1011"/>
      <c r="N86" s="1011"/>
      <c r="O86" s="1011"/>
      <c r="P86" s="1012"/>
      <c r="Q86" s="1013"/>
      <c r="R86" s="1007"/>
      <c r="S86" s="1007"/>
      <c r="T86" s="1007"/>
      <c r="U86" s="1007"/>
      <c r="V86" s="1007"/>
      <c r="W86" s="1007"/>
      <c r="X86" s="1007"/>
      <c r="Y86" s="1007"/>
      <c r="Z86" s="1007"/>
      <c r="AA86" s="1007"/>
      <c r="AB86" s="1007"/>
      <c r="AC86" s="1007"/>
      <c r="AD86" s="1007"/>
      <c r="AE86" s="1007"/>
      <c r="AF86" s="1007"/>
      <c r="AG86" s="1007"/>
      <c r="AH86" s="1007"/>
      <c r="AI86" s="1007"/>
      <c r="AJ86" s="1007"/>
      <c r="AK86" s="1007"/>
      <c r="AL86" s="1007"/>
      <c r="AM86" s="1007"/>
      <c r="AN86" s="1007"/>
      <c r="AO86" s="1007"/>
      <c r="AP86" s="1007"/>
      <c r="AQ86" s="1007"/>
      <c r="AR86" s="1007"/>
      <c r="AS86" s="1007"/>
      <c r="AT86" s="1007"/>
      <c r="AU86" s="1007"/>
      <c r="AV86" s="1007"/>
      <c r="AW86" s="1007"/>
      <c r="AX86" s="1007"/>
      <c r="AY86" s="1007"/>
      <c r="AZ86" s="1008"/>
      <c r="BA86" s="1008"/>
      <c r="BB86" s="1008"/>
      <c r="BC86" s="1008"/>
      <c r="BD86" s="1009"/>
      <c r="BE86" s="237"/>
      <c r="BF86" s="237"/>
      <c r="BG86" s="237"/>
      <c r="BH86" s="237"/>
      <c r="BI86" s="237"/>
      <c r="BJ86" s="237"/>
      <c r="BK86" s="237"/>
      <c r="BL86" s="237"/>
      <c r="BM86" s="237"/>
      <c r="BN86" s="237"/>
      <c r="BO86" s="237"/>
      <c r="BP86" s="237"/>
      <c r="BQ86" s="234">
        <v>80</v>
      </c>
      <c r="BR86" s="239"/>
      <c r="BS86" s="981"/>
      <c r="BT86" s="982"/>
      <c r="BU86" s="982"/>
      <c r="BV86" s="982"/>
      <c r="BW86" s="982"/>
      <c r="BX86" s="982"/>
      <c r="BY86" s="982"/>
      <c r="BZ86" s="982"/>
      <c r="CA86" s="982"/>
      <c r="CB86" s="982"/>
      <c r="CC86" s="982"/>
      <c r="CD86" s="982"/>
      <c r="CE86" s="982"/>
      <c r="CF86" s="982"/>
      <c r="CG86" s="991"/>
      <c r="CH86" s="992"/>
      <c r="CI86" s="993"/>
      <c r="CJ86" s="993"/>
      <c r="CK86" s="993"/>
      <c r="CL86" s="994"/>
      <c r="CM86" s="992"/>
      <c r="CN86" s="993"/>
      <c r="CO86" s="993"/>
      <c r="CP86" s="993"/>
      <c r="CQ86" s="994"/>
      <c r="CR86" s="992"/>
      <c r="CS86" s="993"/>
      <c r="CT86" s="993"/>
      <c r="CU86" s="993"/>
      <c r="CV86" s="994"/>
      <c r="CW86" s="992"/>
      <c r="CX86" s="993"/>
      <c r="CY86" s="993"/>
      <c r="CZ86" s="993"/>
      <c r="DA86" s="994"/>
      <c r="DB86" s="992"/>
      <c r="DC86" s="993"/>
      <c r="DD86" s="993"/>
      <c r="DE86" s="993"/>
      <c r="DF86" s="994"/>
      <c r="DG86" s="992"/>
      <c r="DH86" s="993"/>
      <c r="DI86" s="993"/>
      <c r="DJ86" s="993"/>
      <c r="DK86" s="994"/>
      <c r="DL86" s="992"/>
      <c r="DM86" s="993"/>
      <c r="DN86" s="993"/>
      <c r="DO86" s="993"/>
      <c r="DP86" s="994"/>
      <c r="DQ86" s="992"/>
      <c r="DR86" s="993"/>
      <c r="DS86" s="993"/>
      <c r="DT86" s="993"/>
      <c r="DU86" s="994"/>
      <c r="DV86" s="981"/>
      <c r="DW86" s="982"/>
      <c r="DX86" s="982"/>
      <c r="DY86" s="982"/>
      <c r="DZ86" s="983"/>
      <c r="EA86" s="226"/>
    </row>
    <row r="87" spans="1:131" ht="26.25" customHeight="1" x14ac:dyDescent="0.2">
      <c r="A87" s="240">
        <v>20</v>
      </c>
      <c r="B87" s="1000"/>
      <c r="C87" s="1001"/>
      <c r="D87" s="1001"/>
      <c r="E87" s="1001"/>
      <c r="F87" s="1001"/>
      <c r="G87" s="1001"/>
      <c r="H87" s="1001"/>
      <c r="I87" s="1001"/>
      <c r="J87" s="1001"/>
      <c r="K87" s="1001"/>
      <c r="L87" s="1001"/>
      <c r="M87" s="1001"/>
      <c r="N87" s="1001"/>
      <c r="O87" s="1001"/>
      <c r="P87" s="1002"/>
      <c r="Q87" s="1003"/>
      <c r="R87" s="1004"/>
      <c r="S87" s="1004"/>
      <c r="T87" s="1004"/>
      <c r="U87" s="1004"/>
      <c r="V87" s="1004"/>
      <c r="W87" s="1004"/>
      <c r="X87" s="1004"/>
      <c r="Y87" s="1004"/>
      <c r="Z87" s="1004"/>
      <c r="AA87" s="1004"/>
      <c r="AB87" s="1004"/>
      <c r="AC87" s="1004"/>
      <c r="AD87" s="1004"/>
      <c r="AE87" s="1004"/>
      <c r="AF87" s="1004"/>
      <c r="AG87" s="1004"/>
      <c r="AH87" s="1004"/>
      <c r="AI87" s="1004"/>
      <c r="AJ87" s="1004"/>
      <c r="AK87" s="1004"/>
      <c r="AL87" s="1004"/>
      <c r="AM87" s="1004"/>
      <c r="AN87" s="1004"/>
      <c r="AO87" s="1004"/>
      <c r="AP87" s="1004"/>
      <c r="AQ87" s="1004"/>
      <c r="AR87" s="1004"/>
      <c r="AS87" s="1004"/>
      <c r="AT87" s="1004"/>
      <c r="AU87" s="1004"/>
      <c r="AV87" s="1004"/>
      <c r="AW87" s="1004"/>
      <c r="AX87" s="1004"/>
      <c r="AY87" s="1004"/>
      <c r="AZ87" s="1005"/>
      <c r="BA87" s="1005"/>
      <c r="BB87" s="1005"/>
      <c r="BC87" s="1005"/>
      <c r="BD87" s="1006"/>
      <c r="BE87" s="237"/>
      <c r="BF87" s="237"/>
      <c r="BG87" s="237"/>
      <c r="BH87" s="237"/>
      <c r="BI87" s="237"/>
      <c r="BJ87" s="237"/>
      <c r="BK87" s="237"/>
      <c r="BL87" s="237"/>
      <c r="BM87" s="237"/>
      <c r="BN87" s="237"/>
      <c r="BO87" s="237"/>
      <c r="BP87" s="237"/>
      <c r="BQ87" s="234">
        <v>81</v>
      </c>
      <c r="BR87" s="239"/>
      <c r="BS87" s="981"/>
      <c r="BT87" s="982"/>
      <c r="BU87" s="982"/>
      <c r="BV87" s="982"/>
      <c r="BW87" s="982"/>
      <c r="BX87" s="982"/>
      <c r="BY87" s="982"/>
      <c r="BZ87" s="982"/>
      <c r="CA87" s="982"/>
      <c r="CB87" s="982"/>
      <c r="CC87" s="982"/>
      <c r="CD87" s="982"/>
      <c r="CE87" s="982"/>
      <c r="CF87" s="982"/>
      <c r="CG87" s="991"/>
      <c r="CH87" s="992"/>
      <c r="CI87" s="993"/>
      <c r="CJ87" s="993"/>
      <c r="CK87" s="993"/>
      <c r="CL87" s="994"/>
      <c r="CM87" s="992"/>
      <c r="CN87" s="993"/>
      <c r="CO87" s="993"/>
      <c r="CP87" s="993"/>
      <c r="CQ87" s="994"/>
      <c r="CR87" s="992"/>
      <c r="CS87" s="993"/>
      <c r="CT87" s="993"/>
      <c r="CU87" s="993"/>
      <c r="CV87" s="994"/>
      <c r="CW87" s="992"/>
      <c r="CX87" s="993"/>
      <c r="CY87" s="993"/>
      <c r="CZ87" s="993"/>
      <c r="DA87" s="994"/>
      <c r="DB87" s="992"/>
      <c r="DC87" s="993"/>
      <c r="DD87" s="993"/>
      <c r="DE87" s="993"/>
      <c r="DF87" s="994"/>
      <c r="DG87" s="992"/>
      <c r="DH87" s="993"/>
      <c r="DI87" s="993"/>
      <c r="DJ87" s="993"/>
      <c r="DK87" s="994"/>
      <c r="DL87" s="992"/>
      <c r="DM87" s="993"/>
      <c r="DN87" s="993"/>
      <c r="DO87" s="993"/>
      <c r="DP87" s="994"/>
      <c r="DQ87" s="992"/>
      <c r="DR87" s="993"/>
      <c r="DS87" s="993"/>
      <c r="DT87" s="993"/>
      <c r="DU87" s="994"/>
      <c r="DV87" s="981"/>
      <c r="DW87" s="982"/>
      <c r="DX87" s="982"/>
      <c r="DY87" s="982"/>
      <c r="DZ87" s="983"/>
      <c r="EA87" s="226"/>
    </row>
    <row r="88" spans="1:131" ht="26.25" customHeight="1" thickBot="1" x14ac:dyDescent="0.25">
      <c r="A88" s="236" t="s">
        <v>398</v>
      </c>
      <c r="B88" s="973" t="s">
        <v>430</v>
      </c>
      <c r="C88" s="974"/>
      <c r="D88" s="974"/>
      <c r="E88" s="974"/>
      <c r="F88" s="974"/>
      <c r="G88" s="974"/>
      <c r="H88" s="974"/>
      <c r="I88" s="974"/>
      <c r="J88" s="974"/>
      <c r="K88" s="974"/>
      <c r="L88" s="974"/>
      <c r="M88" s="974"/>
      <c r="N88" s="974"/>
      <c r="O88" s="974"/>
      <c r="P88" s="984"/>
      <c r="Q88" s="998"/>
      <c r="R88" s="999"/>
      <c r="S88" s="999"/>
      <c r="T88" s="999"/>
      <c r="U88" s="999"/>
      <c r="V88" s="999"/>
      <c r="W88" s="999"/>
      <c r="X88" s="999"/>
      <c r="Y88" s="999"/>
      <c r="Z88" s="999"/>
      <c r="AA88" s="999"/>
      <c r="AB88" s="999"/>
      <c r="AC88" s="999"/>
      <c r="AD88" s="999"/>
      <c r="AE88" s="999"/>
      <c r="AF88" s="995">
        <v>11615</v>
      </c>
      <c r="AG88" s="995"/>
      <c r="AH88" s="995"/>
      <c r="AI88" s="995"/>
      <c r="AJ88" s="995"/>
      <c r="AK88" s="999"/>
      <c r="AL88" s="999"/>
      <c r="AM88" s="999"/>
      <c r="AN88" s="999"/>
      <c r="AO88" s="999"/>
      <c r="AP88" s="995">
        <v>4837</v>
      </c>
      <c r="AQ88" s="995"/>
      <c r="AR88" s="995"/>
      <c r="AS88" s="995"/>
      <c r="AT88" s="995"/>
      <c r="AU88" s="995">
        <v>690</v>
      </c>
      <c r="AV88" s="995"/>
      <c r="AW88" s="995"/>
      <c r="AX88" s="995"/>
      <c r="AY88" s="995"/>
      <c r="AZ88" s="996"/>
      <c r="BA88" s="996"/>
      <c r="BB88" s="996"/>
      <c r="BC88" s="996"/>
      <c r="BD88" s="997"/>
      <c r="BE88" s="237"/>
      <c r="BF88" s="237"/>
      <c r="BG88" s="237"/>
      <c r="BH88" s="237"/>
      <c r="BI88" s="237"/>
      <c r="BJ88" s="237"/>
      <c r="BK88" s="237"/>
      <c r="BL88" s="237"/>
      <c r="BM88" s="237"/>
      <c r="BN88" s="237"/>
      <c r="BO88" s="237"/>
      <c r="BP88" s="237"/>
      <c r="BQ88" s="234">
        <v>82</v>
      </c>
      <c r="BR88" s="239"/>
      <c r="BS88" s="981"/>
      <c r="BT88" s="982"/>
      <c r="BU88" s="982"/>
      <c r="BV88" s="982"/>
      <c r="BW88" s="982"/>
      <c r="BX88" s="982"/>
      <c r="BY88" s="982"/>
      <c r="BZ88" s="982"/>
      <c r="CA88" s="982"/>
      <c r="CB88" s="982"/>
      <c r="CC88" s="982"/>
      <c r="CD88" s="982"/>
      <c r="CE88" s="982"/>
      <c r="CF88" s="982"/>
      <c r="CG88" s="991"/>
      <c r="CH88" s="992"/>
      <c r="CI88" s="993"/>
      <c r="CJ88" s="993"/>
      <c r="CK88" s="993"/>
      <c r="CL88" s="994"/>
      <c r="CM88" s="992"/>
      <c r="CN88" s="993"/>
      <c r="CO88" s="993"/>
      <c r="CP88" s="993"/>
      <c r="CQ88" s="994"/>
      <c r="CR88" s="992"/>
      <c r="CS88" s="993"/>
      <c r="CT88" s="993"/>
      <c r="CU88" s="993"/>
      <c r="CV88" s="994"/>
      <c r="CW88" s="992"/>
      <c r="CX88" s="993"/>
      <c r="CY88" s="993"/>
      <c r="CZ88" s="993"/>
      <c r="DA88" s="994"/>
      <c r="DB88" s="992"/>
      <c r="DC88" s="993"/>
      <c r="DD88" s="993"/>
      <c r="DE88" s="993"/>
      <c r="DF88" s="994"/>
      <c r="DG88" s="992"/>
      <c r="DH88" s="993"/>
      <c r="DI88" s="993"/>
      <c r="DJ88" s="993"/>
      <c r="DK88" s="994"/>
      <c r="DL88" s="992"/>
      <c r="DM88" s="993"/>
      <c r="DN88" s="993"/>
      <c r="DO88" s="993"/>
      <c r="DP88" s="994"/>
      <c r="DQ88" s="992"/>
      <c r="DR88" s="993"/>
      <c r="DS88" s="993"/>
      <c r="DT88" s="993"/>
      <c r="DU88" s="994"/>
      <c r="DV88" s="981"/>
      <c r="DW88" s="982"/>
      <c r="DX88" s="982"/>
      <c r="DY88" s="982"/>
      <c r="DZ88" s="983"/>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981"/>
      <c r="BT89" s="982"/>
      <c r="BU89" s="982"/>
      <c r="BV89" s="982"/>
      <c r="BW89" s="982"/>
      <c r="BX89" s="982"/>
      <c r="BY89" s="982"/>
      <c r="BZ89" s="982"/>
      <c r="CA89" s="982"/>
      <c r="CB89" s="982"/>
      <c r="CC89" s="982"/>
      <c r="CD89" s="982"/>
      <c r="CE89" s="982"/>
      <c r="CF89" s="982"/>
      <c r="CG89" s="991"/>
      <c r="CH89" s="992"/>
      <c r="CI89" s="993"/>
      <c r="CJ89" s="993"/>
      <c r="CK89" s="993"/>
      <c r="CL89" s="994"/>
      <c r="CM89" s="992"/>
      <c r="CN89" s="993"/>
      <c r="CO89" s="993"/>
      <c r="CP89" s="993"/>
      <c r="CQ89" s="994"/>
      <c r="CR89" s="992"/>
      <c r="CS89" s="993"/>
      <c r="CT89" s="993"/>
      <c r="CU89" s="993"/>
      <c r="CV89" s="994"/>
      <c r="CW89" s="992"/>
      <c r="CX89" s="993"/>
      <c r="CY89" s="993"/>
      <c r="CZ89" s="993"/>
      <c r="DA89" s="994"/>
      <c r="DB89" s="992"/>
      <c r="DC89" s="993"/>
      <c r="DD89" s="993"/>
      <c r="DE89" s="993"/>
      <c r="DF89" s="994"/>
      <c r="DG89" s="992"/>
      <c r="DH89" s="993"/>
      <c r="DI89" s="993"/>
      <c r="DJ89" s="993"/>
      <c r="DK89" s="994"/>
      <c r="DL89" s="992"/>
      <c r="DM89" s="993"/>
      <c r="DN89" s="993"/>
      <c r="DO89" s="993"/>
      <c r="DP89" s="994"/>
      <c r="DQ89" s="992"/>
      <c r="DR89" s="993"/>
      <c r="DS89" s="993"/>
      <c r="DT89" s="993"/>
      <c r="DU89" s="994"/>
      <c r="DV89" s="981"/>
      <c r="DW89" s="982"/>
      <c r="DX89" s="982"/>
      <c r="DY89" s="982"/>
      <c r="DZ89" s="983"/>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981"/>
      <c r="BT90" s="982"/>
      <c r="BU90" s="982"/>
      <c r="BV90" s="982"/>
      <c r="BW90" s="982"/>
      <c r="BX90" s="982"/>
      <c r="BY90" s="982"/>
      <c r="BZ90" s="982"/>
      <c r="CA90" s="982"/>
      <c r="CB90" s="982"/>
      <c r="CC90" s="982"/>
      <c r="CD90" s="982"/>
      <c r="CE90" s="982"/>
      <c r="CF90" s="982"/>
      <c r="CG90" s="991"/>
      <c r="CH90" s="992"/>
      <c r="CI90" s="993"/>
      <c r="CJ90" s="993"/>
      <c r="CK90" s="993"/>
      <c r="CL90" s="994"/>
      <c r="CM90" s="992"/>
      <c r="CN90" s="993"/>
      <c r="CO90" s="993"/>
      <c r="CP90" s="993"/>
      <c r="CQ90" s="994"/>
      <c r="CR90" s="992"/>
      <c r="CS90" s="993"/>
      <c r="CT90" s="993"/>
      <c r="CU90" s="993"/>
      <c r="CV90" s="994"/>
      <c r="CW90" s="992"/>
      <c r="CX90" s="993"/>
      <c r="CY90" s="993"/>
      <c r="CZ90" s="993"/>
      <c r="DA90" s="994"/>
      <c r="DB90" s="992"/>
      <c r="DC90" s="993"/>
      <c r="DD90" s="993"/>
      <c r="DE90" s="993"/>
      <c r="DF90" s="994"/>
      <c r="DG90" s="992"/>
      <c r="DH90" s="993"/>
      <c r="DI90" s="993"/>
      <c r="DJ90" s="993"/>
      <c r="DK90" s="994"/>
      <c r="DL90" s="992"/>
      <c r="DM90" s="993"/>
      <c r="DN90" s="993"/>
      <c r="DO90" s="993"/>
      <c r="DP90" s="994"/>
      <c r="DQ90" s="992"/>
      <c r="DR90" s="993"/>
      <c r="DS90" s="993"/>
      <c r="DT90" s="993"/>
      <c r="DU90" s="994"/>
      <c r="DV90" s="981"/>
      <c r="DW90" s="982"/>
      <c r="DX90" s="982"/>
      <c r="DY90" s="982"/>
      <c r="DZ90" s="983"/>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981"/>
      <c r="BT91" s="982"/>
      <c r="BU91" s="982"/>
      <c r="BV91" s="982"/>
      <c r="BW91" s="982"/>
      <c r="BX91" s="982"/>
      <c r="BY91" s="982"/>
      <c r="BZ91" s="982"/>
      <c r="CA91" s="982"/>
      <c r="CB91" s="982"/>
      <c r="CC91" s="982"/>
      <c r="CD91" s="982"/>
      <c r="CE91" s="982"/>
      <c r="CF91" s="982"/>
      <c r="CG91" s="991"/>
      <c r="CH91" s="992"/>
      <c r="CI91" s="993"/>
      <c r="CJ91" s="993"/>
      <c r="CK91" s="993"/>
      <c r="CL91" s="994"/>
      <c r="CM91" s="992"/>
      <c r="CN91" s="993"/>
      <c r="CO91" s="993"/>
      <c r="CP91" s="993"/>
      <c r="CQ91" s="994"/>
      <c r="CR91" s="992"/>
      <c r="CS91" s="993"/>
      <c r="CT91" s="993"/>
      <c r="CU91" s="993"/>
      <c r="CV91" s="994"/>
      <c r="CW91" s="992"/>
      <c r="CX91" s="993"/>
      <c r="CY91" s="993"/>
      <c r="CZ91" s="993"/>
      <c r="DA91" s="994"/>
      <c r="DB91" s="992"/>
      <c r="DC91" s="993"/>
      <c r="DD91" s="993"/>
      <c r="DE91" s="993"/>
      <c r="DF91" s="994"/>
      <c r="DG91" s="992"/>
      <c r="DH91" s="993"/>
      <c r="DI91" s="993"/>
      <c r="DJ91" s="993"/>
      <c r="DK91" s="994"/>
      <c r="DL91" s="992"/>
      <c r="DM91" s="993"/>
      <c r="DN91" s="993"/>
      <c r="DO91" s="993"/>
      <c r="DP91" s="994"/>
      <c r="DQ91" s="992"/>
      <c r="DR91" s="993"/>
      <c r="DS91" s="993"/>
      <c r="DT91" s="993"/>
      <c r="DU91" s="994"/>
      <c r="DV91" s="981"/>
      <c r="DW91" s="982"/>
      <c r="DX91" s="982"/>
      <c r="DY91" s="982"/>
      <c r="DZ91" s="983"/>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981"/>
      <c r="BT92" s="982"/>
      <c r="BU92" s="982"/>
      <c r="BV92" s="982"/>
      <c r="BW92" s="982"/>
      <c r="BX92" s="982"/>
      <c r="BY92" s="982"/>
      <c r="BZ92" s="982"/>
      <c r="CA92" s="982"/>
      <c r="CB92" s="982"/>
      <c r="CC92" s="982"/>
      <c r="CD92" s="982"/>
      <c r="CE92" s="982"/>
      <c r="CF92" s="982"/>
      <c r="CG92" s="991"/>
      <c r="CH92" s="992"/>
      <c r="CI92" s="993"/>
      <c r="CJ92" s="993"/>
      <c r="CK92" s="993"/>
      <c r="CL92" s="994"/>
      <c r="CM92" s="992"/>
      <c r="CN92" s="993"/>
      <c r="CO92" s="993"/>
      <c r="CP92" s="993"/>
      <c r="CQ92" s="994"/>
      <c r="CR92" s="992"/>
      <c r="CS92" s="993"/>
      <c r="CT92" s="993"/>
      <c r="CU92" s="993"/>
      <c r="CV92" s="994"/>
      <c r="CW92" s="992"/>
      <c r="CX92" s="993"/>
      <c r="CY92" s="993"/>
      <c r="CZ92" s="993"/>
      <c r="DA92" s="994"/>
      <c r="DB92" s="992"/>
      <c r="DC92" s="993"/>
      <c r="DD92" s="993"/>
      <c r="DE92" s="993"/>
      <c r="DF92" s="994"/>
      <c r="DG92" s="992"/>
      <c r="DH92" s="993"/>
      <c r="DI92" s="993"/>
      <c r="DJ92" s="993"/>
      <c r="DK92" s="994"/>
      <c r="DL92" s="992"/>
      <c r="DM92" s="993"/>
      <c r="DN92" s="993"/>
      <c r="DO92" s="993"/>
      <c r="DP92" s="994"/>
      <c r="DQ92" s="992"/>
      <c r="DR92" s="993"/>
      <c r="DS92" s="993"/>
      <c r="DT92" s="993"/>
      <c r="DU92" s="994"/>
      <c r="DV92" s="981"/>
      <c r="DW92" s="982"/>
      <c r="DX92" s="982"/>
      <c r="DY92" s="982"/>
      <c r="DZ92" s="983"/>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981"/>
      <c r="BT93" s="982"/>
      <c r="BU93" s="982"/>
      <c r="BV93" s="982"/>
      <c r="BW93" s="982"/>
      <c r="BX93" s="982"/>
      <c r="BY93" s="982"/>
      <c r="BZ93" s="982"/>
      <c r="CA93" s="982"/>
      <c r="CB93" s="982"/>
      <c r="CC93" s="982"/>
      <c r="CD93" s="982"/>
      <c r="CE93" s="982"/>
      <c r="CF93" s="982"/>
      <c r="CG93" s="991"/>
      <c r="CH93" s="992"/>
      <c r="CI93" s="993"/>
      <c r="CJ93" s="993"/>
      <c r="CK93" s="993"/>
      <c r="CL93" s="994"/>
      <c r="CM93" s="992"/>
      <c r="CN93" s="993"/>
      <c r="CO93" s="993"/>
      <c r="CP93" s="993"/>
      <c r="CQ93" s="994"/>
      <c r="CR93" s="992"/>
      <c r="CS93" s="993"/>
      <c r="CT93" s="993"/>
      <c r="CU93" s="993"/>
      <c r="CV93" s="994"/>
      <c r="CW93" s="992"/>
      <c r="CX93" s="993"/>
      <c r="CY93" s="993"/>
      <c r="CZ93" s="993"/>
      <c r="DA93" s="994"/>
      <c r="DB93" s="992"/>
      <c r="DC93" s="993"/>
      <c r="DD93" s="993"/>
      <c r="DE93" s="993"/>
      <c r="DF93" s="994"/>
      <c r="DG93" s="992"/>
      <c r="DH93" s="993"/>
      <c r="DI93" s="993"/>
      <c r="DJ93" s="993"/>
      <c r="DK93" s="994"/>
      <c r="DL93" s="992"/>
      <c r="DM93" s="993"/>
      <c r="DN93" s="993"/>
      <c r="DO93" s="993"/>
      <c r="DP93" s="994"/>
      <c r="DQ93" s="992"/>
      <c r="DR93" s="993"/>
      <c r="DS93" s="993"/>
      <c r="DT93" s="993"/>
      <c r="DU93" s="994"/>
      <c r="DV93" s="981"/>
      <c r="DW93" s="982"/>
      <c r="DX93" s="982"/>
      <c r="DY93" s="982"/>
      <c r="DZ93" s="983"/>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981"/>
      <c r="BT94" s="982"/>
      <c r="BU94" s="982"/>
      <c r="BV94" s="982"/>
      <c r="BW94" s="982"/>
      <c r="BX94" s="982"/>
      <c r="BY94" s="982"/>
      <c r="BZ94" s="982"/>
      <c r="CA94" s="982"/>
      <c r="CB94" s="982"/>
      <c r="CC94" s="982"/>
      <c r="CD94" s="982"/>
      <c r="CE94" s="982"/>
      <c r="CF94" s="982"/>
      <c r="CG94" s="991"/>
      <c r="CH94" s="992"/>
      <c r="CI94" s="993"/>
      <c r="CJ94" s="993"/>
      <c r="CK94" s="993"/>
      <c r="CL94" s="994"/>
      <c r="CM94" s="992"/>
      <c r="CN94" s="993"/>
      <c r="CO94" s="993"/>
      <c r="CP94" s="993"/>
      <c r="CQ94" s="994"/>
      <c r="CR94" s="992"/>
      <c r="CS94" s="993"/>
      <c r="CT94" s="993"/>
      <c r="CU94" s="993"/>
      <c r="CV94" s="994"/>
      <c r="CW94" s="992"/>
      <c r="CX94" s="993"/>
      <c r="CY94" s="993"/>
      <c r="CZ94" s="993"/>
      <c r="DA94" s="994"/>
      <c r="DB94" s="992"/>
      <c r="DC94" s="993"/>
      <c r="DD94" s="993"/>
      <c r="DE94" s="993"/>
      <c r="DF94" s="994"/>
      <c r="DG94" s="992"/>
      <c r="DH94" s="993"/>
      <c r="DI94" s="993"/>
      <c r="DJ94" s="993"/>
      <c r="DK94" s="994"/>
      <c r="DL94" s="992"/>
      <c r="DM94" s="993"/>
      <c r="DN94" s="993"/>
      <c r="DO94" s="993"/>
      <c r="DP94" s="994"/>
      <c r="DQ94" s="992"/>
      <c r="DR94" s="993"/>
      <c r="DS94" s="993"/>
      <c r="DT94" s="993"/>
      <c r="DU94" s="994"/>
      <c r="DV94" s="981"/>
      <c r="DW94" s="982"/>
      <c r="DX94" s="982"/>
      <c r="DY94" s="982"/>
      <c r="DZ94" s="983"/>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981"/>
      <c r="BT95" s="982"/>
      <c r="BU95" s="982"/>
      <c r="BV95" s="982"/>
      <c r="BW95" s="982"/>
      <c r="BX95" s="982"/>
      <c r="BY95" s="982"/>
      <c r="BZ95" s="982"/>
      <c r="CA95" s="982"/>
      <c r="CB95" s="982"/>
      <c r="CC95" s="982"/>
      <c r="CD95" s="982"/>
      <c r="CE95" s="982"/>
      <c r="CF95" s="982"/>
      <c r="CG95" s="991"/>
      <c r="CH95" s="992"/>
      <c r="CI95" s="993"/>
      <c r="CJ95" s="993"/>
      <c r="CK95" s="993"/>
      <c r="CL95" s="994"/>
      <c r="CM95" s="992"/>
      <c r="CN95" s="993"/>
      <c r="CO95" s="993"/>
      <c r="CP95" s="993"/>
      <c r="CQ95" s="994"/>
      <c r="CR95" s="992"/>
      <c r="CS95" s="993"/>
      <c r="CT95" s="993"/>
      <c r="CU95" s="993"/>
      <c r="CV95" s="994"/>
      <c r="CW95" s="992"/>
      <c r="CX95" s="993"/>
      <c r="CY95" s="993"/>
      <c r="CZ95" s="993"/>
      <c r="DA95" s="994"/>
      <c r="DB95" s="992"/>
      <c r="DC95" s="993"/>
      <c r="DD95" s="993"/>
      <c r="DE95" s="993"/>
      <c r="DF95" s="994"/>
      <c r="DG95" s="992"/>
      <c r="DH95" s="993"/>
      <c r="DI95" s="993"/>
      <c r="DJ95" s="993"/>
      <c r="DK95" s="994"/>
      <c r="DL95" s="992"/>
      <c r="DM95" s="993"/>
      <c r="DN95" s="993"/>
      <c r="DO95" s="993"/>
      <c r="DP95" s="994"/>
      <c r="DQ95" s="992"/>
      <c r="DR95" s="993"/>
      <c r="DS95" s="993"/>
      <c r="DT95" s="993"/>
      <c r="DU95" s="994"/>
      <c r="DV95" s="981"/>
      <c r="DW95" s="982"/>
      <c r="DX95" s="982"/>
      <c r="DY95" s="982"/>
      <c r="DZ95" s="983"/>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981"/>
      <c r="BT96" s="982"/>
      <c r="BU96" s="982"/>
      <c r="BV96" s="982"/>
      <c r="BW96" s="982"/>
      <c r="BX96" s="982"/>
      <c r="BY96" s="982"/>
      <c r="BZ96" s="982"/>
      <c r="CA96" s="982"/>
      <c r="CB96" s="982"/>
      <c r="CC96" s="982"/>
      <c r="CD96" s="982"/>
      <c r="CE96" s="982"/>
      <c r="CF96" s="982"/>
      <c r="CG96" s="991"/>
      <c r="CH96" s="992"/>
      <c r="CI96" s="993"/>
      <c r="CJ96" s="993"/>
      <c r="CK96" s="993"/>
      <c r="CL96" s="994"/>
      <c r="CM96" s="992"/>
      <c r="CN96" s="993"/>
      <c r="CO96" s="993"/>
      <c r="CP96" s="993"/>
      <c r="CQ96" s="994"/>
      <c r="CR96" s="992"/>
      <c r="CS96" s="993"/>
      <c r="CT96" s="993"/>
      <c r="CU96" s="993"/>
      <c r="CV96" s="994"/>
      <c r="CW96" s="992"/>
      <c r="CX96" s="993"/>
      <c r="CY96" s="993"/>
      <c r="CZ96" s="993"/>
      <c r="DA96" s="994"/>
      <c r="DB96" s="992"/>
      <c r="DC96" s="993"/>
      <c r="DD96" s="993"/>
      <c r="DE96" s="993"/>
      <c r="DF96" s="994"/>
      <c r="DG96" s="992"/>
      <c r="DH96" s="993"/>
      <c r="DI96" s="993"/>
      <c r="DJ96" s="993"/>
      <c r="DK96" s="994"/>
      <c r="DL96" s="992"/>
      <c r="DM96" s="993"/>
      <c r="DN96" s="993"/>
      <c r="DO96" s="993"/>
      <c r="DP96" s="994"/>
      <c r="DQ96" s="992"/>
      <c r="DR96" s="993"/>
      <c r="DS96" s="993"/>
      <c r="DT96" s="993"/>
      <c r="DU96" s="994"/>
      <c r="DV96" s="981"/>
      <c r="DW96" s="982"/>
      <c r="DX96" s="982"/>
      <c r="DY96" s="982"/>
      <c r="DZ96" s="983"/>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981"/>
      <c r="BT97" s="982"/>
      <c r="BU97" s="982"/>
      <c r="BV97" s="982"/>
      <c r="BW97" s="982"/>
      <c r="BX97" s="982"/>
      <c r="BY97" s="982"/>
      <c r="BZ97" s="982"/>
      <c r="CA97" s="982"/>
      <c r="CB97" s="982"/>
      <c r="CC97" s="982"/>
      <c r="CD97" s="982"/>
      <c r="CE97" s="982"/>
      <c r="CF97" s="982"/>
      <c r="CG97" s="991"/>
      <c r="CH97" s="992"/>
      <c r="CI97" s="993"/>
      <c r="CJ97" s="993"/>
      <c r="CK97" s="993"/>
      <c r="CL97" s="994"/>
      <c r="CM97" s="992"/>
      <c r="CN97" s="993"/>
      <c r="CO97" s="993"/>
      <c r="CP97" s="993"/>
      <c r="CQ97" s="994"/>
      <c r="CR97" s="992"/>
      <c r="CS97" s="993"/>
      <c r="CT97" s="993"/>
      <c r="CU97" s="993"/>
      <c r="CV97" s="994"/>
      <c r="CW97" s="992"/>
      <c r="CX97" s="993"/>
      <c r="CY97" s="993"/>
      <c r="CZ97" s="993"/>
      <c r="DA97" s="994"/>
      <c r="DB97" s="992"/>
      <c r="DC97" s="993"/>
      <c r="DD97" s="993"/>
      <c r="DE97" s="993"/>
      <c r="DF97" s="994"/>
      <c r="DG97" s="992"/>
      <c r="DH97" s="993"/>
      <c r="DI97" s="993"/>
      <c r="DJ97" s="993"/>
      <c r="DK97" s="994"/>
      <c r="DL97" s="992"/>
      <c r="DM97" s="993"/>
      <c r="DN97" s="993"/>
      <c r="DO97" s="993"/>
      <c r="DP97" s="994"/>
      <c r="DQ97" s="992"/>
      <c r="DR97" s="993"/>
      <c r="DS97" s="993"/>
      <c r="DT97" s="993"/>
      <c r="DU97" s="994"/>
      <c r="DV97" s="981"/>
      <c r="DW97" s="982"/>
      <c r="DX97" s="982"/>
      <c r="DY97" s="982"/>
      <c r="DZ97" s="983"/>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981"/>
      <c r="BT98" s="982"/>
      <c r="BU98" s="982"/>
      <c r="BV98" s="982"/>
      <c r="BW98" s="982"/>
      <c r="BX98" s="982"/>
      <c r="BY98" s="982"/>
      <c r="BZ98" s="982"/>
      <c r="CA98" s="982"/>
      <c r="CB98" s="982"/>
      <c r="CC98" s="982"/>
      <c r="CD98" s="982"/>
      <c r="CE98" s="982"/>
      <c r="CF98" s="982"/>
      <c r="CG98" s="991"/>
      <c r="CH98" s="992"/>
      <c r="CI98" s="993"/>
      <c r="CJ98" s="993"/>
      <c r="CK98" s="993"/>
      <c r="CL98" s="994"/>
      <c r="CM98" s="992"/>
      <c r="CN98" s="993"/>
      <c r="CO98" s="993"/>
      <c r="CP98" s="993"/>
      <c r="CQ98" s="994"/>
      <c r="CR98" s="992"/>
      <c r="CS98" s="993"/>
      <c r="CT98" s="993"/>
      <c r="CU98" s="993"/>
      <c r="CV98" s="994"/>
      <c r="CW98" s="992"/>
      <c r="CX98" s="993"/>
      <c r="CY98" s="993"/>
      <c r="CZ98" s="993"/>
      <c r="DA98" s="994"/>
      <c r="DB98" s="992"/>
      <c r="DC98" s="993"/>
      <c r="DD98" s="993"/>
      <c r="DE98" s="993"/>
      <c r="DF98" s="994"/>
      <c r="DG98" s="992"/>
      <c r="DH98" s="993"/>
      <c r="DI98" s="993"/>
      <c r="DJ98" s="993"/>
      <c r="DK98" s="994"/>
      <c r="DL98" s="992"/>
      <c r="DM98" s="993"/>
      <c r="DN98" s="993"/>
      <c r="DO98" s="993"/>
      <c r="DP98" s="994"/>
      <c r="DQ98" s="992"/>
      <c r="DR98" s="993"/>
      <c r="DS98" s="993"/>
      <c r="DT98" s="993"/>
      <c r="DU98" s="994"/>
      <c r="DV98" s="981"/>
      <c r="DW98" s="982"/>
      <c r="DX98" s="982"/>
      <c r="DY98" s="982"/>
      <c r="DZ98" s="983"/>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981"/>
      <c r="BT99" s="982"/>
      <c r="BU99" s="982"/>
      <c r="BV99" s="982"/>
      <c r="BW99" s="982"/>
      <c r="BX99" s="982"/>
      <c r="BY99" s="982"/>
      <c r="BZ99" s="982"/>
      <c r="CA99" s="982"/>
      <c r="CB99" s="982"/>
      <c r="CC99" s="982"/>
      <c r="CD99" s="982"/>
      <c r="CE99" s="982"/>
      <c r="CF99" s="982"/>
      <c r="CG99" s="991"/>
      <c r="CH99" s="992"/>
      <c r="CI99" s="993"/>
      <c r="CJ99" s="993"/>
      <c r="CK99" s="993"/>
      <c r="CL99" s="994"/>
      <c r="CM99" s="992"/>
      <c r="CN99" s="993"/>
      <c r="CO99" s="993"/>
      <c r="CP99" s="993"/>
      <c r="CQ99" s="994"/>
      <c r="CR99" s="992"/>
      <c r="CS99" s="993"/>
      <c r="CT99" s="993"/>
      <c r="CU99" s="993"/>
      <c r="CV99" s="994"/>
      <c r="CW99" s="992"/>
      <c r="CX99" s="993"/>
      <c r="CY99" s="993"/>
      <c r="CZ99" s="993"/>
      <c r="DA99" s="994"/>
      <c r="DB99" s="992"/>
      <c r="DC99" s="993"/>
      <c r="DD99" s="993"/>
      <c r="DE99" s="993"/>
      <c r="DF99" s="994"/>
      <c r="DG99" s="992"/>
      <c r="DH99" s="993"/>
      <c r="DI99" s="993"/>
      <c r="DJ99" s="993"/>
      <c r="DK99" s="994"/>
      <c r="DL99" s="992"/>
      <c r="DM99" s="993"/>
      <c r="DN99" s="993"/>
      <c r="DO99" s="993"/>
      <c r="DP99" s="994"/>
      <c r="DQ99" s="992"/>
      <c r="DR99" s="993"/>
      <c r="DS99" s="993"/>
      <c r="DT99" s="993"/>
      <c r="DU99" s="994"/>
      <c r="DV99" s="981"/>
      <c r="DW99" s="982"/>
      <c r="DX99" s="982"/>
      <c r="DY99" s="982"/>
      <c r="DZ99" s="983"/>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981"/>
      <c r="BT100" s="982"/>
      <c r="BU100" s="982"/>
      <c r="BV100" s="982"/>
      <c r="BW100" s="982"/>
      <c r="BX100" s="982"/>
      <c r="BY100" s="982"/>
      <c r="BZ100" s="982"/>
      <c r="CA100" s="982"/>
      <c r="CB100" s="982"/>
      <c r="CC100" s="982"/>
      <c r="CD100" s="982"/>
      <c r="CE100" s="982"/>
      <c r="CF100" s="982"/>
      <c r="CG100" s="991"/>
      <c r="CH100" s="992"/>
      <c r="CI100" s="993"/>
      <c r="CJ100" s="993"/>
      <c r="CK100" s="993"/>
      <c r="CL100" s="994"/>
      <c r="CM100" s="992"/>
      <c r="CN100" s="993"/>
      <c r="CO100" s="993"/>
      <c r="CP100" s="993"/>
      <c r="CQ100" s="994"/>
      <c r="CR100" s="992"/>
      <c r="CS100" s="993"/>
      <c r="CT100" s="993"/>
      <c r="CU100" s="993"/>
      <c r="CV100" s="994"/>
      <c r="CW100" s="992"/>
      <c r="CX100" s="993"/>
      <c r="CY100" s="993"/>
      <c r="CZ100" s="993"/>
      <c r="DA100" s="994"/>
      <c r="DB100" s="992"/>
      <c r="DC100" s="993"/>
      <c r="DD100" s="993"/>
      <c r="DE100" s="993"/>
      <c r="DF100" s="994"/>
      <c r="DG100" s="992"/>
      <c r="DH100" s="993"/>
      <c r="DI100" s="993"/>
      <c r="DJ100" s="993"/>
      <c r="DK100" s="994"/>
      <c r="DL100" s="992"/>
      <c r="DM100" s="993"/>
      <c r="DN100" s="993"/>
      <c r="DO100" s="993"/>
      <c r="DP100" s="994"/>
      <c r="DQ100" s="992"/>
      <c r="DR100" s="993"/>
      <c r="DS100" s="993"/>
      <c r="DT100" s="993"/>
      <c r="DU100" s="994"/>
      <c r="DV100" s="981"/>
      <c r="DW100" s="982"/>
      <c r="DX100" s="982"/>
      <c r="DY100" s="982"/>
      <c r="DZ100" s="983"/>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981"/>
      <c r="BT101" s="982"/>
      <c r="BU101" s="982"/>
      <c r="BV101" s="982"/>
      <c r="BW101" s="982"/>
      <c r="BX101" s="982"/>
      <c r="BY101" s="982"/>
      <c r="BZ101" s="982"/>
      <c r="CA101" s="982"/>
      <c r="CB101" s="982"/>
      <c r="CC101" s="982"/>
      <c r="CD101" s="982"/>
      <c r="CE101" s="982"/>
      <c r="CF101" s="982"/>
      <c r="CG101" s="991"/>
      <c r="CH101" s="992"/>
      <c r="CI101" s="993"/>
      <c r="CJ101" s="993"/>
      <c r="CK101" s="993"/>
      <c r="CL101" s="994"/>
      <c r="CM101" s="992"/>
      <c r="CN101" s="993"/>
      <c r="CO101" s="993"/>
      <c r="CP101" s="993"/>
      <c r="CQ101" s="994"/>
      <c r="CR101" s="992"/>
      <c r="CS101" s="993"/>
      <c r="CT101" s="993"/>
      <c r="CU101" s="993"/>
      <c r="CV101" s="994"/>
      <c r="CW101" s="992"/>
      <c r="CX101" s="993"/>
      <c r="CY101" s="993"/>
      <c r="CZ101" s="993"/>
      <c r="DA101" s="994"/>
      <c r="DB101" s="992"/>
      <c r="DC101" s="993"/>
      <c r="DD101" s="993"/>
      <c r="DE101" s="993"/>
      <c r="DF101" s="994"/>
      <c r="DG101" s="992"/>
      <c r="DH101" s="993"/>
      <c r="DI101" s="993"/>
      <c r="DJ101" s="993"/>
      <c r="DK101" s="994"/>
      <c r="DL101" s="992"/>
      <c r="DM101" s="993"/>
      <c r="DN101" s="993"/>
      <c r="DO101" s="993"/>
      <c r="DP101" s="994"/>
      <c r="DQ101" s="992"/>
      <c r="DR101" s="993"/>
      <c r="DS101" s="993"/>
      <c r="DT101" s="993"/>
      <c r="DU101" s="994"/>
      <c r="DV101" s="981"/>
      <c r="DW101" s="982"/>
      <c r="DX101" s="982"/>
      <c r="DY101" s="982"/>
      <c r="DZ101" s="983"/>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8</v>
      </c>
      <c r="BR102" s="973" t="s">
        <v>431</v>
      </c>
      <c r="BS102" s="974"/>
      <c r="BT102" s="974"/>
      <c r="BU102" s="974"/>
      <c r="BV102" s="974"/>
      <c r="BW102" s="974"/>
      <c r="BX102" s="974"/>
      <c r="BY102" s="974"/>
      <c r="BZ102" s="974"/>
      <c r="CA102" s="974"/>
      <c r="CB102" s="974"/>
      <c r="CC102" s="974"/>
      <c r="CD102" s="974"/>
      <c r="CE102" s="974"/>
      <c r="CF102" s="974"/>
      <c r="CG102" s="984"/>
      <c r="CH102" s="985"/>
      <c r="CI102" s="986"/>
      <c r="CJ102" s="986"/>
      <c r="CK102" s="986"/>
      <c r="CL102" s="987"/>
      <c r="CM102" s="985"/>
      <c r="CN102" s="986"/>
      <c r="CO102" s="986"/>
      <c r="CP102" s="986"/>
      <c r="CQ102" s="987"/>
      <c r="CR102" s="988">
        <v>9</v>
      </c>
      <c r="CS102" s="989"/>
      <c r="CT102" s="989"/>
      <c r="CU102" s="989"/>
      <c r="CV102" s="990"/>
      <c r="CW102" s="988">
        <v>2</v>
      </c>
      <c r="CX102" s="989"/>
      <c r="CY102" s="989"/>
      <c r="CZ102" s="989"/>
      <c r="DA102" s="990"/>
      <c r="DB102" s="988" t="s">
        <v>604</v>
      </c>
      <c r="DC102" s="989"/>
      <c r="DD102" s="989"/>
      <c r="DE102" s="989"/>
      <c r="DF102" s="990"/>
      <c r="DG102" s="988" t="s">
        <v>604</v>
      </c>
      <c r="DH102" s="989"/>
      <c r="DI102" s="989"/>
      <c r="DJ102" s="989"/>
      <c r="DK102" s="990"/>
      <c r="DL102" s="988" t="s">
        <v>604</v>
      </c>
      <c r="DM102" s="989"/>
      <c r="DN102" s="989"/>
      <c r="DO102" s="989"/>
      <c r="DP102" s="990"/>
      <c r="DQ102" s="988" t="s">
        <v>604</v>
      </c>
      <c r="DR102" s="989"/>
      <c r="DS102" s="989"/>
      <c r="DT102" s="989"/>
      <c r="DU102" s="990"/>
      <c r="DV102" s="973"/>
      <c r="DW102" s="974"/>
      <c r="DX102" s="974"/>
      <c r="DY102" s="974"/>
      <c r="DZ102" s="975"/>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76" t="s">
        <v>432</v>
      </c>
      <c r="BR103" s="976"/>
      <c r="BS103" s="976"/>
      <c r="BT103" s="976"/>
      <c r="BU103" s="976"/>
      <c r="BV103" s="976"/>
      <c r="BW103" s="976"/>
      <c r="BX103" s="976"/>
      <c r="BY103" s="976"/>
      <c r="BZ103" s="976"/>
      <c r="CA103" s="976"/>
      <c r="CB103" s="976"/>
      <c r="CC103" s="976"/>
      <c r="CD103" s="976"/>
      <c r="CE103" s="976"/>
      <c r="CF103" s="976"/>
      <c r="CG103" s="976"/>
      <c r="CH103" s="976"/>
      <c r="CI103" s="976"/>
      <c r="CJ103" s="976"/>
      <c r="CK103" s="976"/>
      <c r="CL103" s="976"/>
      <c r="CM103" s="976"/>
      <c r="CN103" s="976"/>
      <c r="CO103" s="976"/>
      <c r="CP103" s="976"/>
      <c r="CQ103" s="976"/>
      <c r="CR103" s="976"/>
      <c r="CS103" s="976"/>
      <c r="CT103" s="976"/>
      <c r="CU103" s="976"/>
      <c r="CV103" s="976"/>
      <c r="CW103" s="976"/>
      <c r="CX103" s="976"/>
      <c r="CY103" s="976"/>
      <c r="CZ103" s="976"/>
      <c r="DA103" s="976"/>
      <c r="DB103" s="976"/>
      <c r="DC103" s="976"/>
      <c r="DD103" s="976"/>
      <c r="DE103" s="976"/>
      <c r="DF103" s="976"/>
      <c r="DG103" s="976"/>
      <c r="DH103" s="976"/>
      <c r="DI103" s="976"/>
      <c r="DJ103" s="976"/>
      <c r="DK103" s="976"/>
      <c r="DL103" s="976"/>
      <c r="DM103" s="976"/>
      <c r="DN103" s="976"/>
      <c r="DO103" s="976"/>
      <c r="DP103" s="976"/>
      <c r="DQ103" s="976"/>
      <c r="DR103" s="976"/>
      <c r="DS103" s="976"/>
      <c r="DT103" s="976"/>
      <c r="DU103" s="976"/>
      <c r="DV103" s="976"/>
      <c r="DW103" s="976"/>
      <c r="DX103" s="976"/>
      <c r="DY103" s="976"/>
      <c r="DZ103" s="976"/>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77" t="s">
        <v>433</v>
      </c>
      <c r="BR104" s="977"/>
      <c r="BS104" s="977"/>
      <c r="BT104" s="977"/>
      <c r="BU104" s="977"/>
      <c r="BV104" s="977"/>
      <c r="BW104" s="977"/>
      <c r="BX104" s="977"/>
      <c r="BY104" s="977"/>
      <c r="BZ104" s="977"/>
      <c r="CA104" s="977"/>
      <c r="CB104" s="977"/>
      <c r="CC104" s="977"/>
      <c r="CD104" s="977"/>
      <c r="CE104" s="977"/>
      <c r="CF104" s="977"/>
      <c r="CG104" s="977"/>
      <c r="CH104" s="977"/>
      <c r="CI104" s="977"/>
      <c r="CJ104" s="977"/>
      <c r="CK104" s="977"/>
      <c r="CL104" s="977"/>
      <c r="CM104" s="977"/>
      <c r="CN104" s="977"/>
      <c r="CO104" s="977"/>
      <c r="CP104" s="977"/>
      <c r="CQ104" s="977"/>
      <c r="CR104" s="977"/>
      <c r="CS104" s="977"/>
      <c r="CT104" s="977"/>
      <c r="CU104" s="977"/>
      <c r="CV104" s="977"/>
      <c r="CW104" s="977"/>
      <c r="CX104" s="977"/>
      <c r="CY104" s="977"/>
      <c r="CZ104" s="977"/>
      <c r="DA104" s="977"/>
      <c r="DB104" s="977"/>
      <c r="DC104" s="977"/>
      <c r="DD104" s="977"/>
      <c r="DE104" s="977"/>
      <c r="DF104" s="977"/>
      <c r="DG104" s="977"/>
      <c r="DH104" s="977"/>
      <c r="DI104" s="977"/>
      <c r="DJ104" s="977"/>
      <c r="DK104" s="977"/>
      <c r="DL104" s="977"/>
      <c r="DM104" s="977"/>
      <c r="DN104" s="977"/>
      <c r="DO104" s="977"/>
      <c r="DP104" s="977"/>
      <c r="DQ104" s="977"/>
      <c r="DR104" s="977"/>
      <c r="DS104" s="977"/>
      <c r="DT104" s="977"/>
      <c r="DU104" s="977"/>
      <c r="DV104" s="977"/>
      <c r="DW104" s="977"/>
      <c r="DX104" s="977"/>
      <c r="DY104" s="977"/>
      <c r="DZ104" s="977"/>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34</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35</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78" t="s">
        <v>436</v>
      </c>
      <c r="B108" s="979"/>
      <c r="C108" s="979"/>
      <c r="D108" s="979"/>
      <c r="E108" s="979"/>
      <c r="F108" s="979"/>
      <c r="G108" s="979"/>
      <c r="H108" s="979"/>
      <c r="I108" s="979"/>
      <c r="J108" s="979"/>
      <c r="K108" s="979"/>
      <c r="L108" s="979"/>
      <c r="M108" s="979"/>
      <c r="N108" s="979"/>
      <c r="O108" s="979"/>
      <c r="P108" s="979"/>
      <c r="Q108" s="979"/>
      <c r="R108" s="979"/>
      <c r="S108" s="979"/>
      <c r="T108" s="979"/>
      <c r="U108" s="979"/>
      <c r="V108" s="979"/>
      <c r="W108" s="979"/>
      <c r="X108" s="979"/>
      <c r="Y108" s="979"/>
      <c r="Z108" s="979"/>
      <c r="AA108" s="979"/>
      <c r="AB108" s="979"/>
      <c r="AC108" s="979"/>
      <c r="AD108" s="979"/>
      <c r="AE108" s="979"/>
      <c r="AF108" s="979"/>
      <c r="AG108" s="979"/>
      <c r="AH108" s="979"/>
      <c r="AI108" s="979"/>
      <c r="AJ108" s="979"/>
      <c r="AK108" s="979"/>
      <c r="AL108" s="979"/>
      <c r="AM108" s="979"/>
      <c r="AN108" s="979"/>
      <c r="AO108" s="979"/>
      <c r="AP108" s="979"/>
      <c r="AQ108" s="979"/>
      <c r="AR108" s="979"/>
      <c r="AS108" s="979"/>
      <c r="AT108" s="980"/>
      <c r="AU108" s="978" t="s">
        <v>437</v>
      </c>
      <c r="AV108" s="979"/>
      <c r="AW108" s="979"/>
      <c r="AX108" s="979"/>
      <c r="AY108" s="979"/>
      <c r="AZ108" s="979"/>
      <c r="BA108" s="979"/>
      <c r="BB108" s="979"/>
      <c r="BC108" s="979"/>
      <c r="BD108" s="979"/>
      <c r="BE108" s="979"/>
      <c r="BF108" s="979"/>
      <c r="BG108" s="979"/>
      <c r="BH108" s="979"/>
      <c r="BI108" s="979"/>
      <c r="BJ108" s="979"/>
      <c r="BK108" s="979"/>
      <c r="BL108" s="979"/>
      <c r="BM108" s="979"/>
      <c r="BN108" s="979"/>
      <c r="BO108" s="979"/>
      <c r="BP108" s="979"/>
      <c r="BQ108" s="979"/>
      <c r="BR108" s="979"/>
      <c r="BS108" s="979"/>
      <c r="BT108" s="979"/>
      <c r="BU108" s="979"/>
      <c r="BV108" s="979"/>
      <c r="BW108" s="979"/>
      <c r="BX108" s="979"/>
      <c r="BY108" s="979"/>
      <c r="BZ108" s="979"/>
      <c r="CA108" s="979"/>
      <c r="CB108" s="979"/>
      <c r="CC108" s="979"/>
      <c r="CD108" s="979"/>
      <c r="CE108" s="979"/>
      <c r="CF108" s="979"/>
      <c r="CG108" s="979"/>
      <c r="CH108" s="979"/>
      <c r="CI108" s="979"/>
      <c r="CJ108" s="979"/>
      <c r="CK108" s="979"/>
      <c r="CL108" s="979"/>
      <c r="CM108" s="979"/>
      <c r="CN108" s="979"/>
      <c r="CO108" s="979"/>
      <c r="CP108" s="979"/>
      <c r="CQ108" s="979"/>
      <c r="CR108" s="979"/>
      <c r="CS108" s="979"/>
      <c r="CT108" s="979"/>
      <c r="CU108" s="979"/>
      <c r="CV108" s="979"/>
      <c r="CW108" s="979"/>
      <c r="CX108" s="979"/>
      <c r="CY108" s="979"/>
      <c r="CZ108" s="979"/>
      <c r="DA108" s="979"/>
      <c r="DB108" s="979"/>
      <c r="DC108" s="979"/>
      <c r="DD108" s="979"/>
      <c r="DE108" s="979"/>
      <c r="DF108" s="979"/>
      <c r="DG108" s="979"/>
      <c r="DH108" s="979"/>
      <c r="DI108" s="979"/>
      <c r="DJ108" s="979"/>
      <c r="DK108" s="979"/>
      <c r="DL108" s="979"/>
      <c r="DM108" s="979"/>
      <c r="DN108" s="979"/>
      <c r="DO108" s="979"/>
      <c r="DP108" s="979"/>
      <c r="DQ108" s="979"/>
      <c r="DR108" s="979"/>
      <c r="DS108" s="979"/>
      <c r="DT108" s="979"/>
      <c r="DU108" s="979"/>
      <c r="DV108" s="979"/>
      <c r="DW108" s="979"/>
      <c r="DX108" s="979"/>
      <c r="DY108" s="979"/>
      <c r="DZ108" s="980"/>
    </row>
    <row r="109" spans="1:131" s="226" customFormat="1" ht="26.25" customHeight="1" x14ac:dyDescent="0.2">
      <c r="A109" s="931" t="s">
        <v>438</v>
      </c>
      <c r="B109" s="932"/>
      <c r="C109" s="932"/>
      <c r="D109" s="932"/>
      <c r="E109" s="932"/>
      <c r="F109" s="932"/>
      <c r="G109" s="932"/>
      <c r="H109" s="932"/>
      <c r="I109" s="932"/>
      <c r="J109" s="932"/>
      <c r="K109" s="932"/>
      <c r="L109" s="932"/>
      <c r="M109" s="932"/>
      <c r="N109" s="932"/>
      <c r="O109" s="932"/>
      <c r="P109" s="932"/>
      <c r="Q109" s="932"/>
      <c r="R109" s="932"/>
      <c r="S109" s="932"/>
      <c r="T109" s="932"/>
      <c r="U109" s="932"/>
      <c r="V109" s="932"/>
      <c r="W109" s="932"/>
      <c r="X109" s="932"/>
      <c r="Y109" s="932"/>
      <c r="Z109" s="933"/>
      <c r="AA109" s="934" t="s">
        <v>439</v>
      </c>
      <c r="AB109" s="932"/>
      <c r="AC109" s="932"/>
      <c r="AD109" s="932"/>
      <c r="AE109" s="933"/>
      <c r="AF109" s="934" t="s">
        <v>440</v>
      </c>
      <c r="AG109" s="932"/>
      <c r="AH109" s="932"/>
      <c r="AI109" s="932"/>
      <c r="AJ109" s="933"/>
      <c r="AK109" s="934" t="s">
        <v>314</v>
      </c>
      <c r="AL109" s="932"/>
      <c r="AM109" s="932"/>
      <c r="AN109" s="932"/>
      <c r="AO109" s="933"/>
      <c r="AP109" s="934" t="s">
        <v>441</v>
      </c>
      <c r="AQ109" s="932"/>
      <c r="AR109" s="932"/>
      <c r="AS109" s="932"/>
      <c r="AT109" s="965"/>
      <c r="AU109" s="931" t="s">
        <v>438</v>
      </c>
      <c r="AV109" s="932"/>
      <c r="AW109" s="932"/>
      <c r="AX109" s="932"/>
      <c r="AY109" s="932"/>
      <c r="AZ109" s="932"/>
      <c r="BA109" s="932"/>
      <c r="BB109" s="932"/>
      <c r="BC109" s="932"/>
      <c r="BD109" s="932"/>
      <c r="BE109" s="932"/>
      <c r="BF109" s="932"/>
      <c r="BG109" s="932"/>
      <c r="BH109" s="932"/>
      <c r="BI109" s="932"/>
      <c r="BJ109" s="932"/>
      <c r="BK109" s="932"/>
      <c r="BL109" s="932"/>
      <c r="BM109" s="932"/>
      <c r="BN109" s="932"/>
      <c r="BO109" s="932"/>
      <c r="BP109" s="933"/>
      <c r="BQ109" s="934" t="s">
        <v>439</v>
      </c>
      <c r="BR109" s="932"/>
      <c r="BS109" s="932"/>
      <c r="BT109" s="932"/>
      <c r="BU109" s="933"/>
      <c r="BV109" s="934" t="s">
        <v>440</v>
      </c>
      <c r="BW109" s="932"/>
      <c r="BX109" s="932"/>
      <c r="BY109" s="932"/>
      <c r="BZ109" s="933"/>
      <c r="CA109" s="934" t="s">
        <v>314</v>
      </c>
      <c r="CB109" s="932"/>
      <c r="CC109" s="932"/>
      <c r="CD109" s="932"/>
      <c r="CE109" s="933"/>
      <c r="CF109" s="972" t="s">
        <v>441</v>
      </c>
      <c r="CG109" s="972"/>
      <c r="CH109" s="972"/>
      <c r="CI109" s="972"/>
      <c r="CJ109" s="972"/>
      <c r="CK109" s="934" t="s">
        <v>442</v>
      </c>
      <c r="CL109" s="932"/>
      <c r="CM109" s="932"/>
      <c r="CN109" s="932"/>
      <c r="CO109" s="932"/>
      <c r="CP109" s="932"/>
      <c r="CQ109" s="932"/>
      <c r="CR109" s="932"/>
      <c r="CS109" s="932"/>
      <c r="CT109" s="932"/>
      <c r="CU109" s="932"/>
      <c r="CV109" s="932"/>
      <c r="CW109" s="932"/>
      <c r="CX109" s="932"/>
      <c r="CY109" s="932"/>
      <c r="CZ109" s="932"/>
      <c r="DA109" s="932"/>
      <c r="DB109" s="932"/>
      <c r="DC109" s="932"/>
      <c r="DD109" s="932"/>
      <c r="DE109" s="932"/>
      <c r="DF109" s="933"/>
      <c r="DG109" s="934" t="s">
        <v>439</v>
      </c>
      <c r="DH109" s="932"/>
      <c r="DI109" s="932"/>
      <c r="DJ109" s="932"/>
      <c r="DK109" s="933"/>
      <c r="DL109" s="934" t="s">
        <v>440</v>
      </c>
      <c r="DM109" s="932"/>
      <c r="DN109" s="932"/>
      <c r="DO109" s="932"/>
      <c r="DP109" s="933"/>
      <c r="DQ109" s="934" t="s">
        <v>314</v>
      </c>
      <c r="DR109" s="932"/>
      <c r="DS109" s="932"/>
      <c r="DT109" s="932"/>
      <c r="DU109" s="933"/>
      <c r="DV109" s="934" t="s">
        <v>441</v>
      </c>
      <c r="DW109" s="932"/>
      <c r="DX109" s="932"/>
      <c r="DY109" s="932"/>
      <c r="DZ109" s="965"/>
    </row>
    <row r="110" spans="1:131" s="226" customFormat="1" ht="26.25" customHeight="1" x14ac:dyDescent="0.2">
      <c r="A110" s="843" t="s">
        <v>443</v>
      </c>
      <c r="B110" s="844"/>
      <c r="C110" s="844"/>
      <c r="D110" s="844"/>
      <c r="E110" s="844"/>
      <c r="F110" s="844"/>
      <c r="G110" s="844"/>
      <c r="H110" s="844"/>
      <c r="I110" s="844"/>
      <c r="J110" s="844"/>
      <c r="K110" s="844"/>
      <c r="L110" s="844"/>
      <c r="M110" s="844"/>
      <c r="N110" s="844"/>
      <c r="O110" s="844"/>
      <c r="P110" s="844"/>
      <c r="Q110" s="844"/>
      <c r="R110" s="844"/>
      <c r="S110" s="844"/>
      <c r="T110" s="844"/>
      <c r="U110" s="844"/>
      <c r="V110" s="844"/>
      <c r="W110" s="844"/>
      <c r="X110" s="844"/>
      <c r="Y110" s="844"/>
      <c r="Z110" s="845"/>
      <c r="AA110" s="924">
        <v>360713</v>
      </c>
      <c r="AB110" s="925"/>
      <c r="AC110" s="925"/>
      <c r="AD110" s="925"/>
      <c r="AE110" s="926"/>
      <c r="AF110" s="927">
        <v>385443</v>
      </c>
      <c r="AG110" s="925"/>
      <c r="AH110" s="925"/>
      <c r="AI110" s="925"/>
      <c r="AJ110" s="926"/>
      <c r="AK110" s="927">
        <v>405608</v>
      </c>
      <c r="AL110" s="925"/>
      <c r="AM110" s="925"/>
      <c r="AN110" s="925"/>
      <c r="AO110" s="926"/>
      <c r="AP110" s="928">
        <v>18.899999999999999</v>
      </c>
      <c r="AQ110" s="929"/>
      <c r="AR110" s="929"/>
      <c r="AS110" s="929"/>
      <c r="AT110" s="930"/>
      <c r="AU110" s="966" t="s">
        <v>75</v>
      </c>
      <c r="AV110" s="967"/>
      <c r="AW110" s="967"/>
      <c r="AX110" s="967"/>
      <c r="AY110" s="967"/>
      <c r="AZ110" s="896" t="s">
        <v>444</v>
      </c>
      <c r="BA110" s="844"/>
      <c r="BB110" s="844"/>
      <c r="BC110" s="844"/>
      <c r="BD110" s="844"/>
      <c r="BE110" s="844"/>
      <c r="BF110" s="844"/>
      <c r="BG110" s="844"/>
      <c r="BH110" s="844"/>
      <c r="BI110" s="844"/>
      <c r="BJ110" s="844"/>
      <c r="BK110" s="844"/>
      <c r="BL110" s="844"/>
      <c r="BM110" s="844"/>
      <c r="BN110" s="844"/>
      <c r="BO110" s="844"/>
      <c r="BP110" s="845"/>
      <c r="BQ110" s="897">
        <v>3500474</v>
      </c>
      <c r="BR110" s="878"/>
      <c r="BS110" s="878"/>
      <c r="BT110" s="878"/>
      <c r="BU110" s="878"/>
      <c r="BV110" s="878">
        <v>3464217</v>
      </c>
      <c r="BW110" s="878"/>
      <c r="BX110" s="878"/>
      <c r="BY110" s="878"/>
      <c r="BZ110" s="878"/>
      <c r="CA110" s="878">
        <v>3262652</v>
      </c>
      <c r="CB110" s="878"/>
      <c r="CC110" s="878"/>
      <c r="CD110" s="878"/>
      <c r="CE110" s="878"/>
      <c r="CF110" s="902">
        <v>151.9</v>
      </c>
      <c r="CG110" s="903"/>
      <c r="CH110" s="903"/>
      <c r="CI110" s="903"/>
      <c r="CJ110" s="903"/>
      <c r="CK110" s="962" t="s">
        <v>445</v>
      </c>
      <c r="CL110" s="855"/>
      <c r="CM110" s="896" t="s">
        <v>446</v>
      </c>
      <c r="CN110" s="844"/>
      <c r="CO110" s="844"/>
      <c r="CP110" s="844"/>
      <c r="CQ110" s="844"/>
      <c r="CR110" s="844"/>
      <c r="CS110" s="844"/>
      <c r="CT110" s="844"/>
      <c r="CU110" s="844"/>
      <c r="CV110" s="844"/>
      <c r="CW110" s="844"/>
      <c r="CX110" s="844"/>
      <c r="CY110" s="844"/>
      <c r="CZ110" s="844"/>
      <c r="DA110" s="844"/>
      <c r="DB110" s="844"/>
      <c r="DC110" s="844"/>
      <c r="DD110" s="844"/>
      <c r="DE110" s="844"/>
      <c r="DF110" s="845"/>
      <c r="DG110" s="897" t="s">
        <v>447</v>
      </c>
      <c r="DH110" s="878"/>
      <c r="DI110" s="878"/>
      <c r="DJ110" s="878"/>
      <c r="DK110" s="878"/>
      <c r="DL110" s="878" t="s">
        <v>448</v>
      </c>
      <c r="DM110" s="878"/>
      <c r="DN110" s="878"/>
      <c r="DO110" s="878"/>
      <c r="DP110" s="878"/>
      <c r="DQ110" s="878" t="s">
        <v>449</v>
      </c>
      <c r="DR110" s="878"/>
      <c r="DS110" s="878"/>
      <c r="DT110" s="878"/>
      <c r="DU110" s="878"/>
      <c r="DV110" s="879" t="s">
        <v>450</v>
      </c>
      <c r="DW110" s="879"/>
      <c r="DX110" s="879"/>
      <c r="DY110" s="879"/>
      <c r="DZ110" s="880"/>
    </row>
    <row r="111" spans="1:131" s="226" customFormat="1" ht="26.25" customHeight="1" x14ac:dyDescent="0.2">
      <c r="A111" s="810" t="s">
        <v>451</v>
      </c>
      <c r="B111" s="811"/>
      <c r="C111" s="811"/>
      <c r="D111" s="811"/>
      <c r="E111" s="811"/>
      <c r="F111" s="811"/>
      <c r="G111" s="811"/>
      <c r="H111" s="811"/>
      <c r="I111" s="811"/>
      <c r="J111" s="811"/>
      <c r="K111" s="811"/>
      <c r="L111" s="811"/>
      <c r="M111" s="811"/>
      <c r="N111" s="811"/>
      <c r="O111" s="811"/>
      <c r="P111" s="811"/>
      <c r="Q111" s="811"/>
      <c r="R111" s="811"/>
      <c r="S111" s="811"/>
      <c r="T111" s="811"/>
      <c r="U111" s="811"/>
      <c r="V111" s="811"/>
      <c r="W111" s="811"/>
      <c r="X111" s="811"/>
      <c r="Y111" s="811"/>
      <c r="Z111" s="961"/>
      <c r="AA111" s="954" t="s">
        <v>452</v>
      </c>
      <c r="AB111" s="955"/>
      <c r="AC111" s="955"/>
      <c r="AD111" s="955"/>
      <c r="AE111" s="956"/>
      <c r="AF111" s="957" t="s">
        <v>453</v>
      </c>
      <c r="AG111" s="955"/>
      <c r="AH111" s="955"/>
      <c r="AI111" s="955"/>
      <c r="AJ111" s="956"/>
      <c r="AK111" s="957" t="s">
        <v>454</v>
      </c>
      <c r="AL111" s="955"/>
      <c r="AM111" s="955"/>
      <c r="AN111" s="955"/>
      <c r="AO111" s="956"/>
      <c r="AP111" s="958" t="s">
        <v>453</v>
      </c>
      <c r="AQ111" s="959"/>
      <c r="AR111" s="959"/>
      <c r="AS111" s="959"/>
      <c r="AT111" s="960"/>
      <c r="AU111" s="968"/>
      <c r="AV111" s="969"/>
      <c r="AW111" s="969"/>
      <c r="AX111" s="969"/>
      <c r="AY111" s="969"/>
      <c r="AZ111" s="851" t="s">
        <v>455</v>
      </c>
      <c r="BA111" s="788"/>
      <c r="BB111" s="788"/>
      <c r="BC111" s="788"/>
      <c r="BD111" s="788"/>
      <c r="BE111" s="788"/>
      <c r="BF111" s="788"/>
      <c r="BG111" s="788"/>
      <c r="BH111" s="788"/>
      <c r="BI111" s="788"/>
      <c r="BJ111" s="788"/>
      <c r="BK111" s="788"/>
      <c r="BL111" s="788"/>
      <c r="BM111" s="788"/>
      <c r="BN111" s="788"/>
      <c r="BO111" s="788"/>
      <c r="BP111" s="789"/>
      <c r="BQ111" s="852" t="s">
        <v>448</v>
      </c>
      <c r="BR111" s="853"/>
      <c r="BS111" s="853"/>
      <c r="BT111" s="853"/>
      <c r="BU111" s="853"/>
      <c r="BV111" s="853" t="s">
        <v>454</v>
      </c>
      <c r="BW111" s="853"/>
      <c r="BX111" s="853"/>
      <c r="BY111" s="853"/>
      <c r="BZ111" s="853"/>
      <c r="CA111" s="853" t="s">
        <v>140</v>
      </c>
      <c r="CB111" s="853"/>
      <c r="CC111" s="853"/>
      <c r="CD111" s="853"/>
      <c r="CE111" s="853"/>
      <c r="CF111" s="911" t="s">
        <v>448</v>
      </c>
      <c r="CG111" s="912"/>
      <c r="CH111" s="912"/>
      <c r="CI111" s="912"/>
      <c r="CJ111" s="912"/>
      <c r="CK111" s="963"/>
      <c r="CL111" s="857"/>
      <c r="CM111" s="851" t="s">
        <v>456</v>
      </c>
      <c r="CN111" s="788"/>
      <c r="CO111" s="788"/>
      <c r="CP111" s="788"/>
      <c r="CQ111" s="788"/>
      <c r="CR111" s="788"/>
      <c r="CS111" s="788"/>
      <c r="CT111" s="788"/>
      <c r="CU111" s="788"/>
      <c r="CV111" s="788"/>
      <c r="CW111" s="788"/>
      <c r="CX111" s="788"/>
      <c r="CY111" s="788"/>
      <c r="CZ111" s="788"/>
      <c r="DA111" s="788"/>
      <c r="DB111" s="788"/>
      <c r="DC111" s="788"/>
      <c r="DD111" s="788"/>
      <c r="DE111" s="788"/>
      <c r="DF111" s="789"/>
      <c r="DG111" s="852" t="s">
        <v>448</v>
      </c>
      <c r="DH111" s="853"/>
      <c r="DI111" s="853"/>
      <c r="DJ111" s="853"/>
      <c r="DK111" s="853"/>
      <c r="DL111" s="853" t="s">
        <v>454</v>
      </c>
      <c r="DM111" s="853"/>
      <c r="DN111" s="853"/>
      <c r="DO111" s="853"/>
      <c r="DP111" s="853"/>
      <c r="DQ111" s="853" t="s">
        <v>447</v>
      </c>
      <c r="DR111" s="853"/>
      <c r="DS111" s="853"/>
      <c r="DT111" s="853"/>
      <c r="DU111" s="853"/>
      <c r="DV111" s="830" t="s">
        <v>450</v>
      </c>
      <c r="DW111" s="830"/>
      <c r="DX111" s="830"/>
      <c r="DY111" s="830"/>
      <c r="DZ111" s="831"/>
    </row>
    <row r="112" spans="1:131" s="226" customFormat="1" ht="26.25" customHeight="1" x14ac:dyDescent="0.2">
      <c r="A112" s="948" t="s">
        <v>457</v>
      </c>
      <c r="B112" s="949"/>
      <c r="C112" s="788" t="s">
        <v>458</v>
      </c>
      <c r="D112" s="788"/>
      <c r="E112" s="788"/>
      <c r="F112" s="788"/>
      <c r="G112" s="788"/>
      <c r="H112" s="788"/>
      <c r="I112" s="788"/>
      <c r="J112" s="788"/>
      <c r="K112" s="788"/>
      <c r="L112" s="788"/>
      <c r="M112" s="788"/>
      <c r="N112" s="788"/>
      <c r="O112" s="788"/>
      <c r="P112" s="788"/>
      <c r="Q112" s="788"/>
      <c r="R112" s="788"/>
      <c r="S112" s="788"/>
      <c r="T112" s="788"/>
      <c r="U112" s="788"/>
      <c r="V112" s="788"/>
      <c r="W112" s="788"/>
      <c r="X112" s="788"/>
      <c r="Y112" s="788"/>
      <c r="Z112" s="789"/>
      <c r="AA112" s="815" t="s">
        <v>140</v>
      </c>
      <c r="AB112" s="816"/>
      <c r="AC112" s="816"/>
      <c r="AD112" s="816"/>
      <c r="AE112" s="817"/>
      <c r="AF112" s="818" t="s">
        <v>454</v>
      </c>
      <c r="AG112" s="816"/>
      <c r="AH112" s="816"/>
      <c r="AI112" s="816"/>
      <c r="AJ112" s="817"/>
      <c r="AK112" s="818" t="s">
        <v>459</v>
      </c>
      <c r="AL112" s="816"/>
      <c r="AM112" s="816"/>
      <c r="AN112" s="816"/>
      <c r="AO112" s="817"/>
      <c r="AP112" s="860" t="s">
        <v>452</v>
      </c>
      <c r="AQ112" s="861"/>
      <c r="AR112" s="861"/>
      <c r="AS112" s="861"/>
      <c r="AT112" s="862"/>
      <c r="AU112" s="968"/>
      <c r="AV112" s="969"/>
      <c r="AW112" s="969"/>
      <c r="AX112" s="969"/>
      <c r="AY112" s="969"/>
      <c r="AZ112" s="851" t="s">
        <v>460</v>
      </c>
      <c r="BA112" s="788"/>
      <c r="BB112" s="788"/>
      <c r="BC112" s="788"/>
      <c r="BD112" s="788"/>
      <c r="BE112" s="788"/>
      <c r="BF112" s="788"/>
      <c r="BG112" s="788"/>
      <c r="BH112" s="788"/>
      <c r="BI112" s="788"/>
      <c r="BJ112" s="788"/>
      <c r="BK112" s="788"/>
      <c r="BL112" s="788"/>
      <c r="BM112" s="788"/>
      <c r="BN112" s="788"/>
      <c r="BO112" s="788"/>
      <c r="BP112" s="789"/>
      <c r="BQ112" s="852">
        <v>1653735</v>
      </c>
      <c r="BR112" s="853"/>
      <c r="BS112" s="853"/>
      <c r="BT112" s="853"/>
      <c r="BU112" s="853"/>
      <c r="BV112" s="853">
        <v>1647793</v>
      </c>
      <c r="BW112" s="853"/>
      <c r="BX112" s="853"/>
      <c r="BY112" s="853"/>
      <c r="BZ112" s="853"/>
      <c r="CA112" s="853">
        <v>1498272</v>
      </c>
      <c r="CB112" s="853"/>
      <c r="CC112" s="853"/>
      <c r="CD112" s="853"/>
      <c r="CE112" s="853"/>
      <c r="CF112" s="911">
        <v>69.8</v>
      </c>
      <c r="CG112" s="912"/>
      <c r="CH112" s="912"/>
      <c r="CI112" s="912"/>
      <c r="CJ112" s="912"/>
      <c r="CK112" s="963"/>
      <c r="CL112" s="857"/>
      <c r="CM112" s="851" t="s">
        <v>461</v>
      </c>
      <c r="CN112" s="788"/>
      <c r="CO112" s="788"/>
      <c r="CP112" s="788"/>
      <c r="CQ112" s="788"/>
      <c r="CR112" s="788"/>
      <c r="CS112" s="788"/>
      <c r="CT112" s="788"/>
      <c r="CU112" s="788"/>
      <c r="CV112" s="788"/>
      <c r="CW112" s="788"/>
      <c r="CX112" s="788"/>
      <c r="CY112" s="788"/>
      <c r="CZ112" s="788"/>
      <c r="DA112" s="788"/>
      <c r="DB112" s="788"/>
      <c r="DC112" s="788"/>
      <c r="DD112" s="788"/>
      <c r="DE112" s="788"/>
      <c r="DF112" s="789"/>
      <c r="DG112" s="852" t="s">
        <v>447</v>
      </c>
      <c r="DH112" s="853"/>
      <c r="DI112" s="853"/>
      <c r="DJ112" s="853"/>
      <c r="DK112" s="853"/>
      <c r="DL112" s="853" t="s">
        <v>454</v>
      </c>
      <c r="DM112" s="853"/>
      <c r="DN112" s="853"/>
      <c r="DO112" s="853"/>
      <c r="DP112" s="853"/>
      <c r="DQ112" s="853" t="s">
        <v>400</v>
      </c>
      <c r="DR112" s="853"/>
      <c r="DS112" s="853"/>
      <c r="DT112" s="853"/>
      <c r="DU112" s="853"/>
      <c r="DV112" s="830" t="s">
        <v>140</v>
      </c>
      <c r="DW112" s="830"/>
      <c r="DX112" s="830"/>
      <c r="DY112" s="830"/>
      <c r="DZ112" s="831"/>
    </row>
    <row r="113" spans="1:130" s="226" customFormat="1" ht="26.25" customHeight="1" x14ac:dyDescent="0.2">
      <c r="A113" s="950"/>
      <c r="B113" s="951"/>
      <c r="C113" s="788" t="s">
        <v>462</v>
      </c>
      <c r="D113" s="788"/>
      <c r="E113" s="788"/>
      <c r="F113" s="788"/>
      <c r="G113" s="788"/>
      <c r="H113" s="788"/>
      <c r="I113" s="788"/>
      <c r="J113" s="788"/>
      <c r="K113" s="788"/>
      <c r="L113" s="788"/>
      <c r="M113" s="788"/>
      <c r="N113" s="788"/>
      <c r="O113" s="788"/>
      <c r="P113" s="788"/>
      <c r="Q113" s="788"/>
      <c r="R113" s="788"/>
      <c r="S113" s="788"/>
      <c r="T113" s="788"/>
      <c r="U113" s="788"/>
      <c r="V113" s="788"/>
      <c r="W113" s="788"/>
      <c r="X113" s="788"/>
      <c r="Y113" s="788"/>
      <c r="Z113" s="789"/>
      <c r="AA113" s="954">
        <v>95228</v>
      </c>
      <c r="AB113" s="955"/>
      <c r="AC113" s="955"/>
      <c r="AD113" s="955"/>
      <c r="AE113" s="956"/>
      <c r="AF113" s="957">
        <v>97742</v>
      </c>
      <c r="AG113" s="955"/>
      <c r="AH113" s="955"/>
      <c r="AI113" s="955"/>
      <c r="AJ113" s="956"/>
      <c r="AK113" s="957">
        <v>97713</v>
      </c>
      <c r="AL113" s="955"/>
      <c r="AM113" s="955"/>
      <c r="AN113" s="955"/>
      <c r="AO113" s="956"/>
      <c r="AP113" s="958">
        <v>4.5999999999999996</v>
      </c>
      <c r="AQ113" s="959"/>
      <c r="AR113" s="959"/>
      <c r="AS113" s="959"/>
      <c r="AT113" s="960"/>
      <c r="AU113" s="968"/>
      <c r="AV113" s="969"/>
      <c r="AW113" s="969"/>
      <c r="AX113" s="969"/>
      <c r="AY113" s="969"/>
      <c r="AZ113" s="851" t="s">
        <v>463</v>
      </c>
      <c r="BA113" s="788"/>
      <c r="BB113" s="788"/>
      <c r="BC113" s="788"/>
      <c r="BD113" s="788"/>
      <c r="BE113" s="788"/>
      <c r="BF113" s="788"/>
      <c r="BG113" s="788"/>
      <c r="BH113" s="788"/>
      <c r="BI113" s="788"/>
      <c r="BJ113" s="788"/>
      <c r="BK113" s="788"/>
      <c r="BL113" s="788"/>
      <c r="BM113" s="788"/>
      <c r="BN113" s="788"/>
      <c r="BO113" s="788"/>
      <c r="BP113" s="789"/>
      <c r="BQ113" s="852">
        <v>890104</v>
      </c>
      <c r="BR113" s="853"/>
      <c r="BS113" s="853"/>
      <c r="BT113" s="853"/>
      <c r="BU113" s="853"/>
      <c r="BV113" s="853">
        <v>790102</v>
      </c>
      <c r="BW113" s="853"/>
      <c r="BX113" s="853"/>
      <c r="BY113" s="853"/>
      <c r="BZ113" s="853"/>
      <c r="CA113" s="853">
        <v>689926</v>
      </c>
      <c r="CB113" s="853"/>
      <c r="CC113" s="853"/>
      <c r="CD113" s="853"/>
      <c r="CE113" s="853"/>
      <c r="CF113" s="911">
        <v>32.1</v>
      </c>
      <c r="CG113" s="912"/>
      <c r="CH113" s="912"/>
      <c r="CI113" s="912"/>
      <c r="CJ113" s="912"/>
      <c r="CK113" s="963"/>
      <c r="CL113" s="857"/>
      <c r="CM113" s="851" t="s">
        <v>464</v>
      </c>
      <c r="CN113" s="788"/>
      <c r="CO113" s="788"/>
      <c r="CP113" s="788"/>
      <c r="CQ113" s="788"/>
      <c r="CR113" s="788"/>
      <c r="CS113" s="788"/>
      <c r="CT113" s="788"/>
      <c r="CU113" s="788"/>
      <c r="CV113" s="788"/>
      <c r="CW113" s="788"/>
      <c r="CX113" s="788"/>
      <c r="CY113" s="788"/>
      <c r="CZ113" s="788"/>
      <c r="DA113" s="788"/>
      <c r="DB113" s="788"/>
      <c r="DC113" s="788"/>
      <c r="DD113" s="788"/>
      <c r="DE113" s="788"/>
      <c r="DF113" s="789"/>
      <c r="DG113" s="815" t="s">
        <v>448</v>
      </c>
      <c r="DH113" s="816"/>
      <c r="DI113" s="816"/>
      <c r="DJ113" s="816"/>
      <c r="DK113" s="817"/>
      <c r="DL113" s="818" t="s">
        <v>454</v>
      </c>
      <c r="DM113" s="816"/>
      <c r="DN113" s="816"/>
      <c r="DO113" s="816"/>
      <c r="DP113" s="817"/>
      <c r="DQ113" s="818" t="s">
        <v>454</v>
      </c>
      <c r="DR113" s="816"/>
      <c r="DS113" s="816"/>
      <c r="DT113" s="816"/>
      <c r="DU113" s="817"/>
      <c r="DV113" s="860" t="s">
        <v>140</v>
      </c>
      <c r="DW113" s="861"/>
      <c r="DX113" s="861"/>
      <c r="DY113" s="861"/>
      <c r="DZ113" s="862"/>
    </row>
    <row r="114" spans="1:130" s="226" customFormat="1" ht="26.25" customHeight="1" x14ac:dyDescent="0.2">
      <c r="A114" s="950"/>
      <c r="B114" s="951"/>
      <c r="C114" s="788" t="s">
        <v>465</v>
      </c>
      <c r="D114" s="788"/>
      <c r="E114" s="788"/>
      <c r="F114" s="788"/>
      <c r="G114" s="788"/>
      <c r="H114" s="788"/>
      <c r="I114" s="788"/>
      <c r="J114" s="788"/>
      <c r="K114" s="788"/>
      <c r="L114" s="788"/>
      <c r="M114" s="788"/>
      <c r="N114" s="788"/>
      <c r="O114" s="788"/>
      <c r="P114" s="788"/>
      <c r="Q114" s="788"/>
      <c r="R114" s="788"/>
      <c r="S114" s="788"/>
      <c r="T114" s="788"/>
      <c r="U114" s="788"/>
      <c r="V114" s="788"/>
      <c r="W114" s="788"/>
      <c r="X114" s="788"/>
      <c r="Y114" s="788"/>
      <c r="Z114" s="789"/>
      <c r="AA114" s="815">
        <v>104968</v>
      </c>
      <c r="AB114" s="816"/>
      <c r="AC114" s="816"/>
      <c r="AD114" s="816"/>
      <c r="AE114" s="817"/>
      <c r="AF114" s="818">
        <v>104579</v>
      </c>
      <c r="AG114" s="816"/>
      <c r="AH114" s="816"/>
      <c r="AI114" s="816"/>
      <c r="AJ114" s="817"/>
      <c r="AK114" s="818">
        <v>94759</v>
      </c>
      <c r="AL114" s="816"/>
      <c r="AM114" s="816"/>
      <c r="AN114" s="816"/>
      <c r="AO114" s="817"/>
      <c r="AP114" s="860">
        <v>4.4000000000000004</v>
      </c>
      <c r="AQ114" s="861"/>
      <c r="AR114" s="861"/>
      <c r="AS114" s="861"/>
      <c r="AT114" s="862"/>
      <c r="AU114" s="968"/>
      <c r="AV114" s="969"/>
      <c r="AW114" s="969"/>
      <c r="AX114" s="969"/>
      <c r="AY114" s="969"/>
      <c r="AZ114" s="851" t="s">
        <v>466</v>
      </c>
      <c r="BA114" s="788"/>
      <c r="BB114" s="788"/>
      <c r="BC114" s="788"/>
      <c r="BD114" s="788"/>
      <c r="BE114" s="788"/>
      <c r="BF114" s="788"/>
      <c r="BG114" s="788"/>
      <c r="BH114" s="788"/>
      <c r="BI114" s="788"/>
      <c r="BJ114" s="788"/>
      <c r="BK114" s="788"/>
      <c r="BL114" s="788"/>
      <c r="BM114" s="788"/>
      <c r="BN114" s="788"/>
      <c r="BO114" s="788"/>
      <c r="BP114" s="789"/>
      <c r="BQ114" s="852">
        <v>860720</v>
      </c>
      <c r="BR114" s="853"/>
      <c r="BS114" s="853"/>
      <c r="BT114" s="853"/>
      <c r="BU114" s="853"/>
      <c r="BV114" s="853">
        <v>730778</v>
      </c>
      <c r="BW114" s="853"/>
      <c r="BX114" s="853"/>
      <c r="BY114" s="853"/>
      <c r="BZ114" s="853"/>
      <c r="CA114" s="853">
        <v>719652</v>
      </c>
      <c r="CB114" s="853"/>
      <c r="CC114" s="853"/>
      <c r="CD114" s="853"/>
      <c r="CE114" s="853"/>
      <c r="CF114" s="911">
        <v>33.5</v>
      </c>
      <c r="CG114" s="912"/>
      <c r="CH114" s="912"/>
      <c r="CI114" s="912"/>
      <c r="CJ114" s="912"/>
      <c r="CK114" s="963"/>
      <c r="CL114" s="857"/>
      <c r="CM114" s="851" t="s">
        <v>467</v>
      </c>
      <c r="CN114" s="788"/>
      <c r="CO114" s="788"/>
      <c r="CP114" s="788"/>
      <c r="CQ114" s="788"/>
      <c r="CR114" s="788"/>
      <c r="CS114" s="788"/>
      <c r="CT114" s="788"/>
      <c r="CU114" s="788"/>
      <c r="CV114" s="788"/>
      <c r="CW114" s="788"/>
      <c r="CX114" s="788"/>
      <c r="CY114" s="788"/>
      <c r="CZ114" s="788"/>
      <c r="DA114" s="788"/>
      <c r="DB114" s="788"/>
      <c r="DC114" s="788"/>
      <c r="DD114" s="788"/>
      <c r="DE114" s="788"/>
      <c r="DF114" s="789"/>
      <c r="DG114" s="815" t="s">
        <v>140</v>
      </c>
      <c r="DH114" s="816"/>
      <c r="DI114" s="816"/>
      <c r="DJ114" s="816"/>
      <c r="DK114" s="817"/>
      <c r="DL114" s="818" t="s">
        <v>448</v>
      </c>
      <c r="DM114" s="816"/>
      <c r="DN114" s="816"/>
      <c r="DO114" s="816"/>
      <c r="DP114" s="817"/>
      <c r="DQ114" s="818" t="s">
        <v>447</v>
      </c>
      <c r="DR114" s="816"/>
      <c r="DS114" s="816"/>
      <c r="DT114" s="816"/>
      <c r="DU114" s="817"/>
      <c r="DV114" s="860" t="s">
        <v>447</v>
      </c>
      <c r="DW114" s="861"/>
      <c r="DX114" s="861"/>
      <c r="DY114" s="861"/>
      <c r="DZ114" s="862"/>
    </row>
    <row r="115" spans="1:130" s="226" customFormat="1" ht="26.25" customHeight="1" x14ac:dyDescent="0.2">
      <c r="A115" s="950"/>
      <c r="B115" s="951"/>
      <c r="C115" s="788" t="s">
        <v>468</v>
      </c>
      <c r="D115" s="788"/>
      <c r="E115" s="788"/>
      <c r="F115" s="788"/>
      <c r="G115" s="788"/>
      <c r="H115" s="788"/>
      <c r="I115" s="788"/>
      <c r="J115" s="788"/>
      <c r="K115" s="788"/>
      <c r="L115" s="788"/>
      <c r="M115" s="788"/>
      <c r="N115" s="788"/>
      <c r="O115" s="788"/>
      <c r="P115" s="788"/>
      <c r="Q115" s="788"/>
      <c r="R115" s="788"/>
      <c r="S115" s="788"/>
      <c r="T115" s="788"/>
      <c r="U115" s="788"/>
      <c r="V115" s="788"/>
      <c r="W115" s="788"/>
      <c r="X115" s="788"/>
      <c r="Y115" s="788"/>
      <c r="Z115" s="789"/>
      <c r="AA115" s="954" t="s">
        <v>454</v>
      </c>
      <c r="AB115" s="955"/>
      <c r="AC115" s="955"/>
      <c r="AD115" s="955"/>
      <c r="AE115" s="956"/>
      <c r="AF115" s="957" t="s">
        <v>454</v>
      </c>
      <c r="AG115" s="955"/>
      <c r="AH115" s="955"/>
      <c r="AI115" s="955"/>
      <c r="AJ115" s="956"/>
      <c r="AK115" s="957" t="s">
        <v>400</v>
      </c>
      <c r="AL115" s="955"/>
      <c r="AM115" s="955"/>
      <c r="AN115" s="955"/>
      <c r="AO115" s="956"/>
      <c r="AP115" s="958" t="s">
        <v>454</v>
      </c>
      <c r="AQ115" s="959"/>
      <c r="AR115" s="959"/>
      <c r="AS115" s="959"/>
      <c r="AT115" s="960"/>
      <c r="AU115" s="968"/>
      <c r="AV115" s="969"/>
      <c r="AW115" s="969"/>
      <c r="AX115" s="969"/>
      <c r="AY115" s="969"/>
      <c r="AZ115" s="851" t="s">
        <v>469</v>
      </c>
      <c r="BA115" s="788"/>
      <c r="BB115" s="788"/>
      <c r="BC115" s="788"/>
      <c r="BD115" s="788"/>
      <c r="BE115" s="788"/>
      <c r="BF115" s="788"/>
      <c r="BG115" s="788"/>
      <c r="BH115" s="788"/>
      <c r="BI115" s="788"/>
      <c r="BJ115" s="788"/>
      <c r="BK115" s="788"/>
      <c r="BL115" s="788"/>
      <c r="BM115" s="788"/>
      <c r="BN115" s="788"/>
      <c r="BO115" s="788"/>
      <c r="BP115" s="789"/>
      <c r="BQ115" s="852" t="s">
        <v>449</v>
      </c>
      <c r="BR115" s="853"/>
      <c r="BS115" s="853"/>
      <c r="BT115" s="853"/>
      <c r="BU115" s="853"/>
      <c r="BV115" s="853" t="s">
        <v>447</v>
      </c>
      <c r="BW115" s="853"/>
      <c r="BX115" s="853"/>
      <c r="BY115" s="853"/>
      <c r="BZ115" s="853"/>
      <c r="CA115" s="853" t="s">
        <v>454</v>
      </c>
      <c r="CB115" s="853"/>
      <c r="CC115" s="853"/>
      <c r="CD115" s="853"/>
      <c r="CE115" s="853"/>
      <c r="CF115" s="911" t="s">
        <v>450</v>
      </c>
      <c r="CG115" s="912"/>
      <c r="CH115" s="912"/>
      <c r="CI115" s="912"/>
      <c r="CJ115" s="912"/>
      <c r="CK115" s="963"/>
      <c r="CL115" s="857"/>
      <c r="CM115" s="851" t="s">
        <v>470</v>
      </c>
      <c r="CN115" s="788"/>
      <c r="CO115" s="788"/>
      <c r="CP115" s="788"/>
      <c r="CQ115" s="788"/>
      <c r="CR115" s="788"/>
      <c r="CS115" s="788"/>
      <c r="CT115" s="788"/>
      <c r="CU115" s="788"/>
      <c r="CV115" s="788"/>
      <c r="CW115" s="788"/>
      <c r="CX115" s="788"/>
      <c r="CY115" s="788"/>
      <c r="CZ115" s="788"/>
      <c r="DA115" s="788"/>
      <c r="DB115" s="788"/>
      <c r="DC115" s="788"/>
      <c r="DD115" s="788"/>
      <c r="DE115" s="788"/>
      <c r="DF115" s="789"/>
      <c r="DG115" s="815" t="s">
        <v>140</v>
      </c>
      <c r="DH115" s="816"/>
      <c r="DI115" s="816"/>
      <c r="DJ115" s="816"/>
      <c r="DK115" s="817"/>
      <c r="DL115" s="818" t="s">
        <v>447</v>
      </c>
      <c r="DM115" s="816"/>
      <c r="DN115" s="816"/>
      <c r="DO115" s="816"/>
      <c r="DP115" s="817"/>
      <c r="DQ115" s="818" t="s">
        <v>454</v>
      </c>
      <c r="DR115" s="816"/>
      <c r="DS115" s="816"/>
      <c r="DT115" s="816"/>
      <c r="DU115" s="817"/>
      <c r="DV115" s="860" t="s">
        <v>448</v>
      </c>
      <c r="DW115" s="861"/>
      <c r="DX115" s="861"/>
      <c r="DY115" s="861"/>
      <c r="DZ115" s="862"/>
    </row>
    <row r="116" spans="1:130" s="226" customFormat="1" ht="26.25" customHeight="1" x14ac:dyDescent="0.2">
      <c r="A116" s="952"/>
      <c r="B116" s="953"/>
      <c r="C116" s="875" t="s">
        <v>471</v>
      </c>
      <c r="D116" s="875"/>
      <c r="E116" s="875"/>
      <c r="F116" s="875"/>
      <c r="G116" s="875"/>
      <c r="H116" s="875"/>
      <c r="I116" s="875"/>
      <c r="J116" s="875"/>
      <c r="K116" s="875"/>
      <c r="L116" s="875"/>
      <c r="M116" s="875"/>
      <c r="N116" s="875"/>
      <c r="O116" s="875"/>
      <c r="P116" s="875"/>
      <c r="Q116" s="875"/>
      <c r="R116" s="875"/>
      <c r="S116" s="875"/>
      <c r="T116" s="875"/>
      <c r="U116" s="875"/>
      <c r="V116" s="875"/>
      <c r="W116" s="875"/>
      <c r="X116" s="875"/>
      <c r="Y116" s="875"/>
      <c r="Z116" s="876"/>
      <c r="AA116" s="815">
        <v>137</v>
      </c>
      <c r="AB116" s="816"/>
      <c r="AC116" s="816"/>
      <c r="AD116" s="816"/>
      <c r="AE116" s="817"/>
      <c r="AF116" s="818" t="s">
        <v>447</v>
      </c>
      <c r="AG116" s="816"/>
      <c r="AH116" s="816"/>
      <c r="AI116" s="816"/>
      <c r="AJ116" s="817"/>
      <c r="AK116" s="818" t="s">
        <v>449</v>
      </c>
      <c r="AL116" s="816"/>
      <c r="AM116" s="816"/>
      <c r="AN116" s="816"/>
      <c r="AO116" s="817"/>
      <c r="AP116" s="860" t="s">
        <v>448</v>
      </c>
      <c r="AQ116" s="861"/>
      <c r="AR116" s="861"/>
      <c r="AS116" s="861"/>
      <c r="AT116" s="862"/>
      <c r="AU116" s="968"/>
      <c r="AV116" s="969"/>
      <c r="AW116" s="969"/>
      <c r="AX116" s="969"/>
      <c r="AY116" s="969"/>
      <c r="AZ116" s="945" t="s">
        <v>472</v>
      </c>
      <c r="BA116" s="946"/>
      <c r="BB116" s="946"/>
      <c r="BC116" s="946"/>
      <c r="BD116" s="946"/>
      <c r="BE116" s="946"/>
      <c r="BF116" s="946"/>
      <c r="BG116" s="946"/>
      <c r="BH116" s="946"/>
      <c r="BI116" s="946"/>
      <c r="BJ116" s="946"/>
      <c r="BK116" s="946"/>
      <c r="BL116" s="946"/>
      <c r="BM116" s="946"/>
      <c r="BN116" s="946"/>
      <c r="BO116" s="946"/>
      <c r="BP116" s="947"/>
      <c r="BQ116" s="852" t="s">
        <v>454</v>
      </c>
      <c r="BR116" s="853"/>
      <c r="BS116" s="853"/>
      <c r="BT116" s="853"/>
      <c r="BU116" s="853"/>
      <c r="BV116" s="853" t="s">
        <v>140</v>
      </c>
      <c r="BW116" s="853"/>
      <c r="BX116" s="853"/>
      <c r="BY116" s="853"/>
      <c r="BZ116" s="853"/>
      <c r="CA116" s="853" t="s">
        <v>459</v>
      </c>
      <c r="CB116" s="853"/>
      <c r="CC116" s="853"/>
      <c r="CD116" s="853"/>
      <c r="CE116" s="853"/>
      <c r="CF116" s="911" t="s">
        <v>454</v>
      </c>
      <c r="CG116" s="912"/>
      <c r="CH116" s="912"/>
      <c r="CI116" s="912"/>
      <c r="CJ116" s="912"/>
      <c r="CK116" s="963"/>
      <c r="CL116" s="857"/>
      <c r="CM116" s="851" t="s">
        <v>473</v>
      </c>
      <c r="CN116" s="788"/>
      <c r="CO116" s="788"/>
      <c r="CP116" s="788"/>
      <c r="CQ116" s="788"/>
      <c r="CR116" s="788"/>
      <c r="CS116" s="788"/>
      <c r="CT116" s="788"/>
      <c r="CU116" s="788"/>
      <c r="CV116" s="788"/>
      <c r="CW116" s="788"/>
      <c r="CX116" s="788"/>
      <c r="CY116" s="788"/>
      <c r="CZ116" s="788"/>
      <c r="DA116" s="788"/>
      <c r="DB116" s="788"/>
      <c r="DC116" s="788"/>
      <c r="DD116" s="788"/>
      <c r="DE116" s="788"/>
      <c r="DF116" s="789"/>
      <c r="DG116" s="815" t="s">
        <v>454</v>
      </c>
      <c r="DH116" s="816"/>
      <c r="DI116" s="816"/>
      <c r="DJ116" s="816"/>
      <c r="DK116" s="817"/>
      <c r="DL116" s="818" t="s">
        <v>450</v>
      </c>
      <c r="DM116" s="816"/>
      <c r="DN116" s="816"/>
      <c r="DO116" s="816"/>
      <c r="DP116" s="817"/>
      <c r="DQ116" s="818" t="s">
        <v>450</v>
      </c>
      <c r="DR116" s="816"/>
      <c r="DS116" s="816"/>
      <c r="DT116" s="816"/>
      <c r="DU116" s="817"/>
      <c r="DV116" s="860" t="s">
        <v>454</v>
      </c>
      <c r="DW116" s="861"/>
      <c r="DX116" s="861"/>
      <c r="DY116" s="861"/>
      <c r="DZ116" s="862"/>
    </row>
    <row r="117" spans="1:130" s="226" customFormat="1" ht="26.25" customHeight="1" x14ac:dyDescent="0.2">
      <c r="A117" s="931" t="s">
        <v>194</v>
      </c>
      <c r="B117" s="932"/>
      <c r="C117" s="932"/>
      <c r="D117" s="932"/>
      <c r="E117" s="932"/>
      <c r="F117" s="932"/>
      <c r="G117" s="932"/>
      <c r="H117" s="932"/>
      <c r="I117" s="932"/>
      <c r="J117" s="932"/>
      <c r="K117" s="932"/>
      <c r="L117" s="932"/>
      <c r="M117" s="932"/>
      <c r="N117" s="932"/>
      <c r="O117" s="932"/>
      <c r="P117" s="932"/>
      <c r="Q117" s="932"/>
      <c r="R117" s="932"/>
      <c r="S117" s="932"/>
      <c r="T117" s="932"/>
      <c r="U117" s="932"/>
      <c r="V117" s="932"/>
      <c r="W117" s="932"/>
      <c r="X117" s="932"/>
      <c r="Y117" s="913" t="s">
        <v>474</v>
      </c>
      <c r="Z117" s="933"/>
      <c r="AA117" s="938">
        <v>561046</v>
      </c>
      <c r="AB117" s="939"/>
      <c r="AC117" s="939"/>
      <c r="AD117" s="939"/>
      <c r="AE117" s="940"/>
      <c r="AF117" s="941">
        <v>587764</v>
      </c>
      <c r="AG117" s="939"/>
      <c r="AH117" s="939"/>
      <c r="AI117" s="939"/>
      <c r="AJ117" s="940"/>
      <c r="AK117" s="941">
        <v>598080</v>
      </c>
      <c r="AL117" s="939"/>
      <c r="AM117" s="939"/>
      <c r="AN117" s="939"/>
      <c r="AO117" s="940"/>
      <c r="AP117" s="942"/>
      <c r="AQ117" s="943"/>
      <c r="AR117" s="943"/>
      <c r="AS117" s="943"/>
      <c r="AT117" s="944"/>
      <c r="AU117" s="968"/>
      <c r="AV117" s="969"/>
      <c r="AW117" s="969"/>
      <c r="AX117" s="969"/>
      <c r="AY117" s="969"/>
      <c r="AZ117" s="899" t="s">
        <v>475</v>
      </c>
      <c r="BA117" s="900"/>
      <c r="BB117" s="900"/>
      <c r="BC117" s="900"/>
      <c r="BD117" s="900"/>
      <c r="BE117" s="900"/>
      <c r="BF117" s="900"/>
      <c r="BG117" s="900"/>
      <c r="BH117" s="900"/>
      <c r="BI117" s="900"/>
      <c r="BJ117" s="900"/>
      <c r="BK117" s="900"/>
      <c r="BL117" s="900"/>
      <c r="BM117" s="900"/>
      <c r="BN117" s="900"/>
      <c r="BO117" s="900"/>
      <c r="BP117" s="901"/>
      <c r="BQ117" s="852" t="s">
        <v>450</v>
      </c>
      <c r="BR117" s="853"/>
      <c r="BS117" s="853"/>
      <c r="BT117" s="853"/>
      <c r="BU117" s="853"/>
      <c r="BV117" s="853" t="s">
        <v>454</v>
      </c>
      <c r="BW117" s="853"/>
      <c r="BX117" s="853"/>
      <c r="BY117" s="853"/>
      <c r="BZ117" s="853"/>
      <c r="CA117" s="853" t="s">
        <v>454</v>
      </c>
      <c r="CB117" s="853"/>
      <c r="CC117" s="853"/>
      <c r="CD117" s="853"/>
      <c r="CE117" s="853"/>
      <c r="CF117" s="911" t="s">
        <v>454</v>
      </c>
      <c r="CG117" s="912"/>
      <c r="CH117" s="912"/>
      <c r="CI117" s="912"/>
      <c r="CJ117" s="912"/>
      <c r="CK117" s="963"/>
      <c r="CL117" s="857"/>
      <c r="CM117" s="851" t="s">
        <v>476</v>
      </c>
      <c r="CN117" s="788"/>
      <c r="CO117" s="788"/>
      <c r="CP117" s="788"/>
      <c r="CQ117" s="788"/>
      <c r="CR117" s="788"/>
      <c r="CS117" s="788"/>
      <c r="CT117" s="788"/>
      <c r="CU117" s="788"/>
      <c r="CV117" s="788"/>
      <c r="CW117" s="788"/>
      <c r="CX117" s="788"/>
      <c r="CY117" s="788"/>
      <c r="CZ117" s="788"/>
      <c r="DA117" s="788"/>
      <c r="DB117" s="788"/>
      <c r="DC117" s="788"/>
      <c r="DD117" s="788"/>
      <c r="DE117" s="788"/>
      <c r="DF117" s="789"/>
      <c r="DG117" s="815" t="s">
        <v>452</v>
      </c>
      <c r="DH117" s="816"/>
      <c r="DI117" s="816"/>
      <c r="DJ117" s="816"/>
      <c r="DK117" s="817"/>
      <c r="DL117" s="818" t="s">
        <v>452</v>
      </c>
      <c r="DM117" s="816"/>
      <c r="DN117" s="816"/>
      <c r="DO117" s="816"/>
      <c r="DP117" s="817"/>
      <c r="DQ117" s="818" t="s">
        <v>454</v>
      </c>
      <c r="DR117" s="816"/>
      <c r="DS117" s="816"/>
      <c r="DT117" s="816"/>
      <c r="DU117" s="817"/>
      <c r="DV117" s="860" t="s">
        <v>452</v>
      </c>
      <c r="DW117" s="861"/>
      <c r="DX117" s="861"/>
      <c r="DY117" s="861"/>
      <c r="DZ117" s="862"/>
    </row>
    <row r="118" spans="1:130" s="226" customFormat="1" ht="26.25" customHeight="1" x14ac:dyDescent="0.2">
      <c r="A118" s="931" t="s">
        <v>442</v>
      </c>
      <c r="B118" s="932"/>
      <c r="C118" s="932"/>
      <c r="D118" s="932"/>
      <c r="E118" s="932"/>
      <c r="F118" s="932"/>
      <c r="G118" s="932"/>
      <c r="H118" s="932"/>
      <c r="I118" s="932"/>
      <c r="J118" s="932"/>
      <c r="K118" s="932"/>
      <c r="L118" s="932"/>
      <c r="M118" s="932"/>
      <c r="N118" s="932"/>
      <c r="O118" s="932"/>
      <c r="P118" s="932"/>
      <c r="Q118" s="932"/>
      <c r="R118" s="932"/>
      <c r="S118" s="932"/>
      <c r="T118" s="932"/>
      <c r="U118" s="932"/>
      <c r="V118" s="932"/>
      <c r="W118" s="932"/>
      <c r="X118" s="932"/>
      <c r="Y118" s="932"/>
      <c r="Z118" s="933"/>
      <c r="AA118" s="934" t="s">
        <v>439</v>
      </c>
      <c r="AB118" s="932"/>
      <c r="AC118" s="932"/>
      <c r="AD118" s="932"/>
      <c r="AE118" s="933"/>
      <c r="AF118" s="934" t="s">
        <v>440</v>
      </c>
      <c r="AG118" s="932"/>
      <c r="AH118" s="932"/>
      <c r="AI118" s="932"/>
      <c r="AJ118" s="933"/>
      <c r="AK118" s="934" t="s">
        <v>314</v>
      </c>
      <c r="AL118" s="932"/>
      <c r="AM118" s="932"/>
      <c r="AN118" s="932"/>
      <c r="AO118" s="933"/>
      <c r="AP118" s="935" t="s">
        <v>441</v>
      </c>
      <c r="AQ118" s="936"/>
      <c r="AR118" s="936"/>
      <c r="AS118" s="936"/>
      <c r="AT118" s="937"/>
      <c r="AU118" s="968"/>
      <c r="AV118" s="969"/>
      <c r="AW118" s="969"/>
      <c r="AX118" s="969"/>
      <c r="AY118" s="969"/>
      <c r="AZ118" s="874" t="s">
        <v>477</v>
      </c>
      <c r="BA118" s="875"/>
      <c r="BB118" s="875"/>
      <c r="BC118" s="875"/>
      <c r="BD118" s="875"/>
      <c r="BE118" s="875"/>
      <c r="BF118" s="875"/>
      <c r="BG118" s="875"/>
      <c r="BH118" s="875"/>
      <c r="BI118" s="875"/>
      <c r="BJ118" s="875"/>
      <c r="BK118" s="875"/>
      <c r="BL118" s="875"/>
      <c r="BM118" s="875"/>
      <c r="BN118" s="875"/>
      <c r="BO118" s="875"/>
      <c r="BP118" s="876"/>
      <c r="BQ118" s="915" t="s">
        <v>448</v>
      </c>
      <c r="BR118" s="881"/>
      <c r="BS118" s="881"/>
      <c r="BT118" s="881"/>
      <c r="BU118" s="881"/>
      <c r="BV118" s="881" t="s">
        <v>448</v>
      </c>
      <c r="BW118" s="881"/>
      <c r="BX118" s="881"/>
      <c r="BY118" s="881"/>
      <c r="BZ118" s="881"/>
      <c r="CA118" s="881" t="s">
        <v>454</v>
      </c>
      <c r="CB118" s="881"/>
      <c r="CC118" s="881"/>
      <c r="CD118" s="881"/>
      <c r="CE118" s="881"/>
      <c r="CF118" s="911" t="s">
        <v>140</v>
      </c>
      <c r="CG118" s="912"/>
      <c r="CH118" s="912"/>
      <c r="CI118" s="912"/>
      <c r="CJ118" s="912"/>
      <c r="CK118" s="963"/>
      <c r="CL118" s="857"/>
      <c r="CM118" s="851" t="s">
        <v>478</v>
      </c>
      <c r="CN118" s="788"/>
      <c r="CO118" s="788"/>
      <c r="CP118" s="788"/>
      <c r="CQ118" s="788"/>
      <c r="CR118" s="788"/>
      <c r="CS118" s="788"/>
      <c r="CT118" s="788"/>
      <c r="CU118" s="788"/>
      <c r="CV118" s="788"/>
      <c r="CW118" s="788"/>
      <c r="CX118" s="788"/>
      <c r="CY118" s="788"/>
      <c r="CZ118" s="788"/>
      <c r="DA118" s="788"/>
      <c r="DB118" s="788"/>
      <c r="DC118" s="788"/>
      <c r="DD118" s="788"/>
      <c r="DE118" s="788"/>
      <c r="DF118" s="789"/>
      <c r="DG118" s="815" t="s">
        <v>448</v>
      </c>
      <c r="DH118" s="816"/>
      <c r="DI118" s="816"/>
      <c r="DJ118" s="816"/>
      <c r="DK118" s="817"/>
      <c r="DL118" s="818" t="s">
        <v>454</v>
      </c>
      <c r="DM118" s="816"/>
      <c r="DN118" s="816"/>
      <c r="DO118" s="816"/>
      <c r="DP118" s="817"/>
      <c r="DQ118" s="818" t="s">
        <v>140</v>
      </c>
      <c r="DR118" s="816"/>
      <c r="DS118" s="816"/>
      <c r="DT118" s="816"/>
      <c r="DU118" s="817"/>
      <c r="DV118" s="860" t="s">
        <v>454</v>
      </c>
      <c r="DW118" s="861"/>
      <c r="DX118" s="861"/>
      <c r="DY118" s="861"/>
      <c r="DZ118" s="862"/>
    </row>
    <row r="119" spans="1:130" s="226" customFormat="1" ht="26.25" customHeight="1" x14ac:dyDescent="0.2">
      <c r="A119" s="854" t="s">
        <v>445</v>
      </c>
      <c r="B119" s="855"/>
      <c r="C119" s="896" t="s">
        <v>446</v>
      </c>
      <c r="D119" s="844"/>
      <c r="E119" s="844"/>
      <c r="F119" s="844"/>
      <c r="G119" s="844"/>
      <c r="H119" s="844"/>
      <c r="I119" s="844"/>
      <c r="J119" s="844"/>
      <c r="K119" s="844"/>
      <c r="L119" s="844"/>
      <c r="M119" s="844"/>
      <c r="N119" s="844"/>
      <c r="O119" s="844"/>
      <c r="P119" s="844"/>
      <c r="Q119" s="844"/>
      <c r="R119" s="844"/>
      <c r="S119" s="844"/>
      <c r="T119" s="844"/>
      <c r="U119" s="844"/>
      <c r="V119" s="844"/>
      <c r="W119" s="844"/>
      <c r="X119" s="844"/>
      <c r="Y119" s="844"/>
      <c r="Z119" s="845"/>
      <c r="AA119" s="924" t="s">
        <v>454</v>
      </c>
      <c r="AB119" s="925"/>
      <c r="AC119" s="925"/>
      <c r="AD119" s="925"/>
      <c r="AE119" s="926"/>
      <c r="AF119" s="927" t="s">
        <v>454</v>
      </c>
      <c r="AG119" s="925"/>
      <c r="AH119" s="925"/>
      <c r="AI119" s="925"/>
      <c r="AJ119" s="926"/>
      <c r="AK119" s="927" t="s">
        <v>453</v>
      </c>
      <c r="AL119" s="925"/>
      <c r="AM119" s="925"/>
      <c r="AN119" s="925"/>
      <c r="AO119" s="926"/>
      <c r="AP119" s="928" t="s">
        <v>454</v>
      </c>
      <c r="AQ119" s="929"/>
      <c r="AR119" s="929"/>
      <c r="AS119" s="929"/>
      <c r="AT119" s="930"/>
      <c r="AU119" s="970"/>
      <c r="AV119" s="971"/>
      <c r="AW119" s="971"/>
      <c r="AX119" s="971"/>
      <c r="AY119" s="971"/>
      <c r="AZ119" s="247" t="s">
        <v>194</v>
      </c>
      <c r="BA119" s="247"/>
      <c r="BB119" s="247"/>
      <c r="BC119" s="247"/>
      <c r="BD119" s="247"/>
      <c r="BE119" s="247"/>
      <c r="BF119" s="247"/>
      <c r="BG119" s="247"/>
      <c r="BH119" s="247"/>
      <c r="BI119" s="247"/>
      <c r="BJ119" s="247"/>
      <c r="BK119" s="247"/>
      <c r="BL119" s="247"/>
      <c r="BM119" s="247"/>
      <c r="BN119" s="247"/>
      <c r="BO119" s="913" t="s">
        <v>479</v>
      </c>
      <c r="BP119" s="914"/>
      <c r="BQ119" s="915">
        <v>6905033</v>
      </c>
      <c r="BR119" s="881"/>
      <c r="BS119" s="881"/>
      <c r="BT119" s="881"/>
      <c r="BU119" s="881"/>
      <c r="BV119" s="881">
        <v>6632890</v>
      </c>
      <c r="BW119" s="881"/>
      <c r="BX119" s="881"/>
      <c r="BY119" s="881"/>
      <c r="BZ119" s="881"/>
      <c r="CA119" s="881">
        <v>6170502</v>
      </c>
      <c r="CB119" s="881"/>
      <c r="CC119" s="881"/>
      <c r="CD119" s="881"/>
      <c r="CE119" s="881"/>
      <c r="CF119" s="784"/>
      <c r="CG119" s="785"/>
      <c r="CH119" s="785"/>
      <c r="CI119" s="785"/>
      <c r="CJ119" s="870"/>
      <c r="CK119" s="964"/>
      <c r="CL119" s="859"/>
      <c r="CM119" s="874" t="s">
        <v>480</v>
      </c>
      <c r="CN119" s="875"/>
      <c r="CO119" s="875"/>
      <c r="CP119" s="875"/>
      <c r="CQ119" s="875"/>
      <c r="CR119" s="875"/>
      <c r="CS119" s="875"/>
      <c r="CT119" s="875"/>
      <c r="CU119" s="875"/>
      <c r="CV119" s="875"/>
      <c r="CW119" s="875"/>
      <c r="CX119" s="875"/>
      <c r="CY119" s="875"/>
      <c r="CZ119" s="875"/>
      <c r="DA119" s="875"/>
      <c r="DB119" s="875"/>
      <c r="DC119" s="875"/>
      <c r="DD119" s="875"/>
      <c r="DE119" s="875"/>
      <c r="DF119" s="876"/>
      <c r="DG119" s="799" t="s">
        <v>448</v>
      </c>
      <c r="DH119" s="800"/>
      <c r="DI119" s="800"/>
      <c r="DJ119" s="800"/>
      <c r="DK119" s="801"/>
      <c r="DL119" s="802" t="s">
        <v>454</v>
      </c>
      <c r="DM119" s="800"/>
      <c r="DN119" s="800"/>
      <c r="DO119" s="800"/>
      <c r="DP119" s="801"/>
      <c r="DQ119" s="802" t="s">
        <v>453</v>
      </c>
      <c r="DR119" s="800"/>
      <c r="DS119" s="800"/>
      <c r="DT119" s="800"/>
      <c r="DU119" s="801"/>
      <c r="DV119" s="884" t="s">
        <v>454</v>
      </c>
      <c r="DW119" s="885"/>
      <c r="DX119" s="885"/>
      <c r="DY119" s="885"/>
      <c r="DZ119" s="886"/>
    </row>
    <row r="120" spans="1:130" s="226" customFormat="1" ht="26.25" customHeight="1" x14ac:dyDescent="0.2">
      <c r="A120" s="856"/>
      <c r="B120" s="857"/>
      <c r="C120" s="851" t="s">
        <v>456</v>
      </c>
      <c r="D120" s="788"/>
      <c r="E120" s="788"/>
      <c r="F120" s="788"/>
      <c r="G120" s="788"/>
      <c r="H120" s="788"/>
      <c r="I120" s="788"/>
      <c r="J120" s="788"/>
      <c r="K120" s="788"/>
      <c r="L120" s="788"/>
      <c r="M120" s="788"/>
      <c r="N120" s="788"/>
      <c r="O120" s="788"/>
      <c r="P120" s="788"/>
      <c r="Q120" s="788"/>
      <c r="R120" s="788"/>
      <c r="S120" s="788"/>
      <c r="T120" s="788"/>
      <c r="U120" s="788"/>
      <c r="V120" s="788"/>
      <c r="W120" s="788"/>
      <c r="X120" s="788"/>
      <c r="Y120" s="788"/>
      <c r="Z120" s="789"/>
      <c r="AA120" s="815" t="s">
        <v>453</v>
      </c>
      <c r="AB120" s="816"/>
      <c r="AC120" s="816"/>
      <c r="AD120" s="816"/>
      <c r="AE120" s="817"/>
      <c r="AF120" s="818" t="s">
        <v>448</v>
      </c>
      <c r="AG120" s="816"/>
      <c r="AH120" s="816"/>
      <c r="AI120" s="816"/>
      <c r="AJ120" s="817"/>
      <c r="AK120" s="818" t="s">
        <v>454</v>
      </c>
      <c r="AL120" s="816"/>
      <c r="AM120" s="816"/>
      <c r="AN120" s="816"/>
      <c r="AO120" s="817"/>
      <c r="AP120" s="860" t="s">
        <v>454</v>
      </c>
      <c r="AQ120" s="861"/>
      <c r="AR120" s="861"/>
      <c r="AS120" s="861"/>
      <c r="AT120" s="862"/>
      <c r="AU120" s="916" t="s">
        <v>481</v>
      </c>
      <c r="AV120" s="917"/>
      <c r="AW120" s="917"/>
      <c r="AX120" s="917"/>
      <c r="AY120" s="918"/>
      <c r="AZ120" s="896" t="s">
        <v>482</v>
      </c>
      <c r="BA120" s="844"/>
      <c r="BB120" s="844"/>
      <c r="BC120" s="844"/>
      <c r="BD120" s="844"/>
      <c r="BE120" s="844"/>
      <c r="BF120" s="844"/>
      <c r="BG120" s="844"/>
      <c r="BH120" s="844"/>
      <c r="BI120" s="844"/>
      <c r="BJ120" s="844"/>
      <c r="BK120" s="844"/>
      <c r="BL120" s="844"/>
      <c r="BM120" s="844"/>
      <c r="BN120" s="844"/>
      <c r="BO120" s="844"/>
      <c r="BP120" s="845"/>
      <c r="BQ120" s="897">
        <v>511694</v>
      </c>
      <c r="BR120" s="878"/>
      <c r="BS120" s="878"/>
      <c r="BT120" s="878"/>
      <c r="BU120" s="878"/>
      <c r="BV120" s="878">
        <v>751422</v>
      </c>
      <c r="BW120" s="878"/>
      <c r="BX120" s="878"/>
      <c r="BY120" s="878"/>
      <c r="BZ120" s="878"/>
      <c r="CA120" s="878">
        <v>1005505</v>
      </c>
      <c r="CB120" s="878"/>
      <c r="CC120" s="878"/>
      <c r="CD120" s="878"/>
      <c r="CE120" s="878"/>
      <c r="CF120" s="902">
        <v>46.8</v>
      </c>
      <c r="CG120" s="903"/>
      <c r="CH120" s="903"/>
      <c r="CI120" s="903"/>
      <c r="CJ120" s="903"/>
      <c r="CK120" s="904" t="s">
        <v>483</v>
      </c>
      <c r="CL120" s="888"/>
      <c r="CM120" s="888"/>
      <c r="CN120" s="888"/>
      <c r="CO120" s="889"/>
      <c r="CP120" s="908" t="s">
        <v>484</v>
      </c>
      <c r="CQ120" s="909"/>
      <c r="CR120" s="909"/>
      <c r="CS120" s="909"/>
      <c r="CT120" s="909"/>
      <c r="CU120" s="909"/>
      <c r="CV120" s="909"/>
      <c r="CW120" s="909"/>
      <c r="CX120" s="909"/>
      <c r="CY120" s="909"/>
      <c r="CZ120" s="909"/>
      <c r="DA120" s="909"/>
      <c r="DB120" s="909"/>
      <c r="DC120" s="909"/>
      <c r="DD120" s="909"/>
      <c r="DE120" s="909"/>
      <c r="DF120" s="910"/>
      <c r="DG120" s="897">
        <v>1454260</v>
      </c>
      <c r="DH120" s="878"/>
      <c r="DI120" s="878"/>
      <c r="DJ120" s="878"/>
      <c r="DK120" s="878"/>
      <c r="DL120" s="878">
        <v>1467321</v>
      </c>
      <c r="DM120" s="878"/>
      <c r="DN120" s="878"/>
      <c r="DO120" s="878"/>
      <c r="DP120" s="878"/>
      <c r="DQ120" s="878">
        <v>1343713</v>
      </c>
      <c r="DR120" s="878"/>
      <c r="DS120" s="878"/>
      <c r="DT120" s="878"/>
      <c r="DU120" s="878"/>
      <c r="DV120" s="879">
        <v>62.6</v>
      </c>
      <c r="DW120" s="879"/>
      <c r="DX120" s="879"/>
      <c r="DY120" s="879"/>
      <c r="DZ120" s="880"/>
    </row>
    <row r="121" spans="1:130" s="226" customFormat="1" ht="26.25" customHeight="1" x14ac:dyDescent="0.2">
      <c r="A121" s="856"/>
      <c r="B121" s="857"/>
      <c r="C121" s="899" t="s">
        <v>485</v>
      </c>
      <c r="D121" s="900"/>
      <c r="E121" s="900"/>
      <c r="F121" s="900"/>
      <c r="G121" s="900"/>
      <c r="H121" s="900"/>
      <c r="I121" s="900"/>
      <c r="J121" s="900"/>
      <c r="K121" s="900"/>
      <c r="L121" s="900"/>
      <c r="M121" s="900"/>
      <c r="N121" s="900"/>
      <c r="O121" s="900"/>
      <c r="P121" s="900"/>
      <c r="Q121" s="900"/>
      <c r="R121" s="900"/>
      <c r="S121" s="900"/>
      <c r="T121" s="900"/>
      <c r="U121" s="900"/>
      <c r="V121" s="900"/>
      <c r="W121" s="900"/>
      <c r="X121" s="900"/>
      <c r="Y121" s="900"/>
      <c r="Z121" s="901"/>
      <c r="AA121" s="815" t="s">
        <v>448</v>
      </c>
      <c r="AB121" s="816"/>
      <c r="AC121" s="816"/>
      <c r="AD121" s="816"/>
      <c r="AE121" s="817"/>
      <c r="AF121" s="818" t="s">
        <v>454</v>
      </c>
      <c r="AG121" s="816"/>
      <c r="AH121" s="816"/>
      <c r="AI121" s="816"/>
      <c r="AJ121" s="817"/>
      <c r="AK121" s="818" t="s">
        <v>448</v>
      </c>
      <c r="AL121" s="816"/>
      <c r="AM121" s="816"/>
      <c r="AN121" s="816"/>
      <c r="AO121" s="817"/>
      <c r="AP121" s="860" t="s">
        <v>454</v>
      </c>
      <c r="AQ121" s="861"/>
      <c r="AR121" s="861"/>
      <c r="AS121" s="861"/>
      <c r="AT121" s="862"/>
      <c r="AU121" s="919"/>
      <c r="AV121" s="920"/>
      <c r="AW121" s="920"/>
      <c r="AX121" s="920"/>
      <c r="AY121" s="921"/>
      <c r="AZ121" s="851" t="s">
        <v>486</v>
      </c>
      <c r="BA121" s="788"/>
      <c r="BB121" s="788"/>
      <c r="BC121" s="788"/>
      <c r="BD121" s="788"/>
      <c r="BE121" s="788"/>
      <c r="BF121" s="788"/>
      <c r="BG121" s="788"/>
      <c r="BH121" s="788"/>
      <c r="BI121" s="788"/>
      <c r="BJ121" s="788"/>
      <c r="BK121" s="788"/>
      <c r="BL121" s="788"/>
      <c r="BM121" s="788"/>
      <c r="BN121" s="788"/>
      <c r="BO121" s="788"/>
      <c r="BP121" s="789"/>
      <c r="BQ121" s="852">
        <v>40107</v>
      </c>
      <c r="BR121" s="853"/>
      <c r="BS121" s="853"/>
      <c r="BT121" s="853"/>
      <c r="BU121" s="853"/>
      <c r="BV121" s="853">
        <v>35427</v>
      </c>
      <c r="BW121" s="853"/>
      <c r="BX121" s="853"/>
      <c r="BY121" s="853"/>
      <c r="BZ121" s="853"/>
      <c r="CA121" s="853">
        <v>31448</v>
      </c>
      <c r="CB121" s="853"/>
      <c r="CC121" s="853"/>
      <c r="CD121" s="853"/>
      <c r="CE121" s="853"/>
      <c r="CF121" s="911">
        <v>1.5</v>
      </c>
      <c r="CG121" s="912"/>
      <c r="CH121" s="912"/>
      <c r="CI121" s="912"/>
      <c r="CJ121" s="912"/>
      <c r="CK121" s="905"/>
      <c r="CL121" s="891"/>
      <c r="CM121" s="891"/>
      <c r="CN121" s="891"/>
      <c r="CO121" s="892"/>
      <c r="CP121" s="871" t="s">
        <v>487</v>
      </c>
      <c r="CQ121" s="872"/>
      <c r="CR121" s="872"/>
      <c r="CS121" s="872"/>
      <c r="CT121" s="872"/>
      <c r="CU121" s="872"/>
      <c r="CV121" s="872"/>
      <c r="CW121" s="872"/>
      <c r="CX121" s="872"/>
      <c r="CY121" s="872"/>
      <c r="CZ121" s="872"/>
      <c r="DA121" s="872"/>
      <c r="DB121" s="872"/>
      <c r="DC121" s="872"/>
      <c r="DD121" s="872"/>
      <c r="DE121" s="872"/>
      <c r="DF121" s="873"/>
      <c r="DG121" s="852">
        <v>199475</v>
      </c>
      <c r="DH121" s="853"/>
      <c r="DI121" s="853"/>
      <c r="DJ121" s="853"/>
      <c r="DK121" s="853"/>
      <c r="DL121" s="853">
        <v>174587</v>
      </c>
      <c r="DM121" s="853"/>
      <c r="DN121" s="853"/>
      <c r="DO121" s="853"/>
      <c r="DP121" s="853"/>
      <c r="DQ121" s="853">
        <v>149258</v>
      </c>
      <c r="DR121" s="853"/>
      <c r="DS121" s="853"/>
      <c r="DT121" s="853"/>
      <c r="DU121" s="853"/>
      <c r="DV121" s="830">
        <v>7</v>
      </c>
      <c r="DW121" s="830"/>
      <c r="DX121" s="830"/>
      <c r="DY121" s="830"/>
      <c r="DZ121" s="831"/>
    </row>
    <row r="122" spans="1:130" s="226" customFormat="1" ht="26.25" customHeight="1" x14ac:dyDescent="0.2">
      <c r="A122" s="856"/>
      <c r="B122" s="857"/>
      <c r="C122" s="851" t="s">
        <v>467</v>
      </c>
      <c r="D122" s="788"/>
      <c r="E122" s="788"/>
      <c r="F122" s="788"/>
      <c r="G122" s="788"/>
      <c r="H122" s="788"/>
      <c r="I122" s="788"/>
      <c r="J122" s="788"/>
      <c r="K122" s="788"/>
      <c r="L122" s="788"/>
      <c r="M122" s="788"/>
      <c r="N122" s="788"/>
      <c r="O122" s="788"/>
      <c r="P122" s="788"/>
      <c r="Q122" s="788"/>
      <c r="R122" s="788"/>
      <c r="S122" s="788"/>
      <c r="T122" s="788"/>
      <c r="U122" s="788"/>
      <c r="V122" s="788"/>
      <c r="W122" s="788"/>
      <c r="X122" s="788"/>
      <c r="Y122" s="788"/>
      <c r="Z122" s="789"/>
      <c r="AA122" s="815" t="s">
        <v>140</v>
      </c>
      <c r="AB122" s="816"/>
      <c r="AC122" s="816"/>
      <c r="AD122" s="816"/>
      <c r="AE122" s="817"/>
      <c r="AF122" s="818" t="s">
        <v>140</v>
      </c>
      <c r="AG122" s="816"/>
      <c r="AH122" s="816"/>
      <c r="AI122" s="816"/>
      <c r="AJ122" s="817"/>
      <c r="AK122" s="818" t="s">
        <v>140</v>
      </c>
      <c r="AL122" s="816"/>
      <c r="AM122" s="816"/>
      <c r="AN122" s="816"/>
      <c r="AO122" s="817"/>
      <c r="AP122" s="860" t="s">
        <v>459</v>
      </c>
      <c r="AQ122" s="861"/>
      <c r="AR122" s="861"/>
      <c r="AS122" s="861"/>
      <c r="AT122" s="862"/>
      <c r="AU122" s="919"/>
      <c r="AV122" s="920"/>
      <c r="AW122" s="920"/>
      <c r="AX122" s="920"/>
      <c r="AY122" s="921"/>
      <c r="AZ122" s="874" t="s">
        <v>488</v>
      </c>
      <c r="BA122" s="875"/>
      <c r="BB122" s="875"/>
      <c r="BC122" s="875"/>
      <c r="BD122" s="875"/>
      <c r="BE122" s="875"/>
      <c r="BF122" s="875"/>
      <c r="BG122" s="875"/>
      <c r="BH122" s="875"/>
      <c r="BI122" s="875"/>
      <c r="BJ122" s="875"/>
      <c r="BK122" s="875"/>
      <c r="BL122" s="875"/>
      <c r="BM122" s="875"/>
      <c r="BN122" s="875"/>
      <c r="BO122" s="875"/>
      <c r="BP122" s="876"/>
      <c r="BQ122" s="915">
        <v>3574223</v>
      </c>
      <c r="BR122" s="881"/>
      <c r="BS122" s="881"/>
      <c r="BT122" s="881"/>
      <c r="BU122" s="881"/>
      <c r="BV122" s="881">
        <v>3532509</v>
      </c>
      <c r="BW122" s="881"/>
      <c r="BX122" s="881"/>
      <c r="BY122" s="881"/>
      <c r="BZ122" s="881"/>
      <c r="CA122" s="881">
        <v>3342583</v>
      </c>
      <c r="CB122" s="881"/>
      <c r="CC122" s="881"/>
      <c r="CD122" s="881"/>
      <c r="CE122" s="881"/>
      <c r="CF122" s="882">
        <v>155.69999999999999</v>
      </c>
      <c r="CG122" s="883"/>
      <c r="CH122" s="883"/>
      <c r="CI122" s="883"/>
      <c r="CJ122" s="883"/>
      <c r="CK122" s="905"/>
      <c r="CL122" s="891"/>
      <c r="CM122" s="891"/>
      <c r="CN122" s="891"/>
      <c r="CO122" s="892"/>
      <c r="CP122" s="871" t="s">
        <v>489</v>
      </c>
      <c r="CQ122" s="872"/>
      <c r="CR122" s="872"/>
      <c r="CS122" s="872"/>
      <c r="CT122" s="872"/>
      <c r="CU122" s="872"/>
      <c r="CV122" s="872"/>
      <c r="CW122" s="872"/>
      <c r="CX122" s="872"/>
      <c r="CY122" s="872"/>
      <c r="CZ122" s="872"/>
      <c r="DA122" s="872"/>
      <c r="DB122" s="872"/>
      <c r="DC122" s="872"/>
      <c r="DD122" s="872"/>
      <c r="DE122" s="872"/>
      <c r="DF122" s="873"/>
      <c r="DG122" s="852" t="s">
        <v>454</v>
      </c>
      <c r="DH122" s="853"/>
      <c r="DI122" s="853"/>
      <c r="DJ122" s="853"/>
      <c r="DK122" s="853"/>
      <c r="DL122" s="853">
        <v>5885</v>
      </c>
      <c r="DM122" s="853"/>
      <c r="DN122" s="853"/>
      <c r="DO122" s="853"/>
      <c r="DP122" s="853"/>
      <c r="DQ122" s="853">
        <v>5301</v>
      </c>
      <c r="DR122" s="853"/>
      <c r="DS122" s="853"/>
      <c r="DT122" s="853"/>
      <c r="DU122" s="853"/>
      <c r="DV122" s="830">
        <v>0.2</v>
      </c>
      <c r="DW122" s="830"/>
      <c r="DX122" s="830"/>
      <c r="DY122" s="830"/>
      <c r="DZ122" s="831"/>
    </row>
    <row r="123" spans="1:130" s="226" customFormat="1" ht="26.25" customHeight="1" x14ac:dyDescent="0.2">
      <c r="A123" s="856"/>
      <c r="B123" s="857"/>
      <c r="C123" s="851" t="s">
        <v>473</v>
      </c>
      <c r="D123" s="788"/>
      <c r="E123" s="788"/>
      <c r="F123" s="788"/>
      <c r="G123" s="788"/>
      <c r="H123" s="788"/>
      <c r="I123" s="788"/>
      <c r="J123" s="788"/>
      <c r="K123" s="788"/>
      <c r="L123" s="788"/>
      <c r="M123" s="788"/>
      <c r="N123" s="788"/>
      <c r="O123" s="788"/>
      <c r="P123" s="788"/>
      <c r="Q123" s="788"/>
      <c r="R123" s="788"/>
      <c r="S123" s="788"/>
      <c r="T123" s="788"/>
      <c r="U123" s="788"/>
      <c r="V123" s="788"/>
      <c r="W123" s="788"/>
      <c r="X123" s="788"/>
      <c r="Y123" s="788"/>
      <c r="Z123" s="789"/>
      <c r="AA123" s="815" t="s">
        <v>454</v>
      </c>
      <c r="AB123" s="816"/>
      <c r="AC123" s="816"/>
      <c r="AD123" s="816"/>
      <c r="AE123" s="817"/>
      <c r="AF123" s="818" t="s">
        <v>453</v>
      </c>
      <c r="AG123" s="816"/>
      <c r="AH123" s="816"/>
      <c r="AI123" s="816"/>
      <c r="AJ123" s="817"/>
      <c r="AK123" s="818" t="s">
        <v>454</v>
      </c>
      <c r="AL123" s="816"/>
      <c r="AM123" s="816"/>
      <c r="AN123" s="816"/>
      <c r="AO123" s="817"/>
      <c r="AP123" s="860" t="s">
        <v>448</v>
      </c>
      <c r="AQ123" s="861"/>
      <c r="AR123" s="861"/>
      <c r="AS123" s="861"/>
      <c r="AT123" s="862"/>
      <c r="AU123" s="922"/>
      <c r="AV123" s="923"/>
      <c r="AW123" s="923"/>
      <c r="AX123" s="923"/>
      <c r="AY123" s="923"/>
      <c r="AZ123" s="247" t="s">
        <v>194</v>
      </c>
      <c r="BA123" s="247"/>
      <c r="BB123" s="247"/>
      <c r="BC123" s="247"/>
      <c r="BD123" s="247"/>
      <c r="BE123" s="247"/>
      <c r="BF123" s="247"/>
      <c r="BG123" s="247"/>
      <c r="BH123" s="247"/>
      <c r="BI123" s="247"/>
      <c r="BJ123" s="247"/>
      <c r="BK123" s="247"/>
      <c r="BL123" s="247"/>
      <c r="BM123" s="247"/>
      <c r="BN123" s="247"/>
      <c r="BO123" s="913" t="s">
        <v>490</v>
      </c>
      <c r="BP123" s="914"/>
      <c r="BQ123" s="868">
        <v>4126024</v>
      </c>
      <c r="BR123" s="869"/>
      <c r="BS123" s="869"/>
      <c r="BT123" s="869"/>
      <c r="BU123" s="869"/>
      <c r="BV123" s="869">
        <v>4319358</v>
      </c>
      <c r="BW123" s="869"/>
      <c r="BX123" s="869"/>
      <c r="BY123" s="869"/>
      <c r="BZ123" s="869"/>
      <c r="CA123" s="869">
        <v>4379536</v>
      </c>
      <c r="CB123" s="869"/>
      <c r="CC123" s="869"/>
      <c r="CD123" s="869"/>
      <c r="CE123" s="869"/>
      <c r="CF123" s="784"/>
      <c r="CG123" s="785"/>
      <c r="CH123" s="785"/>
      <c r="CI123" s="785"/>
      <c r="CJ123" s="870"/>
      <c r="CK123" s="905"/>
      <c r="CL123" s="891"/>
      <c r="CM123" s="891"/>
      <c r="CN123" s="891"/>
      <c r="CO123" s="892"/>
      <c r="CP123" s="871" t="s">
        <v>491</v>
      </c>
      <c r="CQ123" s="872"/>
      <c r="CR123" s="872"/>
      <c r="CS123" s="872"/>
      <c r="CT123" s="872"/>
      <c r="CU123" s="872"/>
      <c r="CV123" s="872"/>
      <c r="CW123" s="872"/>
      <c r="CX123" s="872"/>
      <c r="CY123" s="872"/>
      <c r="CZ123" s="872"/>
      <c r="DA123" s="872"/>
      <c r="DB123" s="872"/>
      <c r="DC123" s="872"/>
      <c r="DD123" s="872"/>
      <c r="DE123" s="872"/>
      <c r="DF123" s="873"/>
      <c r="DG123" s="815" t="s">
        <v>454</v>
      </c>
      <c r="DH123" s="816"/>
      <c r="DI123" s="816"/>
      <c r="DJ123" s="816"/>
      <c r="DK123" s="817"/>
      <c r="DL123" s="818" t="s">
        <v>140</v>
      </c>
      <c r="DM123" s="816"/>
      <c r="DN123" s="816"/>
      <c r="DO123" s="816"/>
      <c r="DP123" s="817"/>
      <c r="DQ123" s="818" t="s">
        <v>454</v>
      </c>
      <c r="DR123" s="816"/>
      <c r="DS123" s="816"/>
      <c r="DT123" s="816"/>
      <c r="DU123" s="817"/>
      <c r="DV123" s="860" t="s">
        <v>454</v>
      </c>
      <c r="DW123" s="861"/>
      <c r="DX123" s="861"/>
      <c r="DY123" s="861"/>
      <c r="DZ123" s="862"/>
    </row>
    <row r="124" spans="1:130" s="226" customFormat="1" ht="26.25" customHeight="1" thickBot="1" x14ac:dyDescent="0.25">
      <c r="A124" s="856"/>
      <c r="B124" s="857"/>
      <c r="C124" s="851" t="s">
        <v>476</v>
      </c>
      <c r="D124" s="788"/>
      <c r="E124" s="788"/>
      <c r="F124" s="788"/>
      <c r="G124" s="788"/>
      <c r="H124" s="788"/>
      <c r="I124" s="788"/>
      <c r="J124" s="788"/>
      <c r="K124" s="788"/>
      <c r="L124" s="788"/>
      <c r="M124" s="788"/>
      <c r="N124" s="788"/>
      <c r="O124" s="788"/>
      <c r="P124" s="788"/>
      <c r="Q124" s="788"/>
      <c r="R124" s="788"/>
      <c r="S124" s="788"/>
      <c r="T124" s="788"/>
      <c r="U124" s="788"/>
      <c r="V124" s="788"/>
      <c r="W124" s="788"/>
      <c r="X124" s="788"/>
      <c r="Y124" s="788"/>
      <c r="Z124" s="789"/>
      <c r="AA124" s="815" t="s">
        <v>454</v>
      </c>
      <c r="AB124" s="816"/>
      <c r="AC124" s="816"/>
      <c r="AD124" s="816"/>
      <c r="AE124" s="817"/>
      <c r="AF124" s="818" t="s">
        <v>140</v>
      </c>
      <c r="AG124" s="816"/>
      <c r="AH124" s="816"/>
      <c r="AI124" s="816"/>
      <c r="AJ124" s="817"/>
      <c r="AK124" s="818" t="s">
        <v>454</v>
      </c>
      <c r="AL124" s="816"/>
      <c r="AM124" s="816"/>
      <c r="AN124" s="816"/>
      <c r="AO124" s="817"/>
      <c r="AP124" s="860" t="s">
        <v>454</v>
      </c>
      <c r="AQ124" s="861"/>
      <c r="AR124" s="861"/>
      <c r="AS124" s="861"/>
      <c r="AT124" s="862"/>
      <c r="AU124" s="863" t="s">
        <v>492</v>
      </c>
      <c r="AV124" s="864"/>
      <c r="AW124" s="864"/>
      <c r="AX124" s="864"/>
      <c r="AY124" s="864"/>
      <c r="AZ124" s="864"/>
      <c r="BA124" s="864"/>
      <c r="BB124" s="864"/>
      <c r="BC124" s="864"/>
      <c r="BD124" s="864"/>
      <c r="BE124" s="864"/>
      <c r="BF124" s="864"/>
      <c r="BG124" s="864"/>
      <c r="BH124" s="864"/>
      <c r="BI124" s="864"/>
      <c r="BJ124" s="864"/>
      <c r="BK124" s="864"/>
      <c r="BL124" s="864"/>
      <c r="BM124" s="864"/>
      <c r="BN124" s="864"/>
      <c r="BO124" s="864"/>
      <c r="BP124" s="865"/>
      <c r="BQ124" s="866">
        <v>140.1</v>
      </c>
      <c r="BR124" s="867"/>
      <c r="BS124" s="867"/>
      <c r="BT124" s="867"/>
      <c r="BU124" s="867"/>
      <c r="BV124" s="867">
        <v>106</v>
      </c>
      <c r="BW124" s="867"/>
      <c r="BX124" s="867"/>
      <c r="BY124" s="867"/>
      <c r="BZ124" s="867"/>
      <c r="CA124" s="867">
        <v>83.4</v>
      </c>
      <c r="CB124" s="867"/>
      <c r="CC124" s="867"/>
      <c r="CD124" s="867"/>
      <c r="CE124" s="867"/>
      <c r="CF124" s="762"/>
      <c r="CG124" s="763"/>
      <c r="CH124" s="763"/>
      <c r="CI124" s="763"/>
      <c r="CJ124" s="898"/>
      <c r="CK124" s="906"/>
      <c r="CL124" s="906"/>
      <c r="CM124" s="906"/>
      <c r="CN124" s="906"/>
      <c r="CO124" s="907"/>
      <c r="CP124" s="871" t="s">
        <v>493</v>
      </c>
      <c r="CQ124" s="872"/>
      <c r="CR124" s="872"/>
      <c r="CS124" s="872"/>
      <c r="CT124" s="872"/>
      <c r="CU124" s="872"/>
      <c r="CV124" s="872"/>
      <c r="CW124" s="872"/>
      <c r="CX124" s="872"/>
      <c r="CY124" s="872"/>
      <c r="CZ124" s="872"/>
      <c r="DA124" s="872"/>
      <c r="DB124" s="872"/>
      <c r="DC124" s="872"/>
      <c r="DD124" s="872"/>
      <c r="DE124" s="872"/>
      <c r="DF124" s="873"/>
      <c r="DG124" s="799" t="s">
        <v>453</v>
      </c>
      <c r="DH124" s="800"/>
      <c r="DI124" s="800"/>
      <c r="DJ124" s="800"/>
      <c r="DK124" s="801"/>
      <c r="DL124" s="802" t="s">
        <v>448</v>
      </c>
      <c r="DM124" s="800"/>
      <c r="DN124" s="800"/>
      <c r="DO124" s="800"/>
      <c r="DP124" s="801"/>
      <c r="DQ124" s="802" t="s">
        <v>448</v>
      </c>
      <c r="DR124" s="800"/>
      <c r="DS124" s="800"/>
      <c r="DT124" s="800"/>
      <c r="DU124" s="801"/>
      <c r="DV124" s="884" t="s">
        <v>448</v>
      </c>
      <c r="DW124" s="885"/>
      <c r="DX124" s="885"/>
      <c r="DY124" s="885"/>
      <c r="DZ124" s="886"/>
    </row>
    <row r="125" spans="1:130" s="226" customFormat="1" ht="26.25" customHeight="1" x14ac:dyDescent="0.2">
      <c r="A125" s="856"/>
      <c r="B125" s="857"/>
      <c r="C125" s="851" t="s">
        <v>478</v>
      </c>
      <c r="D125" s="788"/>
      <c r="E125" s="788"/>
      <c r="F125" s="788"/>
      <c r="G125" s="788"/>
      <c r="H125" s="788"/>
      <c r="I125" s="788"/>
      <c r="J125" s="788"/>
      <c r="K125" s="788"/>
      <c r="L125" s="788"/>
      <c r="M125" s="788"/>
      <c r="N125" s="788"/>
      <c r="O125" s="788"/>
      <c r="P125" s="788"/>
      <c r="Q125" s="788"/>
      <c r="R125" s="788"/>
      <c r="S125" s="788"/>
      <c r="T125" s="788"/>
      <c r="U125" s="788"/>
      <c r="V125" s="788"/>
      <c r="W125" s="788"/>
      <c r="X125" s="788"/>
      <c r="Y125" s="788"/>
      <c r="Z125" s="789"/>
      <c r="AA125" s="815" t="s">
        <v>448</v>
      </c>
      <c r="AB125" s="816"/>
      <c r="AC125" s="816"/>
      <c r="AD125" s="816"/>
      <c r="AE125" s="817"/>
      <c r="AF125" s="818" t="s">
        <v>448</v>
      </c>
      <c r="AG125" s="816"/>
      <c r="AH125" s="816"/>
      <c r="AI125" s="816"/>
      <c r="AJ125" s="817"/>
      <c r="AK125" s="818" t="s">
        <v>453</v>
      </c>
      <c r="AL125" s="816"/>
      <c r="AM125" s="816"/>
      <c r="AN125" s="816"/>
      <c r="AO125" s="817"/>
      <c r="AP125" s="860" t="s">
        <v>448</v>
      </c>
      <c r="AQ125" s="861"/>
      <c r="AR125" s="861"/>
      <c r="AS125" s="861"/>
      <c r="AT125" s="862"/>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887" t="s">
        <v>494</v>
      </c>
      <c r="CL125" s="888"/>
      <c r="CM125" s="888"/>
      <c r="CN125" s="888"/>
      <c r="CO125" s="889"/>
      <c r="CP125" s="896" t="s">
        <v>495</v>
      </c>
      <c r="CQ125" s="844"/>
      <c r="CR125" s="844"/>
      <c r="CS125" s="844"/>
      <c r="CT125" s="844"/>
      <c r="CU125" s="844"/>
      <c r="CV125" s="844"/>
      <c r="CW125" s="844"/>
      <c r="CX125" s="844"/>
      <c r="CY125" s="844"/>
      <c r="CZ125" s="844"/>
      <c r="DA125" s="844"/>
      <c r="DB125" s="844"/>
      <c r="DC125" s="844"/>
      <c r="DD125" s="844"/>
      <c r="DE125" s="844"/>
      <c r="DF125" s="845"/>
      <c r="DG125" s="897" t="s">
        <v>454</v>
      </c>
      <c r="DH125" s="878"/>
      <c r="DI125" s="878"/>
      <c r="DJ125" s="878"/>
      <c r="DK125" s="878"/>
      <c r="DL125" s="878" t="s">
        <v>454</v>
      </c>
      <c r="DM125" s="878"/>
      <c r="DN125" s="878"/>
      <c r="DO125" s="878"/>
      <c r="DP125" s="878"/>
      <c r="DQ125" s="878" t="s">
        <v>140</v>
      </c>
      <c r="DR125" s="878"/>
      <c r="DS125" s="878"/>
      <c r="DT125" s="878"/>
      <c r="DU125" s="878"/>
      <c r="DV125" s="879" t="s">
        <v>454</v>
      </c>
      <c r="DW125" s="879"/>
      <c r="DX125" s="879"/>
      <c r="DY125" s="879"/>
      <c r="DZ125" s="880"/>
    </row>
    <row r="126" spans="1:130" s="226" customFormat="1" ht="26.25" customHeight="1" thickBot="1" x14ac:dyDescent="0.25">
      <c r="A126" s="856"/>
      <c r="B126" s="857"/>
      <c r="C126" s="851" t="s">
        <v>480</v>
      </c>
      <c r="D126" s="788"/>
      <c r="E126" s="788"/>
      <c r="F126" s="788"/>
      <c r="G126" s="788"/>
      <c r="H126" s="788"/>
      <c r="I126" s="788"/>
      <c r="J126" s="788"/>
      <c r="K126" s="788"/>
      <c r="L126" s="788"/>
      <c r="M126" s="788"/>
      <c r="N126" s="788"/>
      <c r="O126" s="788"/>
      <c r="P126" s="788"/>
      <c r="Q126" s="788"/>
      <c r="R126" s="788"/>
      <c r="S126" s="788"/>
      <c r="T126" s="788"/>
      <c r="U126" s="788"/>
      <c r="V126" s="788"/>
      <c r="W126" s="788"/>
      <c r="X126" s="788"/>
      <c r="Y126" s="788"/>
      <c r="Z126" s="789"/>
      <c r="AA126" s="815" t="s">
        <v>454</v>
      </c>
      <c r="AB126" s="816"/>
      <c r="AC126" s="816"/>
      <c r="AD126" s="816"/>
      <c r="AE126" s="817"/>
      <c r="AF126" s="818" t="s">
        <v>448</v>
      </c>
      <c r="AG126" s="816"/>
      <c r="AH126" s="816"/>
      <c r="AI126" s="816"/>
      <c r="AJ126" s="817"/>
      <c r="AK126" s="818" t="s">
        <v>453</v>
      </c>
      <c r="AL126" s="816"/>
      <c r="AM126" s="816"/>
      <c r="AN126" s="816"/>
      <c r="AO126" s="817"/>
      <c r="AP126" s="860" t="s">
        <v>454</v>
      </c>
      <c r="AQ126" s="861"/>
      <c r="AR126" s="861"/>
      <c r="AS126" s="861"/>
      <c r="AT126" s="862"/>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890"/>
      <c r="CL126" s="891"/>
      <c r="CM126" s="891"/>
      <c r="CN126" s="891"/>
      <c r="CO126" s="892"/>
      <c r="CP126" s="851" t="s">
        <v>496</v>
      </c>
      <c r="CQ126" s="788"/>
      <c r="CR126" s="788"/>
      <c r="CS126" s="788"/>
      <c r="CT126" s="788"/>
      <c r="CU126" s="788"/>
      <c r="CV126" s="788"/>
      <c r="CW126" s="788"/>
      <c r="CX126" s="788"/>
      <c r="CY126" s="788"/>
      <c r="CZ126" s="788"/>
      <c r="DA126" s="788"/>
      <c r="DB126" s="788"/>
      <c r="DC126" s="788"/>
      <c r="DD126" s="788"/>
      <c r="DE126" s="788"/>
      <c r="DF126" s="789"/>
      <c r="DG126" s="852" t="s">
        <v>448</v>
      </c>
      <c r="DH126" s="853"/>
      <c r="DI126" s="853"/>
      <c r="DJ126" s="853"/>
      <c r="DK126" s="853"/>
      <c r="DL126" s="853" t="s">
        <v>448</v>
      </c>
      <c r="DM126" s="853"/>
      <c r="DN126" s="853"/>
      <c r="DO126" s="853"/>
      <c r="DP126" s="853"/>
      <c r="DQ126" s="853" t="s">
        <v>454</v>
      </c>
      <c r="DR126" s="853"/>
      <c r="DS126" s="853"/>
      <c r="DT126" s="853"/>
      <c r="DU126" s="853"/>
      <c r="DV126" s="830" t="s">
        <v>140</v>
      </c>
      <c r="DW126" s="830"/>
      <c r="DX126" s="830"/>
      <c r="DY126" s="830"/>
      <c r="DZ126" s="831"/>
    </row>
    <row r="127" spans="1:130" s="226" customFormat="1" ht="26.25" customHeight="1" x14ac:dyDescent="0.2">
      <c r="A127" s="858"/>
      <c r="B127" s="859"/>
      <c r="C127" s="874" t="s">
        <v>497</v>
      </c>
      <c r="D127" s="875"/>
      <c r="E127" s="875"/>
      <c r="F127" s="875"/>
      <c r="G127" s="875"/>
      <c r="H127" s="875"/>
      <c r="I127" s="875"/>
      <c r="J127" s="875"/>
      <c r="K127" s="875"/>
      <c r="L127" s="875"/>
      <c r="M127" s="875"/>
      <c r="N127" s="875"/>
      <c r="O127" s="875"/>
      <c r="P127" s="875"/>
      <c r="Q127" s="875"/>
      <c r="R127" s="875"/>
      <c r="S127" s="875"/>
      <c r="T127" s="875"/>
      <c r="U127" s="875"/>
      <c r="V127" s="875"/>
      <c r="W127" s="875"/>
      <c r="X127" s="875"/>
      <c r="Y127" s="875"/>
      <c r="Z127" s="876"/>
      <c r="AA127" s="815" t="s">
        <v>448</v>
      </c>
      <c r="AB127" s="816"/>
      <c r="AC127" s="816"/>
      <c r="AD127" s="816"/>
      <c r="AE127" s="817"/>
      <c r="AF127" s="818" t="s">
        <v>448</v>
      </c>
      <c r="AG127" s="816"/>
      <c r="AH127" s="816"/>
      <c r="AI127" s="816"/>
      <c r="AJ127" s="817"/>
      <c r="AK127" s="818" t="s">
        <v>454</v>
      </c>
      <c r="AL127" s="816"/>
      <c r="AM127" s="816"/>
      <c r="AN127" s="816"/>
      <c r="AO127" s="817"/>
      <c r="AP127" s="860" t="s">
        <v>448</v>
      </c>
      <c r="AQ127" s="861"/>
      <c r="AR127" s="861"/>
      <c r="AS127" s="861"/>
      <c r="AT127" s="862"/>
      <c r="AU127" s="228"/>
      <c r="AV127" s="228"/>
      <c r="AW127" s="228"/>
      <c r="AX127" s="877" t="s">
        <v>498</v>
      </c>
      <c r="AY127" s="848"/>
      <c r="AZ127" s="848"/>
      <c r="BA127" s="848"/>
      <c r="BB127" s="848"/>
      <c r="BC127" s="848"/>
      <c r="BD127" s="848"/>
      <c r="BE127" s="849"/>
      <c r="BF127" s="847" t="s">
        <v>499</v>
      </c>
      <c r="BG127" s="848"/>
      <c r="BH127" s="848"/>
      <c r="BI127" s="848"/>
      <c r="BJ127" s="848"/>
      <c r="BK127" s="848"/>
      <c r="BL127" s="849"/>
      <c r="BM127" s="847" t="s">
        <v>500</v>
      </c>
      <c r="BN127" s="848"/>
      <c r="BO127" s="848"/>
      <c r="BP127" s="848"/>
      <c r="BQ127" s="848"/>
      <c r="BR127" s="848"/>
      <c r="BS127" s="849"/>
      <c r="BT127" s="847" t="s">
        <v>501</v>
      </c>
      <c r="BU127" s="848"/>
      <c r="BV127" s="848"/>
      <c r="BW127" s="848"/>
      <c r="BX127" s="848"/>
      <c r="BY127" s="848"/>
      <c r="BZ127" s="850"/>
      <c r="CA127" s="228"/>
      <c r="CB127" s="228"/>
      <c r="CC127" s="228"/>
      <c r="CD127" s="251"/>
      <c r="CE127" s="251"/>
      <c r="CF127" s="251"/>
      <c r="CG127" s="228"/>
      <c r="CH127" s="228"/>
      <c r="CI127" s="228"/>
      <c r="CJ127" s="250"/>
      <c r="CK127" s="890"/>
      <c r="CL127" s="891"/>
      <c r="CM127" s="891"/>
      <c r="CN127" s="891"/>
      <c r="CO127" s="892"/>
      <c r="CP127" s="851" t="s">
        <v>502</v>
      </c>
      <c r="CQ127" s="788"/>
      <c r="CR127" s="788"/>
      <c r="CS127" s="788"/>
      <c r="CT127" s="788"/>
      <c r="CU127" s="788"/>
      <c r="CV127" s="788"/>
      <c r="CW127" s="788"/>
      <c r="CX127" s="788"/>
      <c r="CY127" s="788"/>
      <c r="CZ127" s="788"/>
      <c r="DA127" s="788"/>
      <c r="DB127" s="788"/>
      <c r="DC127" s="788"/>
      <c r="DD127" s="788"/>
      <c r="DE127" s="788"/>
      <c r="DF127" s="789"/>
      <c r="DG127" s="852" t="s">
        <v>448</v>
      </c>
      <c r="DH127" s="853"/>
      <c r="DI127" s="853"/>
      <c r="DJ127" s="853"/>
      <c r="DK127" s="853"/>
      <c r="DL127" s="853" t="s">
        <v>454</v>
      </c>
      <c r="DM127" s="853"/>
      <c r="DN127" s="853"/>
      <c r="DO127" s="853"/>
      <c r="DP127" s="853"/>
      <c r="DQ127" s="853" t="s">
        <v>454</v>
      </c>
      <c r="DR127" s="853"/>
      <c r="DS127" s="853"/>
      <c r="DT127" s="853"/>
      <c r="DU127" s="853"/>
      <c r="DV127" s="830" t="s">
        <v>448</v>
      </c>
      <c r="DW127" s="830"/>
      <c r="DX127" s="830"/>
      <c r="DY127" s="830"/>
      <c r="DZ127" s="831"/>
    </row>
    <row r="128" spans="1:130" s="226" customFormat="1" ht="26.25" customHeight="1" thickBot="1" x14ac:dyDescent="0.25">
      <c r="A128" s="832" t="s">
        <v>503</v>
      </c>
      <c r="B128" s="833"/>
      <c r="C128" s="833"/>
      <c r="D128" s="833"/>
      <c r="E128" s="833"/>
      <c r="F128" s="833"/>
      <c r="G128" s="833"/>
      <c r="H128" s="833"/>
      <c r="I128" s="833"/>
      <c r="J128" s="833"/>
      <c r="K128" s="833"/>
      <c r="L128" s="833"/>
      <c r="M128" s="833"/>
      <c r="N128" s="833"/>
      <c r="O128" s="833"/>
      <c r="P128" s="833"/>
      <c r="Q128" s="833"/>
      <c r="R128" s="833"/>
      <c r="S128" s="833"/>
      <c r="T128" s="833"/>
      <c r="U128" s="833"/>
      <c r="V128" s="833"/>
      <c r="W128" s="834" t="s">
        <v>504</v>
      </c>
      <c r="X128" s="834"/>
      <c r="Y128" s="834"/>
      <c r="Z128" s="835"/>
      <c r="AA128" s="836">
        <v>5268</v>
      </c>
      <c r="AB128" s="837"/>
      <c r="AC128" s="837"/>
      <c r="AD128" s="837"/>
      <c r="AE128" s="838"/>
      <c r="AF128" s="839">
        <v>5332</v>
      </c>
      <c r="AG128" s="837"/>
      <c r="AH128" s="837"/>
      <c r="AI128" s="837"/>
      <c r="AJ128" s="838"/>
      <c r="AK128" s="839">
        <v>5944</v>
      </c>
      <c r="AL128" s="837"/>
      <c r="AM128" s="837"/>
      <c r="AN128" s="837"/>
      <c r="AO128" s="838"/>
      <c r="AP128" s="840"/>
      <c r="AQ128" s="841"/>
      <c r="AR128" s="841"/>
      <c r="AS128" s="841"/>
      <c r="AT128" s="842"/>
      <c r="AU128" s="228"/>
      <c r="AV128" s="228"/>
      <c r="AW128" s="228"/>
      <c r="AX128" s="843" t="s">
        <v>505</v>
      </c>
      <c r="AY128" s="844"/>
      <c r="AZ128" s="844"/>
      <c r="BA128" s="844"/>
      <c r="BB128" s="844"/>
      <c r="BC128" s="844"/>
      <c r="BD128" s="844"/>
      <c r="BE128" s="845"/>
      <c r="BF128" s="822" t="s">
        <v>400</v>
      </c>
      <c r="BG128" s="823"/>
      <c r="BH128" s="823"/>
      <c r="BI128" s="823"/>
      <c r="BJ128" s="823"/>
      <c r="BK128" s="823"/>
      <c r="BL128" s="846"/>
      <c r="BM128" s="822">
        <v>15</v>
      </c>
      <c r="BN128" s="823"/>
      <c r="BO128" s="823"/>
      <c r="BP128" s="823"/>
      <c r="BQ128" s="823"/>
      <c r="BR128" s="823"/>
      <c r="BS128" s="846"/>
      <c r="BT128" s="822">
        <v>20</v>
      </c>
      <c r="BU128" s="823"/>
      <c r="BV128" s="823"/>
      <c r="BW128" s="823"/>
      <c r="BX128" s="823"/>
      <c r="BY128" s="823"/>
      <c r="BZ128" s="824"/>
      <c r="CA128" s="251"/>
      <c r="CB128" s="251"/>
      <c r="CC128" s="251"/>
      <c r="CD128" s="251"/>
      <c r="CE128" s="251"/>
      <c r="CF128" s="251"/>
      <c r="CG128" s="228"/>
      <c r="CH128" s="228"/>
      <c r="CI128" s="228"/>
      <c r="CJ128" s="250"/>
      <c r="CK128" s="893"/>
      <c r="CL128" s="894"/>
      <c r="CM128" s="894"/>
      <c r="CN128" s="894"/>
      <c r="CO128" s="895"/>
      <c r="CP128" s="825" t="s">
        <v>506</v>
      </c>
      <c r="CQ128" s="766"/>
      <c r="CR128" s="766"/>
      <c r="CS128" s="766"/>
      <c r="CT128" s="766"/>
      <c r="CU128" s="766"/>
      <c r="CV128" s="766"/>
      <c r="CW128" s="766"/>
      <c r="CX128" s="766"/>
      <c r="CY128" s="766"/>
      <c r="CZ128" s="766"/>
      <c r="DA128" s="766"/>
      <c r="DB128" s="766"/>
      <c r="DC128" s="766"/>
      <c r="DD128" s="766"/>
      <c r="DE128" s="766"/>
      <c r="DF128" s="767"/>
      <c r="DG128" s="826" t="s">
        <v>507</v>
      </c>
      <c r="DH128" s="827"/>
      <c r="DI128" s="827"/>
      <c r="DJ128" s="827"/>
      <c r="DK128" s="827"/>
      <c r="DL128" s="827" t="s">
        <v>140</v>
      </c>
      <c r="DM128" s="827"/>
      <c r="DN128" s="827"/>
      <c r="DO128" s="827"/>
      <c r="DP128" s="827"/>
      <c r="DQ128" s="827" t="s">
        <v>459</v>
      </c>
      <c r="DR128" s="827"/>
      <c r="DS128" s="827"/>
      <c r="DT128" s="827"/>
      <c r="DU128" s="827"/>
      <c r="DV128" s="828" t="s">
        <v>452</v>
      </c>
      <c r="DW128" s="828"/>
      <c r="DX128" s="828"/>
      <c r="DY128" s="828"/>
      <c r="DZ128" s="829"/>
    </row>
    <row r="129" spans="1:131" s="226" customFormat="1" ht="26.25" customHeight="1" x14ac:dyDescent="0.2">
      <c r="A129" s="810" t="s">
        <v>108</v>
      </c>
      <c r="B129" s="811"/>
      <c r="C129" s="811"/>
      <c r="D129" s="811"/>
      <c r="E129" s="811"/>
      <c r="F129" s="811"/>
      <c r="G129" s="811"/>
      <c r="H129" s="811"/>
      <c r="I129" s="811"/>
      <c r="J129" s="811"/>
      <c r="K129" s="811"/>
      <c r="L129" s="811"/>
      <c r="M129" s="811"/>
      <c r="N129" s="811"/>
      <c r="O129" s="811"/>
      <c r="P129" s="811"/>
      <c r="Q129" s="811"/>
      <c r="R129" s="811"/>
      <c r="S129" s="811"/>
      <c r="T129" s="811"/>
      <c r="U129" s="811"/>
      <c r="V129" s="811"/>
      <c r="W129" s="812" t="s">
        <v>508</v>
      </c>
      <c r="X129" s="813"/>
      <c r="Y129" s="813"/>
      <c r="Z129" s="814"/>
      <c r="AA129" s="815">
        <v>2289017</v>
      </c>
      <c r="AB129" s="816"/>
      <c r="AC129" s="816"/>
      <c r="AD129" s="816"/>
      <c r="AE129" s="817"/>
      <c r="AF129" s="818">
        <v>2501157</v>
      </c>
      <c r="AG129" s="816"/>
      <c r="AH129" s="816"/>
      <c r="AI129" s="816"/>
      <c r="AJ129" s="817"/>
      <c r="AK129" s="818">
        <v>2467769</v>
      </c>
      <c r="AL129" s="816"/>
      <c r="AM129" s="816"/>
      <c r="AN129" s="816"/>
      <c r="AO129" s="817"/>
      <c r="AP129" s="819"/>
      <c r="AQ129" s="820"/>
      <c r="AR129" s="820"/>
      <c r="AS129" s="820"/>
      <c r="AT129" s="821"/>
      <c r="AU129" s="229"/>
      <c r="AV129" s="229"/>
      <c r="AW129" s="229"/>
      <c r="AX129" s="787" t="s">
        <v>509</v>
      </c>
      <c r="AY129" s="788"/>
      <c r="AZ129" s="788"/>
      <c r="BA129" s="788"/>
      <c r="BB129" s="788"/>
      <c r="BC129" s="788"/>
      <c r="BD129" s="788"/>
      <c r="BE129" s="789"/>
      <c r="BF129" s="806" t="s">
        <v>140</v>
      </c>
      <c r="BG129" s="807"/>
      <c r="BH129" s="807"/>
      <c r="BI129" s="807"/>
      <c r="BJ129" s="807"/>
      <c r="BK129" s="807"/>
      <c r="BL129" s="808"/>
      <c r="BM129" s="806">
        <v>20</v>
      </c>
      <c r="BN129" s="807"/>
      <c r="BO129" s="807"/>
      <c r="BP129" s="807"/>
      <c r="BQ129" s="807"/>
      <c r="BR129" s="807"/>
      <c r="BS129" s="808"/>
      <c r="BT129" s="806">
        <v>30</v>
      </c>
      <c r="BU129" s="807"/>
      <c r="BV129" s="807"/>
      <c r="BW129" s="807"/>
      <c r="BX129" s="807"/>
      <c r="BY129" s="807"/>
      <c r="BZ129" s="809"/>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810" t="s">
        <v>510</v>
      </c>
      <c r="B130" s="811"/>
      <c r="C130" s="811"/>
      <c r="D130" s="811"/>
      <c r="E130" s="811"/>
      <c r="F130" s="811"/>
      <c r="G130" s="811"/>
      <c r="H130" s="811"/>
      <c r="I130" s="811"/>
      <c r="J130" s="811"/>
      <c r="K130" s="811"/>
      <c r="L130" s="811"/>
      <c r="M130" s="811"/>
      <c r="N130" s="811"/>
      <c r="O130" s="811"/>
      <c r="P130" s="811"/>
      <c r="Q130" s="811"/>
      <c r="R130" s="811"/>
      <c r="S130" s="811"/>
      <c r="T130" s="811"/>
      <c r="U130" s="811"/>
      <c r="V130" s="811"/>
      <c r="W130" s="812" t="s">
        <v>511</v>
      </c>
      <c r="X130" s="813"/>
      <c r="Y130" s="813"/>
      <c r="Z130" s="814"/>
      <c r="AA130" s="815">
        <v>306037</v>
      </c>
      <c r="AB130" s="816"/>
      <c r="AC130" s="816"/>
      <c r="AD130" s="816"/>
      <c r="AE130" s="817"/>
      <c r="AF130" s="818">
        <v>319221</v>
      </c>
      <c r="AG130" s="816"/>
      <c r="AH130" s="816"/>
      <c r="AI130" s="816"/>
      <c r="AJ130" s="817"/>
      <c r="AK130" s="818">
        <v>320463</v>
      </c>
      <c r="AL130" s="816"/>
      <c r="AM130" s="816"/>
      <c r="AN130" s="816"/>
      <c r="AO130" s="817"/>
      <c r="AP130" s="819"/>
      <c r="AQ130" s="820"/>
      <c r="AR130" s="820"/>
      <c r="AS130" s="820"/>
      <c r="AT130" s="821"/>
      <c r="AU130" s="229"/>
      <c r="AV130" s="229"/>
      <c r="AW130" s="229"/>
      <c r="AX130" s="787" t="s">
        <v>512</v>
      </c>
      <c r="AY130" s="788"/>
      <c r="AZ130" s="788"/>
      <c r="BA130" s="788"/>
      <c r="BB130" s="788"/>
      <c r="BC130" s="788"/>
      <c r="BD130" s="788"/>
      <c r="BE130" s="789"/>
      <c r="BF130" s="790">
        <v>12.4</v>
      </c>
      <c r="BG130" s="791"/>
      <c r="BH130" s="791"/>
      <c r="BI130" s="791"/>
      <c r="BJ130" s="791"/>
      <c r="BK130" s="791"/>
      <c r="BL130" s="792"/>
      <c r="BM130" s="790">
        <v>25</v>
      </c>
      <c r="BN130" s="791"/>
      <c r="BO130" s="791"/>
      <c r="BP130" s="791"/>
      <c r="BQ130" s="791"/>
      <c r="BR130" s="791"/>
      <c r="BS130" s="792"/>
      <c r="BT130" s="790">
        <v>35</v>
      </c>
      <c r="BU130" s="791"/>
      <c r="BV130" s="791"/>
      <c r="BW130" s="791"/>
      <c r="BX130" s="791"/>
      <c r="BY130" s="791"/>
      <c r="BZ130" s="793"/>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794"/>
      <c r="B131" s="795"/>
      <c r="C131" s="795"/>
      <c r="D131" s="795"/>
      <c r="E131" s="795"/>
      <c r="F131" s="795"/>
      <c r="G131" s="795"/>
      <c r="H131" s="795"/>
      <c r="I131" s="795"/>
      <c r="J131" s="795"/>
      <c r="K131" s="795"/>
      <c r="L131" s="795"/>
      <c r="M131" s="795"/>
      <c r="N131" s="795"/>
      <c r="O131" s="795"/>
      <c r="P131" s="795"/>
      <c r="Q131" s="795"/>
      <c r="R131" s="795"/>
      <c r="S131" s="795"/>
      <c r="T131" s="795"/>
      <c r="U131" s="795"/>
      <c r="V131" s="795"/>
      <c r="W131" s="796" t="s">
        <v>513</v>
      </c>
      <c r="X131" s="797"/>
      <c r="Y131" s="797"/>
      <c r="Z131" s="798"/>
      <c r="AA131" s="799">
        <v>1982980</v>
      </c>
      <c r="AB131" s="800"/>
      <c r="AC131" s="800"/>
      <c r="AD131" s="800"/>
      <c r="AE131" s="801"/>
      <c r="AF131" s="802">
        <v>2181936</v>
      </c>
      <c r="AG131" s="800"/>
      <c r="AH131" s="800"/>
      <c r="AI131" s="800"/>
      <c r="AJ131" s="801"/>
      <c r="AK131" s="802">
        <v>2147306</v>
      </c>
      <c r="AL131" s="800"/>
      <c r="AM131" s="800"/>
      <c r="AN131" s="800"/>
      <c r="AO131" s="801"/>
      <c r="AP131" s="803"/>
      <c r="AQ131" s="804"/>
      <c r="AR131" s="804"/>
      <c r="AS131" s="804"/>
      <c r="AT131" s="805"/>
      <c r="AU131" s="229"/>
      <c r="AV131" s="229"/>
      <c r="AW131" s="229"/>
      <c r="AX131" s="765" t="s">
        <v>514</v>
      </c>
      <c r="AY131" s="766"/>
      <c r="AZ131" s="766"/>
      <c r="BA131" s="766"/>
      <c r="BB131" s="766"/>
      <c r="BC131" s="766"/>
      <c r="BD131" s="766"/>
      <c r="BE131" s="767"/>
      <c r="BF131" s="768">
        <v>83.4</v>
      </c>
      <c r="BG131" s="769"/>
      <c r="BH131" s="769"/>
      <c r="BI131" s="769"/>
      <c r="BJ131" s="769"/>
      <c r="BK131" s="769"/>
      <c r="BL131" s="770"/>
      <c r="BM131" s="768">
        <v>350</v>
      </c>
      <c r="BN131" s="769"/>
      <c r="BO131" s="769"/>
      <c r="BP131" s="769"/>
      <c r="BQ131" s="769"/>
      <c r="BR131" s="769"/>
      <c r="BS131" s="770"/>
      <c r="BT131" s="771"/>
      <c r="BU131" s="772"/>
      <c r="BV131" s="772"/>
      <c r="BW131" s="772"/>
      <c r="BX131" s="772"/>
      <c r="BY131" s="772"/>
      <c r="BZ131" s="773"/>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774" t="s">
        <v>515</v>
      </c>
      <c r="B132" s="775"/>
      <c r="C132" s="775"/>
      <c r="D132" s="775"/>
      <c r="E132" s="775"/>
      <c r="F132" s="775"/>
      <c r="G132" s="775"/>
      <c r="H132" s="775"/>
      <c r="I132" s="775"/>
      <c r="J132" s="775"/>
      <c r="K132" s="775"/>
      <c r="L132" s="775"/>
      <c r="M132" s="775"/>
      <c r="N132" s="775"/>
      <c r="O132" s="775"/>
      <c r="P132" s="775"/>
      <c r="Q132" s="775"/>
      <c r="R132" s="775"/>
      <c r="S132" s="775"/>
      <c r="T132" s="775"/>
      <c r="U132" s="775"/>
      <c r="V132" s="778" t="s">
        <v>516</v>
      </c>
      <c r="W132" s="778"/>
      <c r="X132" s="778"/>
      <c r="Y132" s="778"/>
      <c r="Z132" s="779"/>
      <c r="AA132" s="780">
        <v>12.59422687</v>
      </c>
      <c r="AB132" s="781"/>
      <c r="AC132" s="781"/>
      <c r="AD132" s="781"/>
      <c r="AE132" s="782"/>
      <c r="AF132" s="783">
        <v>12.06318609</v>
      </c>
      <c r="AG132" s="781"/>
      <c r="AH132" s="781"/>
      <c r="AI132" s="781"/>
      <c r="AJ132" s="782"/>
      <c r="AK132" s="783">
        <v>12.651806499999999</v>
      </c>
      <c r="AL132" s="781"/>
      <c r="AM132" s="781"/>
      <c r="AN132" s="781"/>
      <c r="AO132" s="782"/>
      <c r="AP132" s="784"/>
      <c r="AQ132" s="785"/>
      <c r="AR132" s="785"/>
      <c r="AS132" s="785"/>
      <c r="AT132" s="786"/>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776"/>
      <c r="B133" s="777"/>
      <c r="C133" s="777"/>
      <c r="D133" s="777"/>
      <c r="E133" s="777"/>
      <c r="F133" s="777"/>
      <c r="G133" s="777"/>
      <c r="H133" s="777"/>
      <c r="I133" s="777"/>
      <c r="J133" s="777"/>
      <c r="K133" s="777"/>
      <c r="L133" s="777"/>
      <c r="M133" s="777"/>
      <c r="N133" s="777"/>
      <c r="O133" s="777"/>
      <c r="P133" s="777"/>
      <c r="Q133" s="777"/>
      <c r="R133" s="777"/>
      <c r="S133" s="777"/>
      <c r="T133" s="777"/>
      <c r="U133" s="777"/>
      <c r="V133" s="757" t="s">
        <v>517</v>
      </c>
      <c r="W133" s="757"/>
      <c r="X133" s="757"/>
      <c r="Y133" s="757"/>
      <c r="Z133" s="758"/>
      <c r="AA133" s="759">
        <v>11.9</v>
      </c>
      <c r="AB133" s="760"/>
      <c r="AC133" s="760"/>
      <c r="AD133" s="760"/>
      <c r="AE133" s="761"/>
      <c r="AF133" s="759">
        <v>12</v>
      </c>
      <c r="AG133" s="760"/>
      <c r="AH133" s="760"/>
      <c r="AI133" s="760"/>
      <c r="AJ133" s="761"/>
      <c r="AK133" s="759">
        <v>12.4</v>
      </c>
      <c r="AL133" s="760"/>
      <c r="AM133" s="760"/>
      <c r="AN133" s="760"/>
      <c r="AO133" s="761"/>
      <c r="AP133" s="762"/>
      <c r="AQ133" s="763"/>
      <c r="AR133" s="763"/>
      <c r="AS133" s="763"/>
      <c r="AT133" s="764"/>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pV+qKWbpTgmCazVtIZnWtkY5j1fsockGvzzwGaUHC2qnKZy012gSXYuZIZ3dfrAH6/FPj+IiKOWfz/JbW2UYZQ==" saltValue="AX/oS0u0C9w8J4bLsPOq3A=="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256" customWidth="1"/>
    <col min="121" max="121" width="0" style="255" hidden="1" customWidth="1"/>
    <col min="122" max="16384" width="9" style="255" hidden="1"/>
  </cols>
  <sheetData>
    <row r="1" spans="1:120" ht="13"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5"/>
    </row>
    <row r="17" spans="119:120" ht="13" x14ac:dyDescent="0.2">
      <c r="DP17" s="255"/>
    </row>
    <row r="18" spans="119:120" ht="13" x14ac:dyDescent="0.2"/>
    <row r="19" spans="119:120" ht="13" x14ac:dyDescent="0.2"/>
    <row r="20" spans="119:120" ht="13" x14ac:dyDescent="0.2">
      <c r="DO20" s="255"/>
      <c r="DP20" s="255"/>
    </row>
    <row r="21" spans="119:120" ht="13" x14ac:dyDescent="0.2">
      <c r="DP21" s="255"/>
    </row>
    <row r="22" spans="119:120" ht="13" x14ac:dyDescent="0.2"/>
    <row r="23" spans="119:120" ht="13" x14ac:dyDescent="0.2">
      <c r="DO23" s="255"/>
      <c r="DP23" s="255"/>
    </row>
    <row r="24" spans="119:120" ht="13" x14ac:dyDescent="0.2">
      <c r="DP24" s="255"/>
    </row>
    <row r="25" spans="119:120" ht="13" x14ac:dyDescent="0.2">
      <c r="DP25" s="255"/>
    </row>
    <row r="26" spans="119:120" ht="13" x14ac:dyDescent="0.2">
      <c r="DO26" s="255"/>
      <c r="DP26" s="255"/>
    </row>
    <row r="27" spans="119:120" ht="13" x14ac:dyDescent="0.2"/>
    <row r="28" spans="119:120" ht="13" x14ac:dyDescent="0.2">
      <c r="DO28" s="255"/>
      <c r="DP28" s="255"/>
    </row>
    <row r="29" spans="119:120" ht="13" x14ac:dyDescent="0.2">
      <c r="DP29" s="255"/>
    </row>
    <row r="30" spans="119:120" ht="13" x14ac:dyDescent="0.2"/>
    <row r="31" spans="119:120" ht="13" x14ac:dyDescent="0.2">
      <c r="DO31" s="255"/>
      <c r="DP31" s="255"/>
    </row>
    <row r="32" spans="119:120" ht="13" x14ac:dyDescent="0.2"/>
    <row r="33" spans="98:120" ht="13" x14ac:dyDescent="0.2">
      <c r="DO33" s="255"/>
      <c r="DP33" s="255"/>
    </row>
    <row r="34" spans="98:120" ht="13" x14ac:dyDescent="0.2">
      <c r="DM34" s="255"/>
    </row>
    <row r="35" spans="98:120" ht="13" x14ac:dyDescent="0.2">
      <c r="CT35" s="255"/>
      <c r="CU35" s="255"/>
      <c r="CV35" s="255"/>
      <c r="CY35" s="255"/>
      <c r="CZ35" s="255"/>
      <c r="DA35" s="255"/>
      <c r="DD35" s="255"/>
      <c r="DE35" s="255"/>
      <c r="DF35" s="255"/>
      <c r="DI35" s="255"/>
      <c r="DJ35" s="255"/>
      <c r="DK35" s="255"/>
      <c r="DM35" s="255"/>
      <c r="DN35" s="255"/>
      <c r="DO35" s="255"/>
      <c r="DP35" s="255"/>
    </row>
    <row r="36" spans="98:120" ht="13" x14ac:dyDescent="0.2"/>
    <row r="37" spans="98:120" ht="13" x14ac:dyDescent="0.2">
      <c r="CW37" s="255"/>
      <c r="DB37" s="255"/>
      <c r="DG37" s="255"/>
      <c r="DL37" s="255"/>
      <c r="DP37" s="255"/>
    </row>
    <row r="38" spans="98:120" ht="13"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5"/>
      <c r="DO49" s="255"/>
      <c r="DP49" s="255"/>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5"/>
      <c r="CS63" s="255"/>
      <c r="CX63" s="255"/>
      <c r="DC63" s="255"/>
      <c r="DH63" s="255"/>
    </row>
    <row r="64" spans="22:120" ht="13" x14ac:dyDescent="0.2">
      <c r="V64" s="255"/>
    </row>
    <row r="65" spans="15:120" ht="13"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 x14ac:dyDescent="0.2">
      <c r="Q66" s="255"/>
      <c r="S66" s="255"/>
      <c r="U66" s="255"/>
      <c r="DM66" s="255"/>
    </row>
    <row r="67" spans="15:120" ht="13"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 x14ac:dyDescent="0.2"/>
    <row r="69" spans="15:120" ht="13" x14ac:dyDescent="0.2"/>
    <row r="70" spans="15:120" ht="13" x14ac:dyDescent="0.2"/>
    <row r="71" spans="15:120" ht="13" x14ac:dyDescent="0.2"/>
    <row r="72" spans="15:120" ht="13" x14ac:dyDescent="0.2">
      <c r="DP72" s="255"/>
    </row>
    <row r="73" spans="15:120" ht="13" x14ac:dyDescent="0.2">
      <c r="DP73" s="255"/>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5"/>
      <c r="CX96" s="255"/>
      <c r="DC96" s="255"/>
      <c r="DH96" s="255"/>
    </row>
    <row r="97" spans="24:120" ht="13" x14ac:dyDescent="0.2">
      <c r="CS97" s="255"/>
      <c r="CX97" s="255"/>
      <c r="DC97" s="255"/>
      <c r="DH97" s="255"/>
      <c r="DP97" s="256" t="s">
        <v>518</v>
      </c>
    </row>
    <row r="98" spans="24:120" ht="13" hidden="1" x14ac:dyDescent="0.2">
      <c r="CS98" s="255"/>
      <c r="CX98" s="255"/>
      <c r="DC98" s="255"/>
      <c r="DH98" s="255"/>
    </row>
    <row r="99" spans="24:120" ht="13"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 hidden="1" x14ac:dyDescent="0.2">
      <c r="CT103" s="255"/>
      <c r="CV103" s="255"/>
      <c r="CW103" s="255"/>
      <c r="CY103" s="255"/>
      <c r="DA103" s="255"/>
      <c r="DB103" s="255"/>
      <c r="DD103" s="255"/>
      <c r="DF103" s="255"/>
      <c r="DG103" s="255"/>
      <c r="DI103" s="255"/>
      <c r="DK103" s="255"/>
      <c r="DL103" s="255"/>
      <c r="DM103" s="255"/>
      <c r="DN103" s="255"/>
      <c r="DO103" s="255"/>
      <c r="DP103" s="255"/>
    </row>
    <row r="104" spans="24:120" ht="13"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8qbHQQdUwdqE9RHKJ9W7VbEypilIaJvtcqcn7bdL6mnXpJ1obcZj1O5Vb/lLtyayfSiCycMXyAbunUHF5Ui1zA==" saltValue="KORTjdnkQqWzhNCDNABwJ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56" customWidth="1"/>
    <col min="117" max="16384" width="9" style="255" hidden="1"/>
  </cols>
  <sheetData>
    <row r="1" spans="2:116" ht="13"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 x14ac:dyDescent="0.2"/>
    <row r="3" spans="2:116" ht="13" x14ac:dyDescent="0.2"/>
    <row r="4" spans="2:116" ht="13"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 x14ac:dyDescent="0.2"/>
    <row r="20" spans="9:116" ht="13" x14ac:dyDescent="0.2"/>
    <row r="21" spans="9:116" ht="13" x14ac:dyDescent="0.2">
      <c r="DL21" s="255"/>
    </row>
    <row r="22" spans="9:116" ht="13" x14ac:dyDescent="0.2">
      <c r="DI22" s="255"/>
      <c r="DJ22" s="255"/>
      <c r="DK22" s="255"/>
      <c r="DL22" s="255"/>
    </row>
    <row r="23" spans="9:116" ht="13" x14ac:dyDescent="0.2">
      <c r="CY23" s="255"/>
      <c r="CZ23" s="255"/>
      <c r="DA23" s="255"/>
      <c r="DB23" s="255"/>
      <c r="DC23" s="255"/>
      <c r="DD23" s="255"/>
      <c r="DE23" s="255"/>
      <c r="DF23" s="255"/>
      <c r="DG23" s="255"/>
      <c r="DH23" s="255"/>
      <c r="DI23" s="255"/>
      <c r="DJ23" s="255"/>
      <c r="DK23" s="255"/>
      <c r="DL23" s="255"/>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5"/>
      <c r="DA35" s="255"/>
      <c r="DB35" s="255"/>
      <c r="DC35" s="255"/>
      <c r="DD35" s="255"/>
      <c r="DE35" s="255"/>
      <c r="DF35" s="255"/>
      <c r="DG35" s="255"/>
      <c r="DH35" s="255"/>
      <c r="DI35" s="255"/>
      <c r="DJ35" s="255"/>
      <c r="DK35" s="255"/>
      <c r="DL35" s="255"/>
    </row>
    <row r="36" spans="15:116" ht="13" x14ac:dyDescent="0.2"/>
    <row r="37" spans="15:116" ht="13" x14ac:dyDescent="0.2">
      <c r="DL37" s="255"/>
    </row>
    <row r="38" spans="15:116" ht="13" x14ac:dyDescent="0.2">
      <c r="DI38" s="255"/>
      <c r="DJ38" s="255"/>
      <c r="DK38" s="255"/>
      <c r="DL38" s="255"/>
    </row>
    <row r="39" spans="15:116" ht="13" x14ac:dyDescent="0.2"/>
    <row r="40" spans="15:116" ht="13" x14ac:dyDescent="0.2"/>
    <row r="41" spans="15:116" ht="13" x14ac:dyDescent="0.2"/>
    <row r="42" spans="15:116" ht="13" x14ac:dyDescent="0.2"/>
    <row r="43" spans="15:116" ht="13"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 x14ac:dyDescent="0.2">
      <c r="DL44" s="255"/>
    </row>
    <row r="45" spans="15:116" ht="13" x14ac:dyDescent="0.2"/>
    <row r="46" spans="15:116" ht="13" x14ac:dyDescent="0.2">
      <c r="DA46" s="255"/>
      <c r="DB46" s="255"/>
      <c r="DC46" s="255"/>
      <c r="DD46" s="255"/>
      <c r="DE46" s="255"/>
      <c r="DF46" s="255"/>
      <c r="DG46" s="255"/>
      <c r="DH46" s="255"/>
      <c r="DI46" s="255"/>
      <c r="DJ46" s="255"/>
      <c r="DK46" s="255"/>
      <c r="DL46" s="255"/>
    </row>
    <row r="47" spans="15:116" ht="13" x14ac:dyDescent="0.2"/>
    <row r="48" spans="15:116" ht="13" x14ac:dyDescent="0.2"/>
    <row r="49" spans="104:116" ht="13" x14ac:dyDescent="0.2"/>
    <row r="50" spans="104:116" ht="13" x14ac:dyDescent="0.2">
      <c r="CZ50" s="255"/>
      <c r="DA50" s="255"/>
      <c r="DB50" s="255"/>
      <c r="DC50" s="255"/>
      <c r="DD50" s="255"/>
      <c r="DE50" s="255"/>
      <c r="DF50" s="255"/>
      <c r="DG50" s="255"/>
      <c r="DH50" s="255"/>
      <c r="DI50" s="255"/>
      <c r="DJ50" s="255"/>
      <c r="DK50" s="255"/>
      <c r="DL50" s="255"/>
    </row>
    <row r="51" spans="104:116" ht="13" x14ac:dyDescent="0.2"/>
    <row r="52" spans="104:116" ht="13" x14ac:dyDescent="0.2"/>
    <row r="53" spans="104:116" ht="13" x14ac:dyDescent="0.2">
      <c r="DL53" s="255"/>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5"/>
      <c r="DD67" s="255"/>
      <c r="DE67" s="255"/>
      <c r="DF67" s="255"/>
      <c r="DG67" s="255"/>
      <c r="DH67" s="255"/>
      <c r="DI67" s="255"/>
      <c r="DJ67" s="255"/>
      <c r="DK67" s="255"/>
      <c r="DL67" s="255"/>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xlZqLhPGvRI8uo65VGVO7gBTxTBj+QbxjbiKtmbmYOK2gZ2Q0M+WAaw2v3BBoKwts5oZAab6/SvpBuFwpIiqdQ==" saltValue="qy67v8H+TqOdpC4T3O37MQ=="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57" customWidth="1"/>
    <col min="37" max="44" width="17" style="257" customWidth="1"/>
    <col min="45" max="45" width="6.08984375" style="264" customWidth="1"/>
    <col min="46" max="46" width="3" style="262" customWidth="1"/>
    <col min="47" max="47" width="19.08984375" style="257" hidden="1" customWidth="1"/>
    <col min="48" max="52" width="12.6328125" style="257" hidden="1" customWidth="1"/>
    <col min="53" max="16384" width="8.6328125" style="257" hidden="1"/>
  </cols>
  <sheetData>
    <row r="1" spans="1:46" ht="13" x14ac:dyDescent="0.2">
      <c r="AS1" s="258"/>
      <c r="AT1" s="258"/>
    </row>
    <row r="2" spans="1:46" ht="13" x14ac:dyDescent="0.2">
      <c r="AS2" s="258"/>
      <c r="AT2" s="258"/>
    </row>
    <row r="3" spans="1:46" ht="13" x14ac:dyDescent="0.2">
      <c r="AS3" s="258"/>
      <c r="AT3" s="258"/>
    </row>
    <row r="4" spans="1:46" ht="13" x14ac:dyDescent="0.2">
      <c r="AS4" s="258"/>
      <c r="AT4" s="258"/>
    </row>
    <row r="5" spans="1:46" ht="16.5" x14ac:dyDescent="0.2">
      <c r="A5" s="259" t="s">
        <v>519</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20</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54" t="s">
        <v>521</v>
      </c>
      <c r="AP7" s="268"/>
      <c r="AQ7" s="269" t="s">
        <v>522</v>
      </c>
      <c r="AR7" s="270"/>
    </row>
    <row r="8" spans="1:46" ht="13"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55"/>
      <c r="AP8" s="274" t="s">
        <v>523</v>
      </c>
      <c r="AQ8" s="275" t="s">
        <v>524</v>
      </c>
      <c r="AR8" s="276" t="s">
        <v>525</v>
      </c>
    </row>
    <row r="9" spans="1:46" ht="13"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66" t="s">
        <v>526</v>
      </c>
      <c r="AL9" s="1167"/>
      <c r="AM9" s="1167"/>
      <c r="AN9" s="1168"/>
      <c r="AO9" s="277">
        <v>737761</v>
      </c>
      <c r="AP9" s="277">
        <v>107233</v>
      </c>
      <c r="AQ9" s="278">
        <v>139150</v>
      </c>
      <c r="AR9" s="279">
        <v>-22.9</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66" t="s">
        <v>527</v>
      </c>
      <c r="AL10" s="1167"/>
      <c r="AM10" s="1167"/>
      <c r="AN10" s="1168"/>
      <c r="AO10" s="280">
        <v>3311</v>
      </c>
      <c r="AP10" s="280">
        <v>481</v>
      </c>
      <c r="AQ10" s="281">
        <v>19663</v>
      </c>
      <c r="AR10" s="282">
        <v>-97.6</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66" t="s">
        <v>528</v>
      </c>
      <c r="AL11" s="1167"/>
      <c r="AM11" s="1167"/>
      <c r="AN11" s="1168"/>
      <c r="AO11" s="280" t="s">
        <v>529</v>
      </c>
      <c r="AP11" s="280" t="s">
        <v>529</v>
      </c>
      <c r="AQ11" s="281">
        <v>1097</v>
      </c>
      <c r="AR11" s="282" t="s">
        <v>529</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66" t="s">
        <v>530</v>
      </c>
      <c r="AL12" s="1167"/>
      <c r="AM12" s="1167"/>
      <c r="AN12" s="1168"/>
      <c r="AO12" s="280" t="s">
        <v>529</v>
      </c>
      <c r="AP12" s="280" t="s">
        <v>529</v>
      </c>
      <c r="AQ12" s="281" t="s">
        <v>529</v>
      </c>
      <c r="AR12" s="282" t="s">
        <v>529</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66" t="s">
        <v>531</v>
      </c>
      <c r="AL13" s="1167"/>
      <c r="AM13" s="1167"/>
      <c r="AN13" s="1168"/>
      <c r="AO13" s="280">
        <v>64204</v>
      </c>
      <c r="AP13" s="280">
        <v>9332</v>
      </c>
      <c r="AQ13" s="281">
        <v>5184</v>
      </c>
      <c r="AR13" s="282">
        <v>80</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66" t="s">
        <v>532</v>
      </c>
      <c r="AL14" s="1167"/>
      <c r="AM14" s="1167"/>
      <c r="AN14" s="1168"/>
      <c r="AO14" s="280">
        <v>2665</v>
      </c>
      <c r="AP14" s="280">
        <v>387</v>
      </c>
      <c r="AQ14" s="281">
        <v>3143</v>
      </c>
      <c r="AR14" s="282">
        <v>-87.7</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69" t="s">
        <v>533</v>
      </c>
      <c r="AL15" s="1170"/>
      <c r="AM15" s="1170"/>
      <c r="AN15" s="1171"/>
      <c r="AO15" s="280">
        <v>-43187</v>
      </c>
      <c r="AP15" s="280">
        <v>-6277</v>
      </c>
      <c r="AQ15" s="281">
        <v>-11320</v>
      </c>
      <c r="AR15" s="282">
        <v>-44.5</v>
      </c>
    </row>
    <row r="16" spans="1:46" ht="13"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69" t="s">
        <v>194</v>
      </c>
      <c r="AL16" s="1170"/>
      <c r="AM16" s="1170"/>
      <c r="AN16" s="1171"/>
      <c r="AO16" s="280">
        <v>764754</v>
      </c>
      <c r="AP16" s="280">
        <v>111156</v>
      </c>
      <c r="AQ16" s="281">
        <v>156916</v>
      </c>
      <c r="AR16" s="282">
        <v>-29.2</v>
      </c>
    </row>
    <row r="17" spans="1:46" ht="13"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34</v>
      </c>
      <c r="AL19" s="258"/>
      <c r="AM19" s="258"/>
      <c r="AN19" s="258"/>
      <c r="AO19" s="258"/>
      <c r="AP19" s="258"/>
      <c r="AQ19" s="258"/>
      <c r="AR19" s="258"/>
    </row>
    <row r="20" spans="1:46" ht="13"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35</v>
      </c>
      <c r="AP20" s="289" t="s">
        <v>536</v>
      </c>
      <c r="AQ20" s="290" t="s">
        <v>537</v>
      </c>
      <c r="AR20" s="291"/>
    </row>
    <row r="21" spans="1:46" s="297" customFormat="1" ht="13"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72" t="s">
        <v>538</v>
      </c>
      <c r="AL21" s="1173"/>
      <c r="AM21" s="1173"/>
      <c r="AN21" s="1174"/>
      <c r="AO21" s="293">
        <v>11.63</v>
      </c>
      <c r="AP21" s="294">
        <v>13.85</v>
      </c>
      <c r="AQ21" s="295">
        <v>-2.2200000000000002</v>
      </c>
      <c r="AR21" s="263"/>
      <c r="AS21" s="296"/>
      <c r="AT21" s="292"/>
    </row>
    <row r="22" spans="1:46" s="297" customFormat="1" ht="13"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72" t="s">
        <v>539</v>
      </c>
      <c r="AL22" s="1173"/>
      <c r="AM22" s="1173"/>
      <c r="AN22" s="1174"/>
      <c r="AO22" s="298">
        <v>92.5</v>
      </c>
      <c r="AP22" s="299">
        <v>95.5</v>
      </c>
      <c r="AQ22" s="300">
        <v>-3</v>
      </c>
      <c r="AR22" s="284"/>
      <c r="AS22" s="296"/>
      <c r="AT22" s="292"/>
    </row>
    <row r="23" spans="1:46" s="297" customFormat="1" ht="13"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 x14ac:dyDescent="0.2">
      <c r="A26" s="1165" t="s">
        <v>540</v>
      </c>
      <c r="B26" s="1165"/>
      <c r="C26" s="1165"/>
      <c r="D26" s="1165"/>
      <c r="E26" s="1165"/>
      <c r="F26" s="1165"/>
      <c r="G26" s="1165"/>
      <c r="H26" s="1165"/>
      <c r="I26" s="1165"/>
      <c r="J26" s="1165"/>
      <c r="K26" s="1165"/>
      <c r="L26" s="1165"/>
      <c r="M26" s="1165"/>
      <c r="N26" s="1165"/>
      <c r="O26" s="1165"/>
      <c r="P26" s="1165"/>
      <c r="Q26" s="1165"/>
      <c r="R26" s="1165"/>
      <c r="S26" s="1165"/>
      <c r="T26" s="1165"/>
      <c r="U26" s="1165"/>
      <c r="V26" s="1165"/>
      <c r="W26" s="1165"/>
      <c r="X26" s="1165"/>
      <c r="Y26" s="1165"/>
      <c r="Z26" s="1165"/>
      <c r="AA26" s="1165"/>
      <c r="AB26" s="1165"/>
      <c r="AC26" s="1165"/>
      <c r="AD26" s="1165"/>
      <c r="AE26" s="1165"/>
      <c r="AF26" s="1165"/>
      <c r="AG26" s="1165"/>
      <c r="AH26" s="1165"/>
      <c r="AI26" s="1165"/>
      <c r="AJ26" s="1165"/>
      <c r="AK26" s="1165"/>
      <c r="AL26" s="1165"/>
      <c r="AM26" s="1165"/>
      <c r="AN26" s="1165"/>
      <c r="AO26" s="1165"/>
      <c r="AP26" s="1165"/>
      <c r="AQ26" s="1165"/>
      <c r="AR26" s="1165"/>
      <c r="AS26" s="1165"/>
      <c r="AT26" s="263"/>
    </row>
    <row r="27" spans="1:46" ht="13" x14ac:dyDescent="0.2">
      <c r="A27" s="305"/>
      <c r="AO27" s="258"/>
      <c r="AP27" s="258"/>
      <c r="AQ27" s="258"/>
      <c r="AR27" s="258"/>
      <c r="AS27" s="258"/>
      <c r="AT27" s="258"/>
    </row>
    <row r="28" spans="1:46" ht="16.5" x14ac:dyDescent="0.2">
      <c r="A28" s="259" t="s">
        <v>541</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42</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54" t="s">
        <v>521</v>
      </c>
      <c r="AP30" s="268"/>
      <c r="AQ30" s="269" t="s">
        <v>522</v>
      </c>
      <c r="AR30" s="270"/>
    </row>
    <row r="31" spans="1:46" ht="13"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55"/>
      <c r="AP31" s="274" t="s">
        <v>523</v>
      </c>
      <c r="AQ31" s="275" t="s">
        <v>524</v>
      </c>
      <c r="AR31" s="276" t="s">
        <v>525</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56" t="s">
        <v>543</v>
      </c>
      <c r="AL32" s="1157"/>
      <c r="AM32" s="1157"/>
      <c r="AN32" s="1158"/>
      <c r="AO32" s="308">
        <v>405608</v>
      </c>
      <c r="AP32" s="308">
        <v>58955</v>
      </c>
      <c r="AQ32" s="309">
        <v>83132</v>
      </c>
      <c r="AR32" s="310">
        <v>-29.1</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56" t="s">
        <v>544</v>
      </c>
      <c r="AL33" s="1157"/>
      <c r="AM33" s="1157"/>
      <c r="AN33" s="1158"/>
      <c r="AO33" s="308" t="s">
        <v>529</v>
      </c>
      <c r="AP33" s="308" t="s">
        <v>529</v>
      </c>
      <c r="AQ33" s="309" t="s">
        <v>529</v>
      </c>
      <c r="AR33" s="310" t="s">
        <v>529</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56" t="s">
        <v>545</v>
      </c>
      <c r="AL34" s="1157"/>
      <c r="AM34" s="1157"/>
      <c r="AN34" s="1158"/>
      <c r="AO34" s="308" t="s">
        <v>529</v>
      </c>
      <c r="AP34" s="308" t="s">
        <v>529</v>
      </c>
      <c r="AQ34" s="309" t="s">
        <v>529</v>
      </c>
      <c r="AR34" s="310" t="s">
        <v>529</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56" t="s">
        <v>546</v>
      </c>
      <c r="AL35" s="1157"/>
      <c r="AM35" s="1157"/>
      <c r="AN35" s="1158"/>
      <c r="AO35" s="308">
        <v>97713</v>
      </c>
      <c r="AP35" s="308">
        <v>14202</v>
      </c>
      <c r="AQ35" s="309">
        <v>18852</v>
      </c>
      <c r="AR35" s="310">
        <v>-24.7</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56" t="s">
        <v>547</v>
      </c>
      <c r="AL36" s="1157"/>
      <c r="AM36" s="1157"/>
      <c r="AN36" s="1158"/>
      <c r="AO36" s="308">
        <v>94759</v>
      </c>
      <c r="AP36" s="308">
        <v>13773</v>
      </c>
      <c r="AQ36" s="309">
        <v>4344</v>
      </c>
      <c r="AR36" s="310">
        <v>217.1</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56" t="s">
        <v>548</v>
      </c>
      <c r="AL37" s="1157"/>
      <c r="AM37" s="1157"/>
      <c r="AN37" s="1158"/>
      <c r="AO37" s="308" t="s">
        <v>529</v>
      </c>
      <c r="AP37" s="308" t="s">
        <v>529</v>
      </c>
      <c r="AQ37" s="309">
        <v>1642</v>
      </c>
      <c r="AR37" s="310" t="s">
        <v>529</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59" t="s">
        <v>549</v>
      </c>
      <c r="AL38" s="1160"/>
      <c r="AM38" s="1160"/>
      <c r="AN38" s="1161"/>
      <c r="AO38" s="311" t="s">
        <v>529</v>
      </c>
      <c r="AP38" s="311" t="s">
        <v>529</v>
      </c>
      <c r="AQ38" s="312">
        <v>19</v>
      </c>
      <c r="AR38" s="300" t="s">
        <v>529</v>
      </c>
      <c r="AS38" s="307"/>
    </row>
    <row r="39" spans="1:46" ht="13"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59" t="s">
        <v>550</v>
      </c>
      <c r="AL39" s="1160"/>
      <c r="AM39" s="1160"/>
      <c r="AN39" s="1161"/>
      <c r="AO39" s="308">
        <v>-5944</v>
      </c>
      <c r="AP39" s="308">
        <v>-864</v>
      </c>
      <c r="AQ39" s="309">
        <v>-4399</v>
      </c>
      <c r="AR39" s="310">
        <v>-80.400000000000006</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56" t="s">
        <v>551</v>
      </c>
      <c r="AL40" s="1157"/>
      <c r="AM40" s="1157"/>
      <c r="AN40" s="1158"/>
      <c r="AO40" s="308">
        <v>-320463</v>
      </c>
      <c r="AP40" s="308">
        <v>-46579</v>
      </c>
      <c r="AQ40" s="309">
        <v>-69608</v>
      </c>
      <c r="AR40" s="310">
        <v>-33.1</v>
      </c>
      <c r="AS40" s="307"/>
    </row>
    <row r="41" spans="1:46" ht="13"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162" t="s">
        <v>307</v>
      </c>
      <c r="AL41" s="1163"/>
      <c r="AM41" s="1163"/>
      <c r="AN41" s="1164"/>
      <c r="AO41" s="308">
        <v>271673</v>
      </c>
      <c r="AP41" s="308">
        <v>39487</v>
      </c>
      <c r="AQ41" s="309">
        <v>33982</v>
      </c>
      <c r="AR41" s="310">
        <v>16.2</v>
      </c>
      <c r="AS41" s="307"/>
    </row>
    <row r="42" spans="1:46" ht="13"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52</v>
      </c>
      <c r="AL42" s="258"/>
      <c r="AM42" s="258"/>
      <c r="AN42" s="258"/>
      <c r="AO42" s="258"/>
      <c r="AP42" s="258"/>
      <c r="AQ42" s="284"/>
      <c r="AR42" s="284"/>
      <c r="AS42" s="307"/>
    </row>
    <row r="43" spans="1:46" ht="13"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53</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54</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49" t="s">
        <v>521</v>
      </c>
      <c r="AN49" s="1151" t="s">
        <v>555</v>
      </c>
      <c r="AO49" s="1152"/>
      <c r="AP49" s="1152"/>
      <c r="AQ49" s="1152"/>
      <c r="AR49" s="1153"/>
    </row>
    <row r="50" spans="1:44" ht="13"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50"/>
      <c r="AN50" s="324" t="s">
        <v>556</v>
      </c>
      <c r="AO50" s="325" t="s">
        <v>557</v>
      </c>
      <c r="AP50" s="326" t="s">
        <v>558</v>
      </c>
      <c r="AQ50" s="327" t="s">
        <v>559</v>
      </c>
      <c r="AR50" s="328" t="s">
        <v>560</v>
      </c>
    </row>
    <row r="51" spans="1:44" ht="13"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61</v>
      </c>
      <c r="AL51" s="321"/>
      <c r="AM51" s="329">
        <v>154330</v>
      </c>
      <c r="AN51" s="330">
        <v>21043</v>
      </c>
      <c r="AO51" s="331">
        <v>76.900000000000006</v>
      </c>
      <c r="AP51" s="332">
        <v>121449</v>
      </c>
      <c r="AQ51" s="333">
        <v>4.5999999999999996</v>
      </c>
      <c r="AR51" s="334">
        <v>72.3</v>
      </c>
    </row>
    <row r="52" spans="1:44" ht="13"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62</v>
      </c>
      <c r="AM52" s="337">
        <v>126232</v>
      </c>
      <c r="AN52" s="338">
        <v>17212</v>
      </c>
      <c r="AO52" s="339">
        <v>165.9</v>
      </c>
      <c r="AP52" s="340">
        <v>62922</v>
      </c>
      <c r="AQ52" s="341">
        <v>2.2000000000000002</v>
      </c>
      <c r="AR52" s="342">
        <v>163.69999999999999</v>
      </c>
    </row>
    <row r="53" spans="1:44" ht="13"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63</v>
      </c>
      <c r="AL53" s="321"/>
      <c r="AM53" s="329">
        <v>705825</v>
      </c>
      <c r="AN53" s="330">
        <v>97977</v>
      </c>
      <c r="AO53" s="331">
        <v>365.6</v>
      </c>
      <c r="AP53" s="332">
        <v>145139</v>
      </c>
      <c r="AQ53" s="333">
        <v>19.5</v>
      </c>
      <c r="AR53" s="334">
        <v>346.1</v>
      </c>
    </row>
    <row r="54" spans="1:44" ht="13"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62</v>
      </c>
      <c r="AM54" s="337">
        <v>663859</v>
      </c>
      <c r="AN54" s="338">
        <v>92151</v>
      </c>
      <c r="AO54" s="339">
        <v>435.4</v>
      </c>
      <c r="AP54" s="340">
        <v>83762</v>
      </c>
      <c r="AQ54" s="341">
        <v>33.1</v>
      </c>
      <c r="AR54" s="342">
        <v>402.3</v>
      </c>
    </row>
    <row r="55" spans="1:44" ht="13"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64</v>
      </c>
      <c r="AL55" s="321"/>
      <c r="AM55" s="329">
        <v>424716</v>
      </c>
      <c r="AN55" s="330">
        <v>59693</v>
      </c>
      <c r="AO55" s="331">
        <v>-39.1</v>
      </c>
      <c r="AP55" s="332">
        <v>125391</v>
      </c>
      <c r="AQ55" s="333">
        <v>-13.6</v>
      </c>
      <c r="AR55" s="334">
        <v>-25.5</v>
      </c>
    </row>
    <row r="56" spans="1:44" ht="13"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62</v>
      </c>
      <c r="AM56" s="337">
        <v>359129</v>
      </c>
      <c r="AN56" s="338">
        <v>50475</v>
      </c>
      <c r="AO56" s="339">
        <v>-45.2</v>
      </c>
      <c r="AP56" s="340">
        <v>68516</v>
      </c>
      <c r="AQ56" s="341">
        <v>-18.2</v>
      </c>
      <c r="AR56" s="342">
        <v>-27</v>
      </c>
    </row>
    <row r="57" spans="1:44" ht="13"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65</v>
      </c>
      <c r="AL57" s="321"/>
      <c r="AM57" s="329">
        <v>157245</v>
      </c>
      <c r="AN57" s="330">
        <v>22515</v>
      </c>
      <c r="AO57" s="331">
        <v>-62.3</v>
      </c>
      <c r="AP57" s="332">
        <v>138402</v>
      </c>
      <c r="AQ57" s="333">
        <v>10.4</v>
      </c>
      <c r="AR57" s="334">
        <v>-72.7</v>
      </c>
    </row>
    <row r="58" spans="1:44" ht="13"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62</v>
      </c>
      <c r="AM58" s="337">
        <v>122780</v>
      </c>
      <c r="AN58" s="338">
        <v>17580</v>
      </c>
      <c r="AO58" s="339">
        <v>-65.2</v>
      </c>
      <c r="AP58" s="340">
        <v>70652</v>
      </c>
      <c r="AQ58" s="341">
        <v>3.1</v>
      </c>
      <c r="AR58" s="342">
        <v>-68.3</v>
      </c>
    </row>
    <row r="59" spans="1:44" ht="13"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66</v>
      </c>
      <c r="AL59" s="321"/>
      <c r="AM59" s="329">
        <v>189257</v>
      </c>
      <c r="AN59" s="330">
        <v>27508</v>
      </c>
      <c r="AO59" s="331">
        <v>22.2</v>
      </c>
      <c r="AP59" s="332">
        <v>146367</v>
      </c>
      <c r="AQ59" s="333">
        <v>5.8</v>
      </c>
      <c r="AR59" s="334">
        <v>16.399999999999999</v>
      </c>
    </row>
    <row r="60" spans="1:44" ht="13"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62</v>
      </c>
      <c r="AM60" s="337">
        <v>92709</v>
      </c>
      <c r="AN60" s="338">
        <v>13475</v>
      </c>
      <c r="AO60" s="339">
        <v>-23.4</v>
      </c>
      <c r="AP60" s="340">
        <v>79441</v>
      </c>
      <c r="AQ60" s="341">
        <v>12.4</v>
      </c>
      <c r="AR60" s="342">
        <v>-35.799999999999997</v>
      </c>
    </row>
    <row r="61" spans="1:44" ht="13"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67</v>
      </c>
      <c r="AL61" s="343"/>
      <c r="AM61" s="344">
        <v>326275</v>
      </c>
      <c r="AN61" s="345">
        <v>45747</v>
      </c>
      <c r="AO61" s="346">
        <v>72.7</v>
      </c>
      <c r="AP61" s="347">
        <v>135350</v>
      </c>
      <c r="AQ61" s="348">
        <v>5.3</v>
      </c>
      <c r="AR61" s="334">
        <v>67.400000000000006</v>
      </c>
    </row>
    <row r="62" spans="1:44" ht="13"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62</v>
      </c>
      <c r="AM62" s="337">
        <v>272942</v>
      </c>
      <c r="AN62" s="338">
        <v>38179</v>
      </c>
      <c r="AO62" s="339">
        <v>93.5</v>
      </c>
      <c r="AP62" s="340">
        <v>73059</v>
      </c>
      <c r="AQ62" s="341">
        <v>6.5</v>
      </c>
      <c r="AR62" s="342">
        <v>87</v>
      </c>
    </row>
    <row r="63" spans="1:44" ht="13"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 hidden="1" x14ac:dyDescent="0.2">
      <c r="AK70" s="258"/>
      <c r="AL70" s="258"/>
      <c r="AM70" s="258"/>
      <c r="AN70" s="258"/>
      <c r="AO70" s="258"/>
      <c r="AP70" s="258"/>
      <c r="AQ70" s="258"/>
      <c r="AR70" s="258"/>
    </row>
    <row r="71" spans="1:46" ht="13" hidden="1" x14ac:dyDescent="0.2">
      <c r="AK71" s="258"/>
      <c r="AL71" s="258"/>
      <c r="AM71" s="258"/>
      <c r="AN71" s="258"/>
      <c r="AO71" s="258"/>
      <c r="AP71" s="258"/>
      <c r="AQ71" s="258"/>
      <c r="AR71" s="258"/>
    </row>
    <row r="72" spans="1:46" ht="13" hidden="1" x14ac:dyDescent="0.2">
      <c r="AK72" s="258"/>
      <c r="AL72" s="258"/>
      <c r="AM72" s="258"/>
      <c r="AN72" s="258"/>
      <c r="AO72" s="258"/>
      <c r="AP72" s="258"/>
      <c r="AQ72" s="258"/>
      <c r="AR72" s="258"/>
    </row>
    <row r="73" spans="1:46" ht="13" hidden="1" x14ac:dyDescent="0.2">
      <c r="AK73" s="258"/>
      <c r="AL73" s="258"/>
      <c r="AM73" s="258"/>
      <c r="AN73" s="258"/>
      <c r="AO73" s="258"/>
      <c r="AP73" s="258"/>
      <c r="AQ73" s="258"/>
      <c r="AR73" s="258"/>
    </row>
  </sheetData>
  <sheetProtection algorithmName="SHA-512" hashValue="SxYLIX050JfIvsDv12rcwCg/A82P/cszlpC8gB1aICOFNCzPiAZUw2NqFEjBkBJwGRyCm0s1nsjASMgViz8X6g==" saltValue="llcYlOTnof55da2XjZtawQ=="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 x14ac:dyDescent="0.2">
      <c r="B2" s="255"/>
      <c r="DG2" s="255"/>
    </row>
    <row r="3" spans="2:125" ht="13"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 x14ac:dyDescent="0.2"/>
    <row r="5" spans="2:125" ht="13" x14ac:dyDescent="0.2"/>
    <row r="6" spans="2:125" ht="13" x14ac:dyDescent="0.2"/>
    <row r="7" spans="2:125" ht="13" x14ac:dyDescent="0.2"/>
    <row r="8" spans="2:125" ht="13" x14ac:dyDescent="0.2"/>
    <row r="9" spans="2:125" ht="13" x14ac:dyDescent="0.2">
      <c r="DU9" s="255"/>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5"/>
    </row>
    <row r="18" spans="125:125" ht="13" x14ac:dyDescent="0.2"/>
    <row r="19" spans="125:125" ht="13" x14ac:dyDescent="0.2"/>
    <row r="20" spans="125:125" ht="13" x14ac:dyDescent="0.2">
      <c r="DU20" s="255"/>
    </row>
    <row r="21" spans="125:125" ht="13" x14ac:dyDescent="0.2">
      <c r="DU21" s="255"/>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5"/>
    </row>
    <row r="29" spans="125:125" ht="13" x14ac:dyDescent="0.2"/>
    <row r="30" spans="125:125" ht="13" x14ac:dyDescent="0.2"/>
    <row r="31" spans="125:125" ht="13" x14ac:dyDescent="0.2"/>
    <row r="32" spans="125:125" ht="13" x14ac:dyDescent="0.2"/>
    <row r="33" spans="2:125" ht="13" x14ac:dyDescent="0.2">
      <c r="B33" s="255"/>
      <c r="G33" s="255"/>
      <c r="I33" s="255"/>
    </row>
    <row r="34" spans="2:125" ht="13" x14ac:dyDescent="0.2">
      <c r="C34" s="255"/>
      <c r="P34" s="255"/>
      <c r="DE34" s="255"/>
      <c r="DH34" s="255"/>
    </row>
    <row r="35" spans="2:125" ht="13" x14ac:dyDescent="0.2">
      <c r="D35" s="255"/>
      <c r="E35" s="255"/>
      <c r="DG35" s="255"/>
      <c r="DJ35" s="255"/>
      <c r="DP35" s="255"/>
      <c r="DQ35" s="255"/>
      <c r="DR35" s="255"/>
      <c r="DS35" s="255"/>
      <c r="DT35" s="255"/>
      <c r="DU35" s="255"/>
    </row>
    <row r="36" spans="2:125" ht="13"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 x14ac:dyDescent="0.2">
      <c r="DU37" s="255"/>
    </row>
    <row r="38" spans="2:125" ht="13" x14ac:dyDescent="0.2">
      <c r="DT38" s="255"/>
      <c r="DU38" s="255"/>
    </row>
    <row r="39" spans="2:125" ht="13" x14ac:dyDescent="0.2"/>
    <row r="40" spans="2:125" ht="13" x14ac:dyDescent="0.2">
      <c r="DH40" s="255"/>
    </row>
    <row r="41" spans="2:125" ht="13" x14ac:dyDescent="0.2">
      <c r="DE41" s="255"/>
    </row>
    <row r="42" spans="2:125" ht="13" x14ac:dyDescent="0.2">
      <c r="DG42" s="255"/>
      <c r="DJ42" s="255"/>
    </row>
    <row r="43" spans="2:125" ht="13"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 x14ac:dyDescent="0.2">
      <c r="DU44" s="255"/>
    </row>
    <row r="45" spans="2:125" ht="13" x14ac:dyDescent="0.2"/>
    <row r="46" spans="2:125" ht="13" x14ac:dyDescent="0.2"/>
    <row r="47" spans="2:125" ht="13" x14ac:dyDescent="0.2"/>
    <row r="48" spans="2:125" ht="13" x14ac:dyDescent="0.2">
      <c r="DT48" s="255"/>
      <c r="DU48" s="255"/>
    </row>
    <row r="49" spans="120:125" ht="13" x14ac:dyDescent="0.2">
      <c r="DU49" s="255"/>
    </row>
    <row r="50" spans="120:125" ht="13" x14ac:dyDescent="0.2">
      <c r="DU50" s="255"/>
    </row>
    <row r="51" spans="120:125" ht="13" x14ac:dyDescent="0.2">
      <c r="DP51" s="255"/>
      <c r="DQ51" s="255"/>
      <c r="DR51" s="255"/>
      <c r="DS51" s="255"/>
      <c r="DT51" s="255"/>
      <c r="DU51" s="255"/>
    </row>
    <row r="52" spans="120:125" ht="13" x14ac:dyDescent="0.2"/>
    <row r="53" spans="120:125" ht="13" x14ac:dyDescent="0.2"/>
    <row r="54" spans="120:125" ht="13" x14ac:dyDescent="0.2">
      <c r="DU54" s="255"/>
    </row>
    <row r="55" spans="120:125" ht="13" x14ac:dyDescent="0.2"/>
    <row r="56" spans="120:125" ht="13" x14ac:dyDescent="0.2"/>
    <row r="57" spans="120:125" ht="13" x14ac:dyDescent="0.2"/>
    <row r="58" spans="120:125" ht="13" x14ac:dyDescent="0.2">
      <c r="DU58" s="255"/>
    </row>
    <row r="59" spans="120:125" ht="13" x14ac:dyDescent="0.2"/>
    <row r="60" spans="120:125" ht="13" x14ac:dyDescent="0.2"/>
    <row r="61" spans="120:125" ht="13" x14ac:dyDescent="0.2"/>
    <row r="62" spans="120:125" ht="13" x14ac:dyDescent="0.2"/>
    <row r="63" spans="120:125" ht="13" x14ac:dyDescent="0.2">
      <c r="DU63" s="255"/>
    </row>
    <row r="64" spans="120:125" ht="13" x14ac:dyDescent="0.2">
      <c r="DT64" s="255"/>
      <c r="DU64" s="255"/>
    </row>
    <row r="65" spans="123:125" ht="13" x14ac:dyDescent="0.2"/>
    <row r="66" spans="123:125" ht="13" x14ac:dyDescent="0.2"/>
    <row r="67" spans="123:125" ht="13" x14ac:dyDescent="0.2"/>
    <row r="68" spans="123:125" ht="13" x14ac:dyDescent="0.2"/>
    <row r="69" spans="123:125" ht="13" x14ac:dyDescent="0.2">
      <c r="DS69" s="255"/>
      <c r="DT69" s="255"/>
      <c r="DU69" s="255"/>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5"/>
    </row>
    <row r="83" spans="116:125" ht="13" x14ac:dyDescent="0.2">
      <c r="DM83" s="255"/>
      <c r="DN83" s="255"/>
      <c r="DO83" s="255"/>
      <c r="DP83" s="255"/>
      <c r="DQ83" s="255"/>
      <c r="DR83" s="255"/>
      <c r="DS83" s="255"/>
      <c r="DT83" s="255"/>
      <c r="DU83" s="255"/>
    </row>
    <row r="84" spans="116:125" ht="13" x14ac:dyDescent="0.2"/>
    <row r="85" spans="116:125" ht="13" x14ac:dyDescent="0.2"/>
    <row r="86" spans="116:125" ht="13" x14ac:dyDescent="0.2"/>
    <row r="87" spans="116:125" ht="13" x14ac:dyDescent="0.2"/>
    <row r="88" spans="116:125" ht="13" x14ac:dyDescent="0.2">
      <c r="DU88" s="255"/>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69</v>
      </c>
    </row>
    <row r="121" spans="125:125" ht="13.5" hidden="1" customHeight="1" x14ac:dyDescent="0.2">
      <c r="DU121" s="255"/>
    </row>
  </sheetData>
  <sheetProtection algorithmName="SHA-512" hashValue="GVPVgROifDiCMU7qRQk5HYoaPDWkRfvxY9zvqj3oAUcBMdGGtb08kf9ct/5RHeUKJn5GSNVlu36IZfT5ryLpfQ==" saltValue="WBPFxDdod8VgfnBVAMvWC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 x14ac:dyDescent="0.2">
      <c r="B2" s="255"/>
      <c r="T2" s="255"/>
    </row>
    <row r="3" spans="1:125" ht="13"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5"/>
      <c r="G33" s="255"/>
      <c r="I33" s="255"/>
    </row>
    <row r="34" spans="2:125" ht="13" x14ac:dyDescent="0.2">
      <c r="C34" s="255"/>
      <c r="P34" s="255"/>
      <c r="R34" s="255"/>
      <c r="U34" s="255"/>
    </row>
    <row r="35" spans="2:125" ht="13"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 x14ac:dyDescent="0.2">
      <c r="F36" s="255"/>
      <c r="H36" s="255"/>
      <c r="J36" s="255"/>
      <c r="K36" s="255"/>
      <c r="L36" s="255"/>
      <c r="M36" s="255"/>
      <c r="N36" s="255"/>
      <c r="O36" s="255"/>
      <c r="Q36" s="255"/>
      <c r="S36" s="255"/>
      <c r="V36" s="255"/>
    </row>
    <row r="37" spans="2:125" ht="13" x14ac:dyDescent="0.2"/>
    <row r="38" spans="2:125" ht="13" x14ac:dyDescent="0.2"/>
    <row r="39" spans="2:125" ht="13" x14ac:dyDescent="0.2"/>
    <row r="40" spans="2:125" ht="13" x14ac:dyDescent="0.2">
      <c r="U40" s="255"/>
    </row>
    <row r="41" spans="2:125" ht="13" x14ac:dyDescent="0.2">
      <c r="R41" s="255"/>
    </row>
    <row r="42" spans="2:125" ht="13"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 x14ac:dyDescent="0.2">
      <c r="Q43" s="255"/>
      <c r="S43" s="255"/>
      <c r="V43" s="255"/>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70</v>
      </c>
    </row>
  </sheetData>
  <sheetProtection algorithmName="SHA-512" hashValue="RPgXPndKa5OXUs0UF17YCRnMS6yvS3fvJ/+rXnDH3jjolO7k/EWaYfWWR7zavZ9SeqZORJkzSwiKroo8w/v3nA==" saltValue="DBNW70KFwS1cHRI+6KJFUw=="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71</v>
      </c>
      <c r="G46" s="8" t="s">
        <v>572</v>
      </c>
      <c r="H46" s="8" t="s">
        <v>573</v>
      </c>
      <c r="I46" s="8" t="s">
        <v>574</v>
      </c>
      <c r="J46" s="9" t="s">
        <v>575</v>
      </c>
    </row>
    <row r="47" spans="2:10" ht="57.75" customHeight="1" x14ac:dyDescent="0.2">
      <c r="B47" s="10"/>
      <c r="C47" s="1175" t="s">
        <v>3</v>
      </c>
      <c r="D47" s="1175"/>
      <c r="E47" s="1176"/>
      <c r="F47" s="11">
        <v>16.57</v>
      </c>
      <c r="G47" s="12">
        <v>13.51</v>
      </c>
      <c r="H47" s="12">
        <v>11.36</v>
      </c>
      <c r="I47" s="12">
        <v>13.39</v>
      </c>
      <c r="J47" s="13">
        <v>18.03</v>
      </c>
    </row>
    <row r="48" spans="2:10" ht="57.75" customHeight="1" x14ac:dyDescent="0.2">
      <c r="B48" s="14"/>
      <c r="C48" s="1177" t="s">
        <v>4</v>
      </c>
      <c r="D48" s="1177"/>
      <c r="E48" s="1178"/>
      <c r="F48" s="15">
        <v>10.24</v>
      </c>
      <c r="G48" s="16">
        <v>8.06</v>
      </c>
      <c r="H48" s="16">
        <v>6.75</v>
      </c>
      <c r="I48" s="16">
        <v>13.59</v>
      </c>
      <c r="J48" s="17">
        <v>7.37</v>
      </c>
    </row>
    <row r="49" spans="2:10" ht="57.75" customHeight="1" thickBot="1" x14ac:dyDescent="0.25">
      <c r="B49" s="18"/>
      <c r="C49" s="1179" t="s">
        <v>5</v>
      </c>
      <c r="D49" s="1179"/>
      <c r="E49" s="1180"/>
      <c r="F49" s="19" t="s">
        <v>576</v>
      </c>
      <c r="G49" s="20" t="s">
        <v>577</v>
      </c>
      <c r="H49" s="20" t="s">
        <v>578</v>
      </c>
      <c r="I49" s="20">
        <v>10.41</v>
      </c>
      <c r="J49" s="21" t="s">
        <v>579</v>
      </c>
    </row>
    <row r="50" spans="2:10" ht="13" x14ac:dyDescent="0.2"/>
  </sheetData>
  <sheetProtection algorithmName="SHA-512" hashValue="eJJS2jyVklK6HjYJpNU4ISbfL9kyxfdS+tZt2J02bt/lBp9aTd4cmz1pzfUpMHGQ6Xe6F/drX2LAWzLIEllyGQ==" saltValue="k8t3f7R3AIy2GJ4jAwc3Q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9-12T01:56:32Z</cp:lastPrinted>
  <dcterms:created xsi:type="dcterms:W3CDTF">2024-03-14T02:08:46Z</dcterms:created>
  <dcterms:modified xsi:type="dcterms:W3CDTF">2024-09-27T01:00:30Z</dcterms:modified>
  <cp:category/>
</cp:coreProperties>
</file>